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1\HP2601\"/>
    </mc:Choice>
  </mc:AlternateContent>
  <xr:revisionPtr revIDLastSave="0" documentId="13_ncr:1_{74999EE2-80B8-44C9-9EF1-7510596C5C8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目次" sheetId="91" r:id="rId1"/>
    <sheet name="年齢別・性別人口(01総曲輪)" sheetId="2" r:id="rId2"/>
    <sheet name="年齢別・性別人口(02愛宕)" sheetId="3" r:id="rId3"/>
    <sheet name="年齢別・性別人口(03安野屋)" sheetId="4" r:id="rId4"/>
    <sheet name="年齢別・性別人口(04八人町)" sheetId="5" r:id="rId5"/>
    <sheet name="年齢別・性別人口(05五番町)" sheetId="6" r:id="rId6"/>
    <sheet name="年齢別・性別人口(06柳町)" sheetId="7" r:id="rId7"/>
    <sheet name="年齢別・性別人口(07清水町)" sheetId="8" r:id="rId8"/>
    <sheet name="年齢別・性別人口(08星井町)" sheetId="9" r:id="rId9"/>
    <sheet name="年齢別・性別人口(09西田地方)" sheetId="10" r:id="rId10"/>
    <sheet name="年齢別・性別人口(10堀川)" sheetId="11" r:id="rId11"/>
    <sheet name="年齢別・性別人口(11堀川南)" sheetId="12" r:id="rId12"/>
    <sheet name="年齢別・性別人口(12東部)" sheetId="13" r:id="rId13"/>
    <sheet name="年齢別・性別人口(13奥田)" sheetId="14" r:id="rId14"/>
    <sheet name="年齢別・性別人口(14奥田北)" sheetId="15" r:id="rId15"/>
    <sheet name="年齢別・性別人口(15桜谷)" sheetId="16" r:id="rId16"/>
    <sheet name="年齢別・性別人口(16五福)" sheetId="17" r:id="rId17"/>
    <sheet name="年齢別・性別人口(17神明)" sheetId="18" r:id="rId18"/>
    <sheet name="年齢別・性別人口(18岩瀬)" sheetId="19" r:id="rId19"/>
    <sheet name="年齢別・性別人口(19萩浦)" sheetId="20" r:id="rId20"/>
    <sheet name="年齢別・性別人口(20大広田)" sheetId="21" r:id="rId21"/>
    <sheet name="年齢別・性別人口(21浜黒崎)" sheetId="22" r:id="rId22"/>
    <sheet name="年齢別・性別人口(22針原)" sheetId="23" r:id="rId23"/>
    <sheet name="年齢別・性別人口(23豊田)" sheetId="24" r:id="rId24"/>
    <sheet name="年齢別・性別人口(24広田)" sheetId="25" r:id="rId25"/>
    <sheet name="年齢別・性別人口(25新庄)" sheetId="26" r:id="rId26"/>
    <sheet name="年齢別・性別人口(26藤ノ木)" sheetId="27" r:id="rId27"/>
    <sheet name="年齢別・性別人口(27山室)" sheetId="28" r:id="rId28"/>
    <sheet name="年齢別・性別人口(28山室中部)" sheetId="29" r:id="rId29"/>
    <sheet name="年齢別・性別人口(29太田)" sheetId="30" r:id="rId30"/>
    <sheet name="年齢別・性別人口(30蜷川)" sheetId="31" r:id="rId31"/>
    <sheet name="年齢別・性別人口(31新保)" sheetId="32" r:id="rId32"/>
    <sheet name="年齢別・性別人口(32熊野)" sheetId="33" r:id="rId33"/>
    <sheet name="年齢別・性別人口(33月岡)" sheetId="34" r:id="rId34"/>
    <sheet name="年齢別・性別人口(34四方)" sheetId="35" r:id="rId35"/>
    <sheet name="年齢別・性別人口(35八幡)" sheetId="36" r:id="rId36"/>
    <sheet name="年齢別・性別人口(36草島)" sheetId="37" r:id="rId37"/>
    <sheet name="年齢別・性別人口(37倉垣)" sheetId="38" r:id="rId38"/>
    <sheet name="年齢別・性別人口(38呉羽)" sheetId="39" r:id="rId39"/>
    <sheet name="年齢別・性別人口(39長岡)" sheetId="40" r:id="rId40"/>
    <sheet name="年齢別・性別人口(40寒江)" sheetId="41" r:id="rId41"/>
    <sheet name="年齢別・性別人口(41古沢)" sheetId="42" r:id="rId42"/>
    <sheet name="年齢別・性別人口(42老田)" sheetId="43" r:id="rId43"/>
    <sheet name="年齢別・性別人口(43池多)" sheetId="44" r:id="rId44"/>
    <sheet name="年齢別・性別人口(44水橋中部)" sheetId="45" r:id="rId45"/>
    <sheet name="年齢別・性別人口(45水橋西部)" sheetId="46" r:id="rId46"/>
    <sheet name="年齢別・性別人口(46水橋東部)" sheetId="47" r:id="rId47"/>
    <sheet name="年齢別・性別人口(47三郷)" sheetId="48" r:id="rId48"/>
    <sheet name="年齢別・性別人口(48上条)" sheetId="49" r:id="rId49"/>
    <sheet name="年齢別・性別人口(49光陽)" sheetId="50" r:id="rId50"/>
    <sheet name="年齢別・性別人口(50新庄北）" sheetId="51" r:id="rId51"/>
    <sheet name="年齢別・性別人口(0099富山地域)" sheetId="52" r:id="rId52"/>
    <sheet name="年齢別・性別人口0101下タ)" sheetId="53" r:id="rId53"/>
    <sheet name="年齢別・性別人口(0102小羽)" sheetId="54" r:id="rId54"/>
    <sheet name="年齢別・性別人口(0103船峅)" sheetId="55" r:id="rId55"/>
    <sheet name="年齢別・性別人口(0104大沢野)" sheetId="56" r:id="rId56"/>
    <sheet name="年齢別・性別人口(0105大久保)" sheetId="57" r:id="rId57"/>
    <sheet name="年齢別・性別人口(0199大沢野地域)" sheetId="58" r:id="rId58"/>
    <sheet name="年齢別・性別人口(0201上滝)" sheetId="59" r:id="rId59"/>
    <sheet name="年齢別・性別人口(0202大山)" sheetId="60" r:id="rId60"/>
    <sheet name="年齢別・性別人口(0203大庄)" sheetId="61" r:id="rId61"/>
    <sheet name="年齢別・性別人口(0204福沢)" sheetId="62" r:id="rId62"/>
    <sheet name="年齢別・性別人口(0299大山地域)" sheetId="63" r:id="rId63"/>
    <sheet name="年齢別・性別人口(0301八尾)" sheetId="64" r:id="rId64"/>
    <sheet name="年齢別・性別人口(0302保内)" sheetId="65" r:id="rId65"/>
    <sheet name="年齢別・性別人口(0303杉原)" sheetId="66" r:id="rId66"/>
    <sheet name="年齢別・性別人口(0304卯花)" sheetId="67" r:id="rId67"/>
    <sheet name="年齢別・性別人口(0305室牧)" sheetId="68" r:id="rId68"/>
    <sheet name="年齢別・性別人口(0306黒瀬谷)" sheetId="69" r:id="rId69"/>
    <sheet name="年齢別・性別人口(0307野積)" sheetId="70" r:id="rId70"/>
    <sheet name="年齢別・性別人口(0308仁歩)" sheetId="71" r:id="rId71"/>
    <sheet name="年齢別・性別人口(0309大長谷)" sheetId="72" r:id="rId72"/>
    <sheet name="年齢別・性別人口(0399八尾地域)" sheetId="73" r:id="rId73"/>
    <sheet name="年齢別・性別人口(0401速星)" sheetId="74" r:id="rId74"/>
    <sheet name="年齢別・性別人口(0402鵜坂)" sheetId="75" r:id="rId75"/>
    <sheet name="年齢別・性別人口(0403朝日)" sheetId="76" r:id="rId76"/>
    <sheet name="年齢別・性別人口(0404宮川)" sheetId="77" r:id="rId77"/>
    <sheet name="年齢別・性別人口(0405婦中熊野)" sheetId="78" r:id="rId78"/>
    <sheet name="年齢別・性別人口(0406古里)" sheetId="79" r:id="rId79"/>
    <sheet name="年齢別・性別人口(0407音川)" sheetId="80" r:id="rId80"/>
    <sheet name="年齢別・性別人口(0408神保)" sheetId="81" r:id="rId81"/>
    <sheet name="年齢別・性別人口(0499婦中地域)" sheetId="82" r:id="rId82"/>
    <sheet name="年齢別・性別人口(0501山田南部)" sheetId="93" r:id="rId83"/>
    <sheet name="年齢別・性別人口(0502山田中部)" sheetId="84" r:id="rId84"/>
    <sheet name="年齢別・性別人口(0503山田西部)" sheetId="92" r:id="rId85"/>
    <sheet name="年齢別・性別人口(0504山田東部)" sheetId="86" r:id="rId86"/>
    <sheet name="年齢別・性別人口(0599山田地域)" sheetId="87" r:id="rId87"/>
    <sheet name="年齢別・性別人口(0601細入北部)" sheetId="88" r:id="rId88"/>
    <sheet name="年齢別・性別人口(0602細入南部)" sheetId="89" r:id="rId89"/>
    <sheet name="年齢別・性別人口(0699細入地域)" sheetId="90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86" uniqueCount="221">
  <si>
    <t>《75～79》</t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《25～29》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</t>
    <rPh sb="0" eb="2">
      <t>ネンレイ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【0～14】</t>
  </si>
  <si>
    <t>《0～4》</t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《20～24》</t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《5～9》</t>
  </si>
  <si>
    <t>《10～14》</t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《15～19》</t>
  </si>
  <si>
    <t>《30～34》</t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《45～49》</t>
  </si>
  <si>
    <t>《35～39》</t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《65～69》</t>
  </si>
  <si>
    <t>《40～44》</t>
  </si>
  <si>
    <t>《50～54》</t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計</t>
    <rPh sb="0" eb="1">
      <t>ケイ</t>
    </rPh>
    <phoneticPr fontId="2"/>
  </si>
  <si>
    <t>《55～59》</t>
  </si>
  <si>
    <t>《60～64》</t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15～64】</t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70～74》</t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《80～84》</t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《85～89》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《90～94》</t>
  </si>
  <si>
    <t>《95～99》</t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101～</t>
  </si>
  <si>
    <t>《100～》</t>
  </si>
  <si>
    <t>【合計】</t>
    <rPh sb="1" eb="3">
      <t>ゴウケイ</t>
    </rPh>
    <phoneticPr fontId="2"/>
  </si>
  <si>
    <t>【65～】</t>
  </si>
  <si>
    <t>男</t>
    <rPh sb="0" eb="1">
      <t>オトコ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女</t>
    <rPh sb="0" eb="1">
      <t>オンナ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令和8年1月末</t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8年1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4"/>
      <name val="ＭＳ 明朝"/>
      <family val="1"/>
    </font>
    <font>
      <sz val="12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6"/>
      <name val="ＭＳ Ｐ明朝"/>
      <family val="1"/>
      <charset val="128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38" fontId="1" fillId="0" borderId="0" applyFont="0" applyFill="0" applyBorder="0" applyAlignment="0" applyProtection="0"/>
  </cellStyleXfs>
  <cellXfs count="62">
    <xf numFmtId="0" fontId="0" fillId="0" borderId="0" xfId="0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38" fontId="1" fillId="0" borderId="2" xfId="1" applyFont="1" applyBorder="1" applyAlignment="1">
      <alignment horizontal="distributed" vertical="center"/>
    </xf>
    <xf numFmtId="38" fontId="1" fillId="0" borderId="3" xfId="1" applyFont="1" applyBorder="1" applyAlignment="1">
      <alignment horizontal="distributed" vertical="center"/>
    </xf>
    <xf numFmtId="38" fontId="1" fillId="0" borderId="3" xfId="1" applyFont="1" applyBorder="1" applyAlignment="1">
      <alignment horizontal="center" vertical="center"/>
    </xf>
    <xf numFmtId="38" fontId="1" fillId="0" borderId="4" xfId="1" applyFont="1" applyBorder="1" applyAlignment="1">
      <alignment horizontal="distributed" vertical="center"/>
    </xf>
    <xf numFmtId="0" fontId="4" fillId="0" borderId="5" xfId="0" applyFont="1" applyBorder="1" applyAlignment="1">
      <alignment horizontal="center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  <xf numFmtId="0" fontId="6" fillId="0" borderId="0" xfId="0" applyFont="1" applyAlignment="1">
      <alignment horizont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0" borderId="0" xfId="0" applyFont="1" applyAlignment="1">
      <alignment horizontal="left" vertical="center" wrapText="1"/>
    </xf>
    <xf numFmtId="38" fontId="0" fillId="0" borderId="16" xfId="3" applyFont="1" applyBorder="1" applyAlignment="1">
      <alignment vertical="center"/>
    </xf>
    <xf numFmtId="38" fontId="0" fillId="0" borderId="12" xfId="3" applyFont="1" applyBorder="1" applyAlignment="1">
      <alignment vertical="center"/>
    </xf>
    <xf numFmtId="38" fontId="0" fillId="0" borderId="20" xfId="3" applyFont="1" applyBorder="1" applyAlignment="1">
      <alignment vertical="center"/>
    </xf>
    <xf numFmtId="38" fontId="0" fillId="0" borderId="4" xfId="3" applyFont="1" applyBorder="1" applyAlignment="1">
      <alignment horizontal="distributed" vertical="center"/>
    </xf>
    <xf numFmtId="38" fontId="0" fillId="0" borderId="15" xfId="3" applyFont="1" applyBorder="1" applyAlignment="1">
      <alignment vertical="center"/>
    </xf>
    <xf numFmtId="38" fontId="0" fillId="0" borderId="11" xfId="3" applyFont="1" applyBorder="1" applyAlignment="1">
      <alignment vertical="center"/>
    </xf>
    <xf numFmtId="38" fontId="0" fillId="0" borderId="19" xfId="3" applyFont="1" applyBorder="1" applyAlignment="1">
      <alignment vertical="center"/>
    </xf>
    <xf numFmtId="38" fontId="0" fillId="0" borderId="3" xfId="3" applyFont="1" applyBorder="1" applyAlignment="1">
      <alignment horizontal="distributed" vertical="center"/>
    </xf>
    <xf numFmtId="38" fontId="0" fillId="0" borderId="13" xfId="3" applyFont="1" applyBorder="1" applyAlignment="1">
      <alignment vertical="center"/>
    </xf>
    <xf numFmtId="38" fontId="0" fillId="0" borderId="9" xfId="3" applyFont="1" applyBorder="1" applyAlignment="1">
      <alignment vertical="center"/>
    </xf>
    <xf numFmtId="38" fontId="0" fillId="0" borderId="23" xfId="3" applyFont="1" applyBorder="1" applyAlignment="1">
      <alignment vertical="center"/>
    </xf>
    <xf numFmtId="38" fontId="0" fillId="0" borderId="3" xfId="3" applyFont="1" applyBorder="1" applyAlignment="1">
      <alignment horizontal="center" vertical="center"/>
    </xf>
    <xf numFmtId="38" fontId="0" fillId="0" borderId="2" xfId="3" applyFont="1" applyBorder="1" applyAlignment="1">
      <alignment horizontal="distributed" vertical="center"/>
    </xf>
    <xf numFmtId="0" fontId="0" fillId="0" borderId="0" xfId="0"/>
  </cellXfs>
  <cellStyles count="4">
    <cellStyle name="ハイパーリンク" xfId="2" builtinId="8"/>
    <cellStyle name="桁区切り 2" xfId="3" xr:uid="{B69A9482-BC69-4792-8F77-2129F3F9FB90}"/>
    <cellStyle name="桁区切り_HP2601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F97F34-205B-4661-A647-E8B0D3E7D66A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9" customWidth="1"/>
    <col min="2" max="2" width="4.625" style="39" customWidth="1"/>
    <col min="3" max="3" width="20.5" style="39" customWidth="1"/>
    <col min="4" max="4" width="8.875" style="39"/>
    <col min="5" max="5" width="4.625" style="39" customWidth="1"/>
    <col min="6" max="6" width="20.5" style="39" bestFit="1" customWidth="1"/>
    <col min="7" max="16384" width="8.875" style="39"/>
  </cols>
  <sheetData>
    <row r="1" spans="2:6" ht="23.45" customHeight="1" x14ac:dyDescent="0.15">
      <c r="B1" s="37" t="s">
        <v>120</v>
      </c>
      <c r="C1" s="37"/>
      <c r="D1" s="37"/>
      <c r="E1" s="37"/>
      <c r="F1" s="38" t="s">
        <v>219</v>
      </c>
    </row>
    <row r="2" spans="2:6" ht="14.25" thickBot="1" x14ac:dyDescent="0.2">
      <c r="B2" s="40"/>
      <c r="C2" s="39" t="s">
        <v>121</v>
      </c>
    </row>
    <row r="3" spans="2:6" x14ac:dyDescent="0.15">
      <c r="B3" s="41" t="s">
        <v>122</v>
      </c>
      <c r="C3" s="42"/>
      <c r="E3" s="41" t="s">
        <v>123</v>
      </c>
      <c r="F3" s="42"/>
    </row>
    <row r="4" spans="2:6" x14ac:dyDescent="0.15">
      <c r="B4" s="43">
        <v>1</v>
      </c>
      <c r="C4" s="44" t="s">
        <v>124</v>
      </c>
      <c r="E4" s="43">
        <v>101</v>
      </c>
      <c r="F4" s="44" t="s">
        <v>125</v>
      </c>
    </row>
    <row r="5" spans="2:6" x14ac:dyDescent="0.15">
      <c r="B5" s="43">
        <v>2</v>
      </c>
      <c r="C5" s="44" t="s">
        <v>126</v>
      </c>
      <c r="E5" s="43">
        <v>102</v>
      </c>
      <c r="F5" s="44" t="s">
        <v>127</v>
      </c>
    </row>
    <row r="6" spans="2:6" x14ac:dyDescent="0.15">
      <c r="B6" s="43">
        <v>3</v>
      </c>
      <c r="C6" s="44" t="s">
        <v>128</v>
      </c>
      <c r="E6" s="43">
        <v>103</v>
      </c>
      <c r="F6" s="44" t="s">
        <v>129</v>
      </c>
    </row>
    <row r="7" spans="2:6" x14ac:dyDescent="0.15">
      <c r="B7" s="43">
        <v>4</v>
      </c>
      <c r="C7" s="44" t="s">
        <v>130</v>
      </c>
      <c r="E7" s="43">
        <v>104</v>
      </c>
      <c r="F7" s="44" t="s">
        <v>131</v>
      </c>
    </row>
    <row r="8" spans="2:6" x14ac:dyDescent="0.15">
      <c r="B8" s="43">
        <v>5</v>
      </c>
      <c r="C8" s="44" t="s">
        <v>132</v>
      </c>
      <c r="E8" s="43">
        <v>105</v>
      </c>
      <c r="F8" s="44" t="s">
        <v>133</v>
      </c>
    </row>
    <row r="9" spans="2:6" ht="14.25" thickBot="1" x14ac:dyDescent="0.2">
      <c r="B9" s="43">
        <v>6</v>
      </c>
      <c r="C9" s="44" t="s">
        <v>134</v>
      </c>
      <c r="E9" s="45">
        <v>199</v>
      </c>
      <c r="F9" s="46" t="s">
        <v>135</v>
      </c>
    </row>
    <row r="10" spans="2:6" ht="14.25" thickBot="1" x14ac:dyDescent="0.2">
      <c r="B10" s="43">
        <v>7</v>
      </c>
      <c r="C10" s="44" t="s">
        <v>136</v>
      </c>
    </row>
    <row r="11" spans="2:6" x14ac:dyDescent="0.15">
      <c r="B11" s="43">
        <v>8</v>
      </c>
      <c r="C11" s="44" t="s">
        <v>137</v>
      </c>
      <c r="E11" s="41" t="s">
        <v>138</v>
      </c>
      <c r="F11" s="42"/>
    </row>
    <row r="12" spans="2:6" x14ac:dyDescent="0.15">
      <c r="B12" s="43">
        <v>9</v>
      </c>
      <c r="C12" s="44" t="s">
        <v>139</v>
      </c>
      <c r="E12" s="43">
        <v>201</v>
      </c>
      <c r="F12" s="44" t="s">
        <v>140</v>
      </c>
    </row>
    <row r="13" spans="2:6" x14ac:dyDescent="0.15">
      <c r="B13" s="43">
        <v>10</v>
      </c>
      <c r="C13" s="44" t="s">
        <v>141</v>
      </c>
      <c r="E13" s="43">
        <v>202</v>
      </c>
      <c r="F13" s="44" t="s">
        <v>142</v>
      </c>
    </row>
    <row r="14" spans="2:6" x14ac:dyDescent="0.15">
      <c r="B14" s="43">
        <v>11</v>
      </c>
      <c r="C14" s="44" t="s">
        <v>143</v>
      </c>
      <c r="E14" s="43">
        <v>203</v>
      </c>
      <c r="F14" s="44" t="s">
        <v>144</v>
      </c>
    </row>
    <row r="15" spans="2:6" x14ac:dyDescent="0.15">
      <c r="B15" s="43">
        <v>12</v>
      </c>
      <c r="C15" s="44" t="s">
        <v>145</v>
      </c>
      <c r="E15" s="43">
        <v>204</v>
      </c>
      <c r="F15" s="44" t="s">
        <v>146</v>
      </c>
    </row>
    <row r="16" spans="2:6" ht="14.25" thickBot="1" x14ac:dyDescent="0.2">
      <c r="B16" s="43">
        <v>13</v>
      </c>
      <c r="C16" s="44" t="s">
        <v>147</v>
      </c>
      <c r="E16" s="45">
        <v>299</v>
      </c>
      <c r="F16" s="46" t="s">
        <v>148</v>
      </c>
    </row>
    <row r="17" spans="2:6" ht="14.25" thickBot="1" x14ac:dyDescent="0.2">
      <c r="B17" s="43">
        <v>14</v>
      </c>
      <c r="C17" s="44" t="s">
        <v>149</v>
      </c>
    </row>
    <row r="18" spans="2:6" x14ac:dyDescent="0.15">
      <c r="B18" s="43">
        <v>15</v>
      </c>
      <c r="C18" s="44" t="s">
        <v>150</v>
      </c>
      <c r="E18" s="41" t="s">
        <v>151</v>
      </c>
      <c r="F18" s="42"/>
    </row>
    <row r="19" spans="2:6" x14ac:dyDescent="0.15">
      <c r="B19" s="43">
        <v>16</v>
      </c>
      <c r="C19" s="44" t="s">
        <v>152</v>
      </c>
      <c r="E19" s="43">
        <v>301</v>
      </c>
      <c r="F19" s="44" t="s">
        <v>153</v>
      </c>
    </row>
    <row r="20" spans="2:6" x14ac:dyDescent="0.15">
      <c r="B20" s="43">
        <v>17</v>
      </c>
      <c r="C20" s="44" t="s">
        <v>154</v>
      </c>
      <c r="E20" s="43">
        <v>302</v>
      </c>
      <c r="F20" s="44" t="s">
        <v>155</v>
      </c>
    </row>
    <row r="21" spans="2:6" x14ac:dyDescent="0.15">
      <c r="B21" s="43">
        <v>18</v>
      </c>
      <c r="C21" s="44" t="s">
        <v>156</v>
      </c>
      <c r="E21" s="43">
        <v>303</v>
      </c>
      <c r="F21" s="44" t="s">
        <v>157</v>
      </c>
    </row>
    <row r="22" spans="2:6" x14ac:dyDescent="0.15">
      <c r="B22" s="43">
        <v>19</v>
      </c>
      <c r="C22" s="44" t="s">
        <v>158</v>
      </c>
      <c r="E22" s="43">
        <v>304</v>
      </c>
      <c r="F22" s="44" t="s">
        <v>159</v>
      </c>
    </row>
    <row r="23" spans="2:6" x14ac:dyDescent="0.15">
      <c r="B23" s="43">
        <v>20</v>
      </c>
      <c r="C23" s="44" t="s">
        <v>160</v>
      </c>
      <c r="E23" s="43">
        <v>305</v>
      </c>
      <c r="F23" s="44" t="s">
        <v>161</v>
      </c>
    </row>
    <row r="24" spans="2:6" x14ac:dyDescent="0.15">
      <c r="B24" s="43">
        <v>21</v>
      </c>
      <c r="C24" s="44" t="s">
        <v>162</v>
      </c>
      <c r="E24" s="43">
        <v>306</v>
      </c>
      <c r="F24" s="44" t="s">
        <v>163</v>
      </c>
    </row>
    <row r="25" spans="2:6" x14ac:dyDescent="0.15">
      <c r="B25" s="43">
        <v>22</v>
      </c>
      <c r="C25" s="44" t="s">
        <v>164</v>
      </c>
      <c r="E25" s="43">
        <v>307</v>
      </c>
      <c r="F25" s="44" t="s">
        <v>165</v>
      </c>
    </row>
    <row r="26" spans="2:6" x14ac:dyDescent="0.15">
      <c r="B26" s="43">
        <v>23</v>
      </c>
      <c r="C26" s="44" t="s">
        <v>166</v>
      </c>
      <c r="E26" s="43">
        <v>308</v>
      </c>
      <c r="F26" s="44" t="s">
        <v>167</v>
      </c>
    </row>
    <row r="27" spans="2:6" x14ac:dyDescent="0.15">
      <c r="B27" s="43">
        <v>24</v>
      </c>
      <c r="C27" s="44" t="s">
        <v>168</v>
      </c>
      <c r="E27" s="43">
        <v>309</v>
      </c>
      <c r="F27" s="44" t="s">
        <v>169</v>
      </c>
    </row>
    <row r="28" spans="2:6" ht="14.25" thickBot="1" x14ac:dyDescent="0.2">
      <c r="B28" s="43">
        <v>25</v>
      </c>
      <c r="C28" s="44" t="s">
        <v>170</v>
      </c>
      <c r="E28" s="45">
        <v>399</v>
      </c>
      <c r="F28" s="46" t="s">
        <v>171</v>
      </c>
    </row>
    <row r="29" spans="2:6" ht="14.25" thickBot="1" x14ac:dyDescent="0.2">
      <c r="B29" s="43">
        <v>26</v>
      </c>
      <c r="C29" s="44" t="s">
        <v>172</v>
      </c>
    </row>
    <row r="30" spans="2:6" x14ac:dyDescent="0.15">
      <c r="B30" s="43">
        <v>27</v>
      </c>
      <c r="C30" s="44" t="s">
        <v>173</v>
      </c>
      <c r="E30" s="41" t="s">
        <v>174</v>
      </c>
      <c r="F30" s="42"/>
    </row>
    <row r="31" spans="2:6" x14ac:dyDescent="0.15">
      <c r="B31" s="43">
        <v>28</v>
      </c>
      <c r="C31" s="44" t="s">
        <v>175</v>
      </c>
      <c r="E31" s="43">
        <v>401</v>
      </c>
      <c r="F31" s="44" t="s">
        <v>176</v>
      </c>
    </row>
    <row r="32" spans="2:6" x14ac:dyDescent="0.15">
      <c r="B32" s="43">
        <v>29</v>
      </c>
      <c r="C32" s="44" t="s">
        <v>177</v>
      </c>
      <c r="E32" s="43">
        <v>402</v>
      </c>
      <c r="F32" s="44" t="s">
        <v>178</v>
      </c>
    </row>
    <row r="33" spans="2:6" x14ac:dyDescent="0.15">
      <c r="B33" s="43">
        <v>30</v>
      </c>
      <c r="C33" s="44" t="s">
        <v>179</v>
      </c>
      <c r="E33" s="43">
        <v>403</v>
      </c>
      <c r="F33" s="44" t="s">
        <v>180</v>
      </c>
    </row>
    <row r="34" spans="2:6" x14ac:dyDescent="0.15">
      <c r="B34" s="43">
        <v>31</v>
      </c>
      <c r="C34" s="44" t="s">
        <v>181</v>
      </c>
      <c r="E34" s="43">
        <v>404</v>
      </c>
      <c r="F34" s="44" t="s">
        <v>182</v>
      </c>
    </row>
    <row r="35" spans="2:6" x14ac:dyDescent="0.15">
      <c r="B35" s="43">
        <v>32</v>
      </c>
      <c r="C35" s="44" t="s">
        <v>183</v>
      </c>
      <c r="E35" s="43">
        <v>405</v>
      </c>
      <c r="F35" s="44" t="s">
        <v>184</v>
      </c>
    </row>
    <row r="36" spans="2:6" x14ac:dyDescent="0.15">
      <c r="B36" s="43">
        <v>33</v>
      </c>
      <c r="C36" s="44" t="s">
        <v>185</v>
      </c>
      <c r="E36" s="43">
        <v>406</v>
      </c>
      <c r="F36" s="44" t="s">
        <v>186</v>
      </c>
    </row>
    <row r="37" spans="2:6" x14ac:dyDescent="0.15">
      <c r="B37" s="43">
        <v>34</v>
      </c>
      <c r="C37" s="44" t="s">
        <v>187</v>
      </c>
      <c r="E37" s="43">
        <v>407</v>
      </c>
      <c r="F37" s="44" t="s">
        <v>188</v>
      </c>
    </row>
    <row r="38" spans="2:6" x14ac:dyDescent="0.15">
      <c r="B38" s="43">
        <v>35</v>
      </c>
      <c r="C38" s="44" t="s">
        <v>189</v>
      </c>
      <c r="E38" s="43">
        <v>408</v>
      </c>
      <c r="F38" s="44" t="s">
        <v>190</v>
      </c>
    </row>
    <row r="39" spans="2:6" ht="14.25" thickBot="1" x14ac:dyDescent="0.2">
      <c r="B39" s="43">
        <v>36</v>
      </c>
      <c r="C39" s="44" t="s">
        <v>191</v>
      </c>
      <c r="E39" s="45">
        <v>499</v>
      </c>
      <c r="F39" s="46" t="s">
        <v>192</v>
      </c>
    </row>
    <row r="40" spans="2:6" ht="14.25" thickBot="1" x14ac:dyDescent="0.2">
      <c r="B40" s="43">
        <v>37</v>
      </c>
      <c r="C40" s="44" t="s">
        <v>193</v>
      </c>
    </row>
    <row r="41" spans="2:6" x14ac:dyDescent="0.15">
      <c r="B41" s="43">
        <v>38</v>
      </c>
      <c r="C41" s="44" t="s">
        <v>194</v>
      </c>
      <c r="E41" s="41" t="s">
        <v>195</v>
      </c>
      <c r="F41" s="42"/>
    </row>
    <row r="42" spans="2:6" x14ac:dyDescent="0.15">
      <c r="B42" s="43">
        <v>39</v>
      </c>
      <c r="C42" s="44" t="s">
        <v>196</v>
      </c>
      <c r="E42" s="43">
        <v>501</v>
      </c>
      <c r="F42" s="44" t="s">
        <v>197</v>
      </c>
    </row>
    <row r="43" spans="2:6" x14ac:dyDescent="0.15">
      <c r="B43" s="43">
        <v>40</v>
      </c>
      <c r="C43" s="44" t="s">
        <v>198</v>
      </c>
      <c r="E43" s="43">
        <v>502</v>
      </c>
      <c r="F43" s="44" t="s">
        <v>199</v>
      </c>
    </row>
    <row r="44" spans="2:6" x14ac:dyDescent="0.15">
      <c r="B44" s="43">
        <v>41</v>
      </c>
      <c r="C44" s="44" t="s">
        <v>200</v>
      </c>
      <c r="E44" s="43">
        <v>503</v>
      </c>
      <c r="F44" s="44" t="s">
        <v>201</v>
      </c>
    </row>
    <row r="45" spans="2:6" x14ac:dyDescent="0.15">
      <c r="B45" s="43">
        <v>42</v>
      </c>
      <c r="C45" s="44" t="s">
        <v>202</v>
      </c>
      <c r="E45" s="43">
        <v>504</v>
      </c>
      <c r="F45" s="44" t="s">
        <v>203</v>
      </c>
    </row>
    <row r="46" spans="2:6" ht="14.25" thickBot="1" x14ac:dyDescent="0.2">
      <c r="B46" s="43">
        <v>43</v>
      </c>
      <c r="C46" s="44" t="s">
        <v>204</v>
      </c>
      <c r="E46" s="45">
        <v>599</v>
      </c>
      <c r="F46" s="46" t="s">
        <v>205</v>
      </c>
    </row>
    <row r="47" spans="2:6" ht="14.25" thickBot="1" x14ac:dyDescent="0.2">
      <c r="B47" s="43">
        <v>44</v>
      </c>
      <c r="C47" s="44" t="s">
        <v>206</v>
      </c>
    </row>
    <row r="48" spans="2:6" x14ac:dyDescent="0.15">
      <c r="B48" s="43">
        <v>45</v>
      </c>
      <c r="C48" s="44" t="s">
        <v>207</v>
      </c>
      <c r="E48" s="41" t="s">
        <v>208</v>
      </c>
      <c r="F48" s="42"/>
    </row>
    <row r="49" spans="2:8" x14ac:dyDescent="0.15">
      <c r="B49" s="43">
        <v>46</v>
      </c>
      <c r="C49" s="44" t="s">
        <v>209</v>
      </c>
      <c r="E49" s="43">
        <v>601</v>
      </c>
      <c r="F49" s="44" t="s">
        <v>210</v>
      </c>
    </row>
    <row r="50" spans="2:8" x14ac:dyDescent="0.15">
      <c r="B50" s="43">
        <v>47</v>
      </c>
      <c r="C50" s="44" t="s">
        <v>211</v>
      </c>
      <c r="E50" s="43">
        <v>602</v>
      </c>
      <c r="F50" s="44" t="s">
        <v>212</v>
      </c>
    </row>
    <row r="51" spans="2:8" ht="14.25" thickBot="1" x14ac:dyDescent="0.2">
      <c r="B51" s="43">
        <v>48</v>
      </c>
      <c r="C51" s="44" t="s">
        <v>213</v>
      </c>
      <c r="E51" s="45">
        <v>699</v>
      </c>
      <c r="F51" s="46" t="s">
        <v>214</v>
      </c>
    </row>
    <row r="52" spans="2:8" x14ac:dyDescent="0.15">
      <c r="B52" s="43">
        <v>49</v>
      </c>
      <c r="C52" s="44" t="s">
        <v>215</v>
      </c>
    </row>
    <row r="53" spans="2:8" x14ac:dyDescent="0.15">
      <c r="B53" s="43">
        <v>50</v>
      </c>
      <c r="C53" s="44" t="s">
        <v>216</v>
      </c>
    </row>
    <row r="54" spans="2:8" ht="14.25" thickBot="1" x14ac:dyDescent="0.2">
      <c r="B54" s="45">
        <v>99</v>
      </c>
      <c r="C54" s="46" t="s">
        <v>217</v>
      </c>
    </row>
    <row r="57" spans="2:8" x14ac:dyDescent="0.15">
      <c r="B57" s="47" t="s">
        <v>218</v>
      </c>
      <c r="C57" s="47"/>
      <c r="D57" s="47"/>
      <c r="E57" s="47"/>
      <c r="F57" s="47"/>
      <c r="G57" s="47"/>
      <c r="H57" s="47"/>
    </row>
    <row r="58" spans="2:8" x14ac:dyDescent="0.15">
      <c r="B58" s="47"/>
      <c r="C58" s="47"/>
      <c r="D58" s="47"/>
      <c r="E58" s="47"/>
      <c r="F58" s="47"/>
      <c r="G58" s="47"/>
      <c r="H58" s="47"/>
    </row>
    <row r="59" spans="2:8" x14ac:dyDescent="0.15">
      <c r="B59" s="47"/>
      <c r="C59" s="47"/>
      <c r="D59" s="47"/>
      <c r="E59" s="47"/>
      <c r="F59" s="47"/>
      <c r="G59" s="47"/>
      <c r="H59" s="47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7"/>
  <hyperlinks>
    <hyperlink ref="C5" location="'年齢別・性別人口(02愛宕)'!A1" display="愛宕" xr:uid="{791397A5-CBA6-4C82-A9A2-9116F2023A6D}"/>
    <hyperlink ref="C6" location="'年齢別・性別人口(03安野屋)'!A1" display="安野屋" xr:uid="{65E3B884-08EF-4228-B3F3-CF3C70D31949}"/>
    <hyperlink ref="C7" location="'年齢別・性別人口(04八人町)'!A1" display="八人町" xr:uid="{27EDF66C-538E-40C3-96C6-2D5DB3499B1B}"/>
    <hyperlink ref="C8" location="'年齢別・性別人口(05五番町)'!A1" display="五番町" xr:uid="{9B7B9762-A79A-4492-9FDA-C282BCC29D09}"/>
    <hyperlink ref="C9" location="'年齢別・性別人口(06柳町)'!A1" display="柳町" xr:uid="{3775AD48-6381-48D1-AB53-60B0A905118C}"/>
    <hyperlink ref="C10" location="'年齢別・性別人口(07清水町)'!A1" display="清水町" xr:uid="{8DB4454E-3F9B-445E-B8AE-5078A5D6D95B}"/>
    <hyperlink ref="C11" location="'年齢別・性別人口(08星井町)'!A1" display="星井町" xr:uid="{B5A14C01-1AFD-4947-AD76-9BD01B13970B}"/>
    <hyperlink ref="C12" location="'年齢別・性別人口(09西田地方)'!A1" display="西田地方" xr:uid="{6D988146-5481-479D-984C-EB379DCB816B}"/>
    <hyperlink ref="C13" location="'年齢別・性別人口(10堀川)'!A1" display="堀川" xr:uid="{71E84578-D0A0-48BB-AEE7-863021AF01DC}"/>
    <hyperlink ref="C14" location="'年齢別・性別人口(11堀川南)'!A1" display="堀川南" xr:uid="{A76EDBE8-54FD-4110-9385-4889021B98E9}"/>
    <hyperlink ref="C15" location="'年齢別・性別人口(12東部)'!A1" display="東部" xr:uid="{34FC6BF6-69CD-44E9-924C-5A552EC33A1C}"/>
    <hyperlink ref="C16" location="'年齢別・性別人口(13奥田)'!A1" display="奥田" xr:uid="{AE3977AB-E1C7-4C74-8842-0733B5E99399}"/>
    <hyperlink ref="C17" location="'年齢別・性別人口(14奥田北)'!A1" display="奥田北" xr:uid="{CDACADB9-1471-4F54-A6CF-3B750345D02C}"/>
    <hyperlink ref="C19" location="'年齢別・性別人口(16五福)'!A1" display="五福" xr:uid="{FF94D3EF-2D19-4DD9-AFF0-F2236D77B4A4}"/>
    <hyperlink ref="C20" location="'年齢別・性別人口(17神明)'!A1" display="神明" xr:uid="{5E4A799B-8647-40E4-8E3E-23EF12547429}"/>
    <hyperlink ref="C21" location="'年齢別・性別人口(18岩瀬)'!A1" display="岩瀬" xr:uid="{E61D37FA-B7CA-4EB6-BB8B-163831E3B654}"/>
    <hyperlink ref="C22" location="'年齢別・性別人口(19萩浦)'!A1" display="萩浦" xr:uid="{691E33B8-7B70-4385-BA86-361C9BF1FC63}"/>
    <hyperlink ref="C23" location="'年齢別・性別人口(20大広田)'!A1" display="大広田" xr:uid="{F3EF0275-109B-4319-A1E9-DC33512EF4BF}"/>
    <hyperlink ref="C24" location="'年齢別・性別人口(21浜黒崎)'!A1" display="浜黒崎" xr:uid="{F5865465-E7AF-4094-96F1-78C6CA68058C}"/>
    <hyperlink ref="C25" location="'年齢別・性別人口(22針原)'!A1" display="針原" xr:uid="{D681081E-001E-49DA-86DE-713C4FF0904E}"/>
    <hyperlink ref="C26" location="'年齢別・性別人口(23豊田)'!A1" display="豊田" xr:uid="{1DC1136A-CE58-4BB9-A507-762E1A55D38F}"/>
    <hyperlink ref="C27" location="'年齢別・性別人口(24広田)'!A1" display="広田" xr:uid="{1CA3AA04-CA47-4E2A-A9F3-A0B144E03215}"/>
    <hyperlink ref="C28" location="'年齢別・性別人口(25新庄)'!A1" display="新庄" xr:uid="{A1B91E2F-A271-4A5B-8613-6EE7FC36B36D}"/>
    <hyperlink ref="C29" location="'年齢別・性別人口(26藤ノ木)'!A1" display="藤ノ木" xr:uid="{DC010F07-C763-4417-81A0-D3DE2DBB759A}"/>
    <hyperlink ref="C30" location="'年齢別・性別人口(27山室)'!A1" display="山室" xr:uid="{72552CF7-7710-45E1-8C8C-16F8609A7D5B}"/>
    <hyperlink ref="C31" location="'年齢別・性別人口(28山室中部)'!A1" display="山室中部" xr:uid="{2DE603DD-012E-42EF-8103-31AF3C2140C5}"/>
    <hyperlink ref="C32" location="'年齢別・性別人口(29太田)'!A1" display="太田" xr:uid="{DA600001-3D5F-4E1D-89C7-5E915D79B3CF}"/>
    <hyperlink ref="C33" location="'年齢別・性別人口(30蜷川)'!A1" display="蜷川" xr:uid="{D55FDA05-B225-44D4-95BA-3B9B365E7223}"/>
    <hyperlink ref="C34" location="'年齢別・性別人口(31新保)'!A1" display="新保" xr:uid="{0B5A3D3D-6494-43CF-9D74-9BB568B3A1DE}"/>
    <hyperlink ref="C35" location="'年齢別・性別人口(32熊野)'!A1" display="熊野" xr:uid="{A0929ACD-CAC5-4A78-9F64-C13D7B45408C}"/>
    <hyperlink ref="C36" location="'年齢別・性別人口(33月岡)'!A1" display="月岡" xr:uid="{568D9FD4-7A01-4FAC-A49F-6DD977D79D0F}"/>
    <hyperlink ref="C37" location="'年齢別・性別人口(34四方)'!A1" display="四方" xr:uid="{1119E8FA-DE4C-4176-95EB-3DA6FCB658E7}"/>
    <hyperlink ref="C38" location="'年齢別・性別人口(35八幡)'!A1" display="八幡" xr:uid="{4CCADF9F-8313-4C72-9B73-87B0FD706FB1}"/>
    <hyperlink ref="C39" location="'年齢別・性別人口(36草島)'!A1" display="草島" xr:uid="{F9BA35D4-F0C6-4C96-9E33-EECADD444F14}"/>
    <hyperlink ref="C40" location="'年齢別・性別人口(37倉垣)'!A1" display="倉垣" xr:uid="{FC99D2B4-FA2E-4DCA-BB11-8AA4596437E7}"/>
    <hyperlink ref="C41" location="'年齢別・性別人口(38呉羽)'!A1" display="呉羽" xr:uid="{D26338E8-286F-4C6F-91E2-8EDAFB7586D1}"/>
    <hyperlink ref="C42" location="'年齢別・性別人口(39長岡)'!A1" display="長岡" xr:uid="{997927BD-B691-45F8-8145-47B88CE3B6D5}"/>
    <hyperlink ref="C43" location="'年齢別・性別人口(40寒江)'!A1" display="寒江" xr:uid="{2CB7D2DF-B70D-4E1E-B6BA-7766C0DE8FE1}"/>
    <hyperlink ref="C44" location="'年齢別・性別人口(41古沢)'!A1" display="古沢" xr:uid="{087E786E-29BA-418D-BC7D-8F8A86D9100F}"/>
    <hyperlink ref="C45" location="'年齢別・性別人口(42老田)'!A1" display="老田" xr:uid="{5E5D6CCC-57AA-49A2-B7FE-F8E1608695A3}"/>
    <hyperlink ref="C46" location="'年齢別・性別人口(43池多)'!A1" display="池多" xr:uid="{14E3099C-20EB-4AFB-8549-85269FB678A4}"/>
    <hyperlink ref="C47" location="'年齢別・性別人口(44水橋中部)'!A1" display="水橋中部" xr:uid="{62018844-6CE3-48A8-B503-80B2F6C1A9F2}"/>
    <hyperlink ref="C48" location="'年齢別・性別人口(45水橋西部)'!A1" display="水橋西部" xr:uid="{A9EDE71E-89B1-469A-A7A5-CBF7A08D8A47}"/>
    <hyperlink ref="C49" location="'年齢別・性別人口(46水橋東部)'!A1" display="水橋東部" xr:uid="{DADFF054-F1B4-436B-BC48-E1983D3C8694}"/>
    <hyperlink ref="C50" location="'年齢別・性別人口(47三郷)'!A1" display="三郷" xr:uid="{852A8B75-6201-4F5F-B7A2-4ACDFA43B12E}"/>
    <hyperlink ref="C51" location="'年齢別・性別人口(48上条)'!A1" display="上条" xr:uid="{FA28182D-150A-4AB4-A016-3DF292EF1854}"/>
    <hyperlink ref="C52" location="'年齢別・性別人口(49光陽)'!A1" display="光陽" xr:uid="{2FE3CF0E-1F98-45A0-A226-3BBCDC49FADC}"/>
    <hyperlink ref="C53" location="'年齢別・性別人口(50新庄北）'!A1" display="新庄北" xr:uid="{50CED1CF-B0B8-4C7B-88BA-58C67519CA67}"/>
    <hyperlink ref="C54" location="'年齢別・性別人口(0099富山地域)'!A1" display="富山地域（合計）" xr:uid="{8159E1D1-968C-430E-AB9F-2477749EB78E}"/>
    <hyperlink ref="F4" location="'年齢別・性別人口0101下タ)'!A1" display="下タ" xr:uid="{21BB6065-1FDF-4DE6-A0D0-578E15E2B48F}"/>
    <hyperlink ref="F5" location="'年齢別・性別人口(0102小羽)'!A1" display="小羽" xr:uid="{B0E65F6A-BE3B-464E-A13B-5D446ECF4143}"/>
    <hyperlink ref="F6" location="'年齢別・性別人口(0103船峅)'!A1" display="船峅" xr:uid="{B5B0168E-8D1A-4078-A850-B5C5F13535FD}"/>
    <hyperlink ref="F7" location="'年齢別・性別人口(0104大沢野)'!A1" display="大沢野" xr:uid="{7E5D5F93-01AD-4280-9546-D995E0784AFB}"/>
    <hyperlink ref="F8" location="'年齢別・性別人口(0105大久保)'!A1" display="大久保" xr:uid="{60BB9FD6-77DE-4BB6-B2D4-E93F58F59E56}"/>
    <hyperlink ref="F9" location="'年齢別・性別人口(0199大沢野地域)'!A1" display="大沢野地域（合計）" xr:uid="{16E9A0BF-EA43-420B-AFB7-7C42258766A1}"/>
    <hyperlink ref="F12" location="'年齢別・性別人口(0201上滝)'!A1" display="上滝" xr:uid="{6419C1DC-1356-400A-9BFB-9690D15C3705}"/>
    <hyperlink ref="F13" location="'年齢別・性別人口(0202大山)'!A1" display="大山" xr:uid="{B7C7B59A-0BE8-429D-9C85-77FA6DF4EF5A}"/>
    <hyperlink ref="F14" location="'年齢別・性別人口(0203大庄)'!A1" display="大庄" xr:uid="{F553F1F2-14BF-4E6E-B7AB-2D02B1408E9B}"/>
    <hyperlink ref="F15" location="'年齢別・性別人口(0204福沢)'!A1" display="福沢" xr:uid="{4E0026C5-7AED-4B9E-A22B-2FFFF28878C8}"/>
    <hyperlink ref="F16" location="'年齢別・性別人口(0299大山地域)'!A1" display="大山地域（合計）" xr:uid="{9F4C6108-46CB-413E-B9BC-B7C3AA887189}"/>
    <hyperlink ref="F19" location="'年齢別・性別人口(0301八尾)'!A1" display="八尾" xr:uid="{9D35BE29-5682-44BE-8CFE-E84892D861B9}"/>
    <hyperlink ref="F20" location="'年齢別・性別人口(0302保内)'!A1" display="保内" xr:uid="{BC318398-8F72-49BC-A7EF-3D6185A82AB8}"/>
    <hyperlink ref="F21" location="'年齢別・性別人口(0303杉原)'!A1" display="杉原" xr:uid="{C6EFC64C-D0A2-4E21-AF61-3CB32CED0FE0}"/>
    <hyperlink ref="F22" location="'年齢別・性別人口(0304卯花)'!A1" display="卯花" xr:uid="{EE400052-1A7E-44DE-BCB4-09FF612080D0}"/>
    <hyperlink ref="F23" location="'年齢別・性別人口(0305室牧)'!A1" display="室牧" xr:uid="{DEA020A5-C11E-4473-8B47-60C31DD11F22}"/>
    <hyperlink ref="F24" location="'年齢別・性別人口(0306黒瀬谷)'!A1" display="黒瀬谷" xr:uid="{BAC6F396-8778-4826-8B67-800816983193}"/>
    <hyperlink ref="F25" location="'年齢別・性別人口(0307野積)'!A1" display="野積" xr:uid="{115C9BE3-4FE2-4D37-92BD-84C133E8CE55}"/>
    <hyperlink ref="F26" location="'年齢別・性別人口(0308仁歩)'!A1" display="仁歩" xr:uid="{65870FC1-58B4-441F-915A-2456A7EE6CAC}"/>
    <hyperlink ref="F27" location="'年齢別・性別人口(0309大長谷)'!A1" display="大長谷" xr:uid="{AA8A77D3-7527-406D-B4E0-8F987E92D01E}"/>
    <hyperlink ref="F28" location="'年齢別・性別人口(0399八尾地域)'!A1" display="八尾地域（合計）" xr:uid="{492BCAE4-1B1F-47F4-B505-6ED7CF5159B3}"/>
    <hyperlink ref="F31" location="'年齢別・性別人口(0401速星)'!A1" display="速星" xr:uid="{4640E936-726C-4CAB-ACDE-BFFA866D66F8}"/>
    <hyperlink ref="F32" location="'年齢別・性別人口(0402鵜坂)'!A1" display="鵜坂" xr:uid="{307E8F9A-84FD-4C6F-8D14-9D431F0BB18E}"/>
    <hyperlink ref="F33" location="'年齢別・性別人口(0403朝日)'!A1" display="朝日" xr:uid="{A435E422-C884-42FB-B203-19064BDABC89}"/>
    <hyperlink ref="F34" location="'年齢別・性別人口(0404宮川)'!A1" display="宮川" xr:uid="{FC1D98E0-7B6B-4701-A6FF-1AEA8B393FD0}"/>
    <hyperlink ref="F35" location="'年齢別・性別人口(0405婦中熊野)'!A1" display="婦中熊野" xr:uid="{DAA1B716-A8F4-418D-9F95-872ABB7ACD9E}"/>
    <hyperlink ref="F36" location="'年齢別・性別人口(0406古里)'!A1" display="古里" xr:uid="{22B92BC1-20C9-4D20-A8A1-5CAAF3D207D5}"/>
    <hyperlink ref="F37" location="'年齢別・性別人口(0407音川)'!A1" display="音川" xr:uid="{C19B89E0-E8AB-4A1C-B899-901C82E3CB91}"/>
    <hyperlink ref="F38" location="'年齢別・性別人口(0408神保)'!A1" display="神保" xr:uid="{6BCF89BD-6E6E-4A46-A273-58BF053C4C02}"/>
    <hyperlink ref="F39" location="'年齢別・性別人口(0499婦中地域)'!A1" display="婦中地域（合計）" xr:uid="{7F198FF4-4F98-470E-91D5-6F838AD018C0}"/>
    <hyperlink ref="F42" location="'年齢別・性別人口(0501山田南部)'!A1" display="山田南部" xr:uid="{1508F84F-8955-42DE-8169-8FEB021205FF}"/>
    <hyperlink ref="F43" location="'年齢別・性別人口(0502山田中部)'!A1" display="山田中部" xr:uid="{36C6E6BA-948E-480F-8B67-B258F95DC605}"/>
    <hyperlink ref="F44" location="'年齢別・性別人口(0503山田西部)'!A1" display="山田西部" xr:uid="{F1AD68D2-D00F-4BA4-AE02-8412EE0CEC30}"/>
    <hyperlink ref="F45" location="'年齢別・性別人口(0504山田東部)'!A1" display="山田東部" xr:uid="{24A2D443-3FD7-4F33-A203-C8C0210D3856}"/>
    <hyperlink ref="F46" location="'年齢別・性別人口(0599山田地域)'!A1" display="山田地域（合計）" xr:uid="{24516C8D-2516-4F0F-86BA-B336234F1DB1}"/>
    <hyperlink ref="F49" location="'年齢別・性別人口(0601細入北部)'!A1" display="細入北部" xr:uid="{F39B4E77-72D2-47A5-9B28-8C5848A0936C}"/>
    <hyperlink ref="F50" location="'年齢別・性別人口(0602細入南部)'!A1" display="細入南部" xr:uid="{934DFEA6-212D-400A-8A4D-5A5325C408B9}"/>
    <hyperlink ref="F51" location="'年齢別・性別人口(0699細入地域)'!A1" display="細入地域（合計）" xr:uid="{29F14A26-7F0F-4CE3-9C92-71A764633B31}"/>
    <hyperlink ref="C18" location="'年齢別・性別人口(15桜谷)'!A1" display="桜谷" xr:uid="{E3A72CF6-D877-499E-93A3-194187FFA993}"/>
    <hyperlink ref="C4" location="'年齢別・性別人口(01総曲輪)'!A1" display="総曲輪" xr:uid="{55A52CB6-BD5F-420A-A85E-84A7C131684E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4</v>
      </c>
      <c r="C5" s="13">
        <v>15</v>
      </c>
      <c r="D5" s="17">
        <v>29</v>
      </c>
    </row>
    <row r="6" spans="1:4" ht="18" customHeight="1" x14ac:dyDescent="0.15">
      <c r="A6" s="5">
        <v>1</v>
      </c>
      <c r="B6" s="22">
        <v>17</v>
      </c>
      <c r="C6" s="14">
        <v>17</v>
      </c>
      <c r="D6" s="18">
        <v>34</v>
      </c>
    </row>
    <row r="7" spans="1:4" ht="18" customHeight="1" x14ac:dyDescent="0.15">
      <c r="A7" s="5">
        <v>2</v>
      </c>
      <c r="B7" s="22">
        <v>25</v>
      </c>
      <c r="C7" s="14">
        <v>15</v>
      </c>
      <c r="D7" s="18">
        <v>40</v>
      </c>
    </row>
    <row r="8" spans="1:4" ht="18" customHeight="1" x14ac:dyDescent="0.15">
      <c r="A8" s="5">
        <v>3</v>
      </c>
      <c r="B8" s="22">
        <v>18</v>
      </c>
      <c r="C8" s="14">
        <v>22</v>
      </c>
      <c r="D8" s="18">
        <v>40</v>
      </c>
    </row>
    <row r="9" spans="1:4" ht="18" customHeight="1" x14ac:dyDescent="0.15">
      <c r="A9" s="5">
        <v>4</v>
      </c>
      <c r="B9" s="22">
        <v>19</v>
      </c>
      <c r="C9" s="14">
        <v>15</v>
      </c>
      <c r="D9" s="18">
        <v>34</v>
      </c>
    </row>
    <row r="10" spans="1:4" ht="18" customHeight="1" x14ac:dyDescent="0.15">
      <c r="A10" s="5" t="s">
        <v>7</v>
      </c>
      <c r="B10" s="22">
        <v>93</v>
      </c>
      <c r="C10" s="14">
        <v>84</v>
      </c>
      <c r="D10" s="18">
        <v>177</v>
      </c>
    </row>
    <row r="11" spans="1:4" ht="18" customHeight="1" x14ac:dyDescent="0.15">
      <c r="A11" s="5">
        <v>5</v>
      </c>
      <c r="B11" s="22">
        <v>27</v>
      </c>
      <c r="C11" s="14">
        <v>21</v>
      </c>
      <c r="D11" s="18">
        <v>48</v>
      </c>
    </row>
    <row r="12" spans="1:4" ht="18" customHeight="1" x14ac:dyDescent="0.15">
      <c r="A12" s="5">
        <v>6</v>
      </c>
      <c r="B12" s="22">
        <v>29</v>
      </c>
      <c r="C12" s="14">
        <v>29</v>
      </c>
      <c r="D12" s="18">
        <v>58</v>
      </c>
    </row>
    <row r="13" spans="1:4" ht="18" customHeight="1" x14ac:dyDescent="0.15">
      <c r="A13" s="5">
        <v>7</v>
      </c>
      <c r="B13" s="22">
        <v>18</v>
      </c>
      <c r="C13" s="14">
        <v>23</v>
      </c>
      <c r="D13" s="18">
        <v>41</v>
      </c>
    </row>
    <row r="14" spans="1:4" ht="18" customHeight="1" x14ac:dyDescent="0.15">
      <c r="A14" s="5">
        <v>8</v>
      </c>
      <c r="B14" s="22">
        <v>30</v>
      </c>
      <c r="C14" s="14">
        <v>23</v>
      </c>
      <c r="D14" s="18">
        <v>53</v>
      </c>
    </row>
    <row r="15" spans="1:4" ht="18" customHeight="1" x14ac:dyDescent="0.15">
      <c r="A15" s="5">
        <v>9</v>
      </c>
      <c r="B15" s="22">
        <v>22</v>
      </c>
      <c r="C15" s="14">
        <v>26</v>
      </c>
      <c r="D15" s="18">
        <v>48</v>
      </c>
    </row>
    <row r="16" spans="1:4" ht="18" customHeight="1" x14ac:dyDescent="0.15">
      <c r="A16" s="5" t="s">
        <v>11</v>
      </c>
      <c r="B16" s="22">
        <v>126</v>
      </c>
      <c r="C16" s="14">
        <v>122</v>
      </c>
      <c r="D16" s="18">
        <v>248</v>
      </c>
    </row>
    <row r="17" spans="1:4" ht="18" customHeight="1" x14ac:dyDescent="0.15">
      <c r="A17" s="5">
        <v>10</v>
      </c>
      <c r="B17" s="22">
        <v>33</v>
      </c>
      <c r="C17" s="14">
        <v>28</v>
      </c>
      <c r="D17" s="18">
        <v>61</v>
      </c>
    </row>
    <row r="18" spans="1:4" ht="18" customHeight="1" x14ac:dyDescent="0.15">
      <c r="A18" s="5">
        <v>11</v>
      </c>
      <c r="B18" s="22">
        <v>20</v>
      </c>
      <c r="C18" s="14">
        <v>27</v>
      </c>
      <c r="D18" s="18">
        <v>47</v>
      </c>
    </row>
    <row r="19" spans="1:4" ht="18" customHeight="1" x14ac:dyDescent="0.15">
      <c r="A19" s="5">
        <v>12</v>
      </c>
      <c r="B19" s="22">
        <v>29</v>
      </c>
      <c r="C19" s="14">
        <v>25</v>
      </c>
      <c r="D19" s="18">
        <v>54</v>
      </c>
    </row>
    <row r="20" spans="1:4" ht="18" customHeight="1" x14ac:dyDescent="0.15">
      <c r="A20" s="5">
        <v>13</v>
      </c>
      <c r="B20" s="22">
        <v>31</v>
      </c>
      <c r="C20" s="14">
        <v>29</v>
      </c>
      <c r="D20" s="18">
        <v>60</v>
      </c>
    </row>
    <row r="21" spans="1:4" ht="18" customHeight="1" x14ac:dyDescent="0.15">
      <c r="A21" s="5">
        <v>14</v>
      </c>
      <c r="B21" s="22">
        <v>30</v>
      </c>
      <c r="C21" s="14">
        <v>34</v>
      </c>
      <c r="D21" s="18">
        <v>64</v>
      </c>
    </row>
    <row r="22" spans="1:4" ht="18" customHeight="1" x14ac:dyDescent="0.15">
      <c r="A22" s="5" t="s">
        <v>12</v>
      </c>
      <c r="B22" s="22">
        <v>143</v>
      </c>
      <c r="C22" s="14">
        <v>143</v>
      </c>
      <c r="D22" s="18">
        <v>286</v>
      </c>
    </row>
    <row r="23" spans="1:4" ht="18" customHeight="1" x14ac:dyDescent="0.15">
      <c r="A23" s="5" t="s">
        <v>6</v>
      </c>
      <c r="B23" s="22">
        <v>362</v>
      </c>
      <c r="C23" s="14">
        <v>349</v>
      </c>
      <c r="D23" s="18">
        <v>711</v>
      </c>
    </row>
    <row r="24" spans="1:4" ht="18" customHeight="1" x14ac:dyDescent="0.15">
      <c r="A24" s="5">
        <v>15</v>
      </c>
      <c r="B24" s="22">
        <v>31</v>
      </c>
      <c r="C24" s="14">
        <v>24</v>
      </c>
      <c r="D24" s="18">
        <v>55</v>
      </c>
    </row>
    <row r="25" spans="1:4" ht="18" customHeight="1" x14ac:dyDescent="0.15">
      <c r="A25" s="5">
        <v>16</v>
      </c>
      <c r="B25" s="22">
        <v>24</v>
      </c>
      <c r="C25" s="14">
        <v>19</v>
      </c>
      <c r="D25" s="18">
        <v>43</v>
      </c>
    </row>
    <row r="26" spans="1:4" ht="18" customHeight="1" x14ac:dyDescent="0.15">
      <c r="A26" s="5">
        <v>17</v>
      </c>
      <c r="B26" s="22">
        <v>33</v>
      </c>
      <c r="C26" s="14">
        <v>34</v>
      </c>
      <c r="D26" s="18">
        <v>67</v>
      </c>
    </row>
    <row r="27" spans="1:4" ht="18" customHeight="1" x14ac:dyDescent="0.15">
      <c r="A27" s="5">
        <v>18</v>
      </c>
      <c r="B27" s="22">
        <v>26</v>
      </c>
      <c r="C27" s="14">
        <v>42</v>
      </c>
      <c r="D27" s="18">
        <v>68</v>
      </c>
    </row>
    <row r="28" spans="1:4" ht="18" customHeight="1" x14ac:dyDescent="0.15">
      <c r="A28" s="5">
        <v>19</v>
      </c>
      <c r="B28" s="22">
        <v>24</v>
      </c>
      <c r="C28" s="14">
        <v>20</v>
      </c>
      <c r="D28" s="18">
        <v>44</v>
      </c>
    </row>
    <row r="29" spans="1:4" ht="18" customHeight="1" x14ac:dyDescent="0.15">
      <c r="A29" s="5" t="s">
        <v>14</v>
      </c>
      <c r="B29" s="22">
        <v>138</v>
      </c>
      <c r="C29" s="14">
        <v>139</v>
      </c>
      <c r="D29" s="18">
        <v>277</v>
      </c>
    </row>
    <row r="30" spans="1:4" ht="18" customHeight="1" x14ac:dyDescent="0.15">
      <c r="A30" s="5">
        <v>20</v>
      </c>
      <c r="B30" s="22">
        <v>15</v>
      </c>
      <c r="C30" s="14">
        <v>26</v>
      </c>
      <c r="D30" s="18">
        <v>41</v>
      </c>
    </row>
    <row r="31" spans="1:4" ht="18" customHeight="1" x14ac:dyDescent="0.15">
      <c r="A31" s="5">
        <v>21</v>
      </c>
      <c r="B31" s="22">
        <v>17</v>
      </c>
      <c r="C31" s="14">
        <v>21</v>
      </c>
      <c r="D31" s="18">
        <v>38</v>
      </c>
    </row>
    <row r="32" spans="1:4" ht="18" customHeight="1" x14ac:dyDescent="0.15">
      <c r="A32" s="5">
        <v>22</v>
      </c>
      <c r="B32" s="22">
        <v>29</v>
      </c>
      <c r="C32" s="14">
        <v>24</v>
      </c>
      <c r="D32" s="18">
        <v>53</v>
      </c>
    </row>
    <row r="33" spans="1:4" ht="18" customHeight="1" x14ac:dyDescent="0.15">
      <c r="A33" s="5">
        <v>23</v>
      </c>
      <c r="B33" s="22">
        <v>25</v>
      </c>
      <c r="C33" s="14">
        <v>21</v>
      </c>
      <c r="D33" s="18">
        <v>46</v>
      </c>
    </row>
    <row r="34" spans="1:4" ht="18" customHeight="1" x14ac:dyDescent="0.15">
      <c r="A34" s="5">
        <v>24</v>
      </c>
      <c r="B34" s="22">
        <v>21</v>
      </c>
      <c r="C34" s="14">
        <v>25</v>
      </c>
      <c r="D34" s="18">
        <v>46</v>
      </c>
    </row>
    <row r="35" spans="1:4" ht="18" customHeight="1" x14ac:dyDescent="0.15">
      <c r="A35" s="5" t="s">
        <v>9</v>
      </c>
      <c r="B35" s="22">
        <v>107</v>
      </c>
      <c r="C35" s="14">
        <v>117</v>
      </c>
      <c r="D35" s="18">
        <v>224</v>
      </c>
    </row>
    <row r="36" spans="1:4" ht="18" customHeight="1" x14ac:dyDescent="0.15">
      <c r="A36" s="5">
        <v>25</v>
      </c>
      <c r="B36" s="22">
        <v>26</v>
      </c>
      <c r="C36" s="14">
        <v>21</v>
      </c>
      <c r="D36" s="18">
        <v>47</v>
      </c>
    </row>
    <row r="37" spans="1:4" ht="18" customHeight="1" x14ac:dyDescent="0.15">
      <c r="A37" s="5">
        <v>26</v>
      </c>
      <c r="B37" s="22">
        <v>28</v>
      </c>
      <c r="C37" s="14">
        <v>29</v>
      </c>
      <c r="D37" s="18">
        <v>57</v>
      </c>
    </row>
    <row r="38" spans="1:4" ht="18" customHeight="1" x14ac:dyDescent="0.15">
      <c r="A38" s="5">
        <v>27</v>
      </c>
      <c r="B38" s="22">
        <v>22</v>
      </c>
      <c r="C38" s="14">
        <v>30</v>
      </c>
      <c r="D38" s="18">
        <v>52</v>
      </c>
    </row>
    <row r="39" spans="1:4" ht="18" customHeight="1" x14ac:dyDescent="0.15">
      <c r="A39" s="5">
        <v>28</v>
      </c>
      <c r="B39" s="22">
        <v>38</v>
      </c>
      <c r="C39" s="14">
        <v>25</v>
      </c>
      <c r="D39" s="18">
        <v>63</v>
      </c>
    </row>
    <row r="40" spans="1:4" ht="18" customHeight="1" x14ac:dyDescent="0.15">
      <c r="A40" s="5">
        <v>29</v>
      </c>
      <c r="B40" s="22">
        <v>35</v>
      </c>
      <c r="C40" s="14">
        <v>43</v>
      </c>
      <c r="D40" s="18">
        <v>78</v>
      </c>
    </row>
    <row r="41" spans="1:4" ht="18" customHeight="1" x14ac:dyDescent="0.15">
      <c r="A41" s="5" t="s">
        <v>2</v>
      </c>
      <c r="B41" s="22">
        <v>149</v>
      </c>
      <c r="C41" s="14">
        <v>148</v>
      </c>
      <c r="D41" s="18">
        <v>297</v>
      </c>
    </row>
    <row r="42" spans="1:4" ht="18" customHeight="1" x14ac:dyDescent="0.15">
      <c r="A42" s="5">
        <v>30</v>
      </c>
      <c r="B42" s="22">
        <v>26</v>
      </c>
      <c r="C42" s="14">
        <v>23</v>
      </c>
      <c r="D42" s="18">
        <v>49</v>
      </c>
    </row>
    <row r="43" spans="1:4" ht="18" customHeight="1" x14ac:dyDescent="0.15">
      <c r="A43" s="5">
        <v>31</v>
      </c>
      <c r="B43" s="22">
        <v>24</v>
      </c>
      <c r="C43" s="14">
        <v>27</v>
      </c>
      <c r="D43" s="18">
        <v>51</v>
      </c>
    </row>
    <row r="44" spans="1:4" ht="18" customHeight="1" x14ac:dyDescent="0.15">
      <c r="A44" s="5">
        <v>32</v>
      </c>
      <c r="B44" s="22">
        <v>35</v>
      </c>
      <c r="C44" s="14">
        <v>21</v>
      </c>
      <c r="D44" s="18">
        <v>56</v>
      </c>
    </row>
    <row r="45" spans="1:4" ht="18" customHeight="1" x14ac:dyDescent="0.15">
      <c r="A45" s="5">
        <v>33</v>
      </c>
      <c r="B45" s="22">
        <v>29</v>
      </c>
      <c r="C45" s="14">
        <v>26</v>
      </c>
      <c r="D45" s="18">
        <v>55</v>
      </c>
    </row>
    <row r="46" spans="1:4" ht="18" customHeight="1" x14ac:dyDescent="0.15">
      <c r="A46" s="5">
        <v>34</v>
      </c>
      <c r="B46" s="22">
        <v>42</v>
      </c>
      <c r="C46" s="14">
        <v>38</v>
      </c>
      <c r="D46" s="18">
        <v>80</v>
      </c>
    </row>
    <row r="47" spans="1:4" ht="18" customHeight="1" x14ac:dyDescent="0.15">
      <c r="A47" s="5" t="s">
        <v>15</v>
      </c>
      <c r="B47" s="22">
        <v>156</v>
      </c>
      <c r="C47" s="14">
        <v>135</v>
      </c>
      <c r="D47" s="18">
        <v>291</v>
      </c>
    </row>
    <row r="48" spans="1:4" ht="18" customHeight="1" x14ac:dyDescent="0.15">
      <c r="A48" s="5">
        <v>35</v>
      </c>
      <c r="B48" s="22">
        <v>32</v>
      </c>
      <c r="C48" s="14">
        <v>29</v>
      </c>
      <c r="D48" s="18">
        <v>61</v>
      </c>
    </row>
    <row r="49" spans="1:4" ht="18" customHeight="1" x14ac:dyDescent="0.15">
      <c r="A49" s="5">
        <v>36</v>
      </c>
      <c r="B49" s="22">
        <v>34</v>
      </c>
      <c r="C49" s="14">
        <v>31</v>
      </c>
      <c r="D49" s="18">
        <v>65</v>
      </c>
    </row>
    <row r="50" spans="1:4" ht="18" customHeight="1" x14ac:dyDescent="0.15">
      <c r="A50" s="5">
        <v>37</v>
      </c>
      <c r="B50" s="22">
        <v>34</v>
      </c>
      <c r="C50" s="14">
        <v>38</v>
      </c>
      <c r="D50" s="18">
        <v>72</v>
      </c>
    </row>
    <row r="51" spans="1:4" ht="18" customHeight="1" x14ac:dyDescent="0.15">
      <c r="A51" s="5">
        <v>38</v>
      </c>
      <c r="B51" s="22">
        <v>43</v>
      </c>
      <c r="C51" s="14">
        <v>31</v>
      </c>
      <c r="D51" s="18">
        <v>74</v>
      </c>
    </row>
    <row r="52" spans="1:4" ht="18" customHeight="1" x14ac:dyDescent="0.15">
      <c r="A52" s="5">
        <v>39</v>
      </c>
      <c r="B52" s="22">
        <v>39</v>
      </c>
      <c r="C52" s="14">
        <v>46</v>
      </c>
      <c r="D52" s="18">
        <v>85</v>
      </c>
    </row>
    <row r="53" spans="1:4" ht="18" customHeight="1" x14ac:dyDescent="0.15">
      <c r="A53" s="5" t="s">
        <v>18</v>
      </c>
      <c r="B53" s="22">
        <v>182</v>
      </c>
      <c r="C53" s="14">
        <v>175</v>
      </c>
      <c r="D53" s="18">
        <v>357</v>
      </c>
    </row>
    <row r="54" spans="1:4" ht="18" customHeight="1" x14ac:dyDescent="0.15">
      <c r="A54" s="5">
        <v>40</v>
      </c>
      <c r="B54" s="22">
        <v>35</v>
      </c>
      <c r="C54" s="14">
        <v>33</v>
      </c>
      <c r="D54" s="18">
        <v>68</v>
      </c>
    </row>
    <row r="55" spans="1:4" ht="18" customHeight="1" x14ac:dyDescent="0.15">
      <c r="A55" s="5">
        <v>41</v>
      </c>
      <c r="B55" s="22">
        <v>51</v>
      </c>
      <c r="C55" s="14">
        <v>42</v>
      </c>
      <c r="D55" s="18">
        <v>93</v>
      </c>
    </row>
    <row r="56" spans="1:4" ht="18" customHeight="1" x14ac:dyDescent="0.15">
      <c r="A56" s="5">
        <v>42</v>
      </c>
      <c r="B56" s="22">
        <v>42</v>
      </c>
      <c r="C56" s="14">
        <v>32</v>
      </c>
      <c r="D56" s="18">
        <v>74</v>
      </c>
    </row>
    <row r="57" spans="1:4" ht="18" customHeight="1" x14ac:dyDescent="0.15">
      <c r="A57" s="5">
        <v>43</v>
      </c>
      <c r="B57" s="22">
        <v>31</v>
      </c>
      <c r="C57" s="14">
        <v>27</v>
      </c>
      <c r="D57" s="18">
        <v>58</v>
      </c>
    </row>
    <row r="58" spans="1:4" ht="18" customHeight="1" x14ac:dyDescent="0.15">
      <c r="A58" s="5">
        <v>44</v>
      </c>
      <c r="B58" s="22">
        <v>36</v>
      </c>
      <c r="C58" s="14">
        <v>41</v>
      </c>
      <c r="D58" s="18">
        <v>77</v>
      </c>
    </row>
    <row r="59" spans="1:4" ht="18" customHeight="1" x14ac:dyDescent="0.15">
      <c r="A59" s="5" t="s">
        <v>21</v>
      </c>
      <c r="B59" s="22">
        <v>195</v>
      </c>
      <c r="C59" s="14">
        <v>175</v>
      </c>
      <c r="D59" s="18">
        <v>370</v>
      </c>
    </row>
    <row r="60" spans="1:4" ht="18" customHeight="1" x14ac:dyDescent="0.15">
      <c r="A60" s="5">
        <v>45</v>
      </c>
      <c r="B60" s="22">
        <v>45</v>
      </c>
      <c r="C60" s="14">
        <v>37</v>
      </c>
      <c r="D60" s="18">
        <v>82</v>
      </c>
    </row>
    <row r="61" spans="1:4" ht="18" customHeight="1" x14ac:dyDescent="0.15">
      <c r="A61" s="5">
        <v>46</v>
      </c>
      <c r="B61" s="22">
        <v>39</v>
      </c>
      <c r="C61" s="14">
        <v>32</v>
      </c>
      <c r="D61" s="18">
        <v>71</v>
      </c>
    </row>
    <row r="62" spans="1:4" ht="18" customHeight="1" x14ac:dyDescent="0.15">
      <c r="A62" s="5">
        <v>47</v>
      </c>
      <c r="B62" s="22">
        <v>42</v>
      </c>
      <c r="C62" s="14">
        <v>45</v>
      </c>
      <c r="D62" s="18">
        <v>87</v>
      </c>
    </row>
    <row r="63" spans="1:4" ht="18" customHeight="1" x14ac:dyDescent="0.15">
      <c r="A63" s="5">
        <v>48</v>
      </c>
      <c r="B63" s="22">
        <v>45</v>
      </c>
      <c r="C63" s="14">
        <v>37</v>
      </c>
      <c r="D63" s="18">
        <v>82</v>
      </c>
    </row>
    <row r="64" spans="1:4" ht="18" customHeight="1" x14ac:dyDescent="0.15">
      <c r="A64" s="5">
        <v>49</v>
      </c>
      <c r="B64" s="22">
        <v>47</v>
      </c>
      <c r="C64" s="14">
        <v>51</v>
      </c>
      <c r="D64" s="18">
        <v>98</v>
      </c>
    </row>
    <row r="65" spans="1:4" ht="18" customHeight="1" x14ac:dyDescent="0.15">
      <c r="A65" s="5" t="s">
        <v>17</v>
      </c>
      <c r="B65" s="22">
        <v>218</v>
      </c>
      <c r="C65" s="14">
        <v>202</v>
      </c>
      <c r="D65" s="18">
        <v>420</v>
      </c>
    </row>
    <row r="66" spans="1:4" ht="18" customHeight="1" x14ac:dyDescent="0.15">
      <c r="A66" s="5">
        <v>50</v>
      </c>
      <c r="B66" s="22">
        <v>40</v>
      </c>
      <c r="C66" s="14">
        <v>49</v>
      </c>
      <c r="D66" s="18">
        <v>89</v>
      </c>
    </row>
    <row r="67" spans="1:4" ht="18" customHeight="1" x14ac:dyDescent="0.15">
      <c r="A67" s="5">
        <v>51</v>
      </c>
      <c r="B67" s="22">
        <v>61</v>
      </c>
      <c r="C67" s="14">
        <v>66</v>
      </c>
      <c r="D67" s="18">
        <v>127</v>
      </c>
    </row>
    <row r="68" spans="1:4" ht="18" customHeight="1" x14ac:dyDescent="0.15">
      <c r="A68" s="5">
        <v>52</v>
      </c>
      <c r="B68" s="22">
        <v>66</v>
      </c>
      <c r="C68" s="14">
        <v>70</v>
      </c>
      <c r="D68" s="18">
        <v>136</v>
      </c>
    </row>
    <row r="69" spans="1:4" ht="18" customHeight="1" x14ac:dyDescent="0.15">
      <c r="A69" s="5">
        <v>53</v>
      </c>
      <c r="B69" s="22">
        <v>55</v>
      </c>
      <c r="C69" s="14">
        <v>61</v>
      </c>
      <c r="D69" s="18">
        <v>116</v>
      </c>
    </row>
    <row r="70" spans="1:4" ht="18" customHeight="1" x14ac:dyDescent="0.15">
      <c r="A70" s="5">
        <v>54</v>
      </c>
      <c r="B70" s="22">
        <v>53</v>
      </c>
      <c r="C70" s="14">
        <v>61</v>
      </c>
      <c r="D70" s="18">
        <v>114</v>
      </c>
    </row>
    <row r="71" spans="1:4" ht="18" customHeight="1" x14ac:dyDescent="0.15">
      <c r="A71" s="5" t="s">
        <v>22</v>
      </c>
      <c r="B71" s="22">
        <v>275</v>
      </c>
      <c r="C71" s="14">
        <v>307</v>
      </c>
      <c r="D71" s="18">
        <v>582</v>
      </c>
    </row>
    <row r="72" spans="1:4" ht="18" customHeight="1" x14ac:dyDescent="0.15">
      <c r="A72" s="5">
        <v>55</v>
      </c>
      <c r="B72" s="22">
        <v>59</v>
      </c>
      <c r="C72" s="14">
        <v>46</v>
      </c>
      <c r="D72" s="18">
        <v>105</v>
      </c>
    </row>
    <row r="73" spans="1:4" ht="18" customHeight="1" x14ac:dyDescent="0.15">
      <c r="A73" s="5">
        <v>56</v>
      </c>
      <c r="B73" s="22">
        <v>67</v>
      </c>
      <c r="C73" s="14">
        <v>36</v>
      </c>
      <c r="D73" s="18">
        <v>103</v>
      </c>
    </row>
    <row r="74" spans="1:4" ht="18" customHeight="1" x14ac:dyDescent="0.15">
      <c r="A74" s="5">
        <v>57</v>
      </c>
      <c r="B74" s="22">
        <v>56</v>
      </c>
      <c r="C74" s="14">
        <v>46</v>
      </c>
      <c r="D74" s="18">
        <v>102</v>
      </c>
    </row>
    <row r="75" spans="1:4" ht="18" customHeight="1" x14ac:dyDescent="0.15">
      <c r="A75" s="5">
        <v>58</v>
      </c>
      <c r="B75" s="22">
        <v>56</v>
      </c>
      <c r="C75" s="14">
        <v>48</v>
      </c>
      <c r="D75" s="18">
        <v>104</v>
      </c>
    </row>
    <row r="76" spans="1:4" ht="18" customHeight="1" x14ac:dyDescent="0.15">
      <c r="A76" s="5">
        <v>59</v>
      </c>
      <c r="B76" s="22">
        <v>28</v>
      </c>
      <c r="C76" s="14">
        <v>34</v>
      </c>
      <c r="D76" s="18">
        <v>62</v>
      </c>
    </row>
    <row r="77" spans="1:4" ht="18" customHeight="1" x14ac:dyDescent="0.15">
      <c r="A77" s="5" t="s">
        <v>27</v>
      </c>
      <c r="B77" s="22">
        <v>266</v>
      </c>
      <c r="C77" s="14">
        <v>210</v>
      </c>
      <c r="D77" s="18">
        <v>476</v>
      </c>
    </row>
    <row r="78" spans="1:4" ht="18" customHeight="1" x14ac:dyDescent="0.15">
      <c r="A78" s="5">
        <v>60</v>
      </c>
      <c r="B78" s="22">
        <v>24</v>
      </c>
      <c r="C78" s="14">
        <v>46</v>
      </c>
      <c r="D78" s="18">
        <v>70</v>
      </c>
    </row>
    <row r="79" spans="1:4" ht="18" customHeight="1" x14ac:dyDescent="0.15">
      <c r="A79" s="5">
        <v>61</v>
      </c>
      <c r="B79" s="22">
        <v>49</v>
      </c>
      <c r="C79" s="14">
        <v>42</v>
      </c>
      <c r="D79" s="18">
        <v>91</v>
      </c>
    </row>
    <row r="80" spans="1:4" ht="18" customHeight="1" x14ac:dyDescent="0.15">
      <c r="A80" s="5">
        <v>62</v>
      </c>
      <c r="B80" s="22">
        <v>26</v>
      </c>
      <c r="C80" s="14">
        <v>32</v>
      </c>
      <c r="D80" s="18">
        <v>58</v>
      </c>
    </row>
    <row r="81" spans="1:4" ht="18" customHeight="1" x14ac:dyDescent="0.15">
      <c r="A81" s="5">
        <v>63</v>
      </c>
      <c r="B81" s="22">
        <v>45</v>
      </c>
      <c r="C81" s="14">
        <v>37</v>
      </c>
      <c r="D81" s="18">
        <v>82</v>
      </c>
    </row>
    <row r="82" spans="1:4" ht="18" customHeight="1" x14ac:dyDescent="0.15">
      <c r="A82" s="5">
        <v>64</v>
      </c>
      <c r="B82" s="22">
        <v>44</v>
      </c>
      <c r="C82" s="14">
        <v>39</v>
      </c>
      <c r="D82" s="18">
        <v>83</v>
      </c>
    </row>
    <row r="83" spans="1:4" ht="18" customHeight="1" x14ac:dyDescent="0.15">
      <c r="A83" s="5" t="s">
        <v>28</v>
      </c>
      <c r="B83" s="22">
        <v>188</v>
      </c>
      <c r="C83" s="14">
        <v>196</v>
      </c>
      <c r="D83" s="18">
        <v>384</v>
      </c>
    </row>
    <row r="84" spans="1:4" ht="18" customHeight="1" x14ac:dyDescent="0.15">
      <c r="A84" s="5" t="s">
        <v>31</v>
      </c>
      <c r="B84" s="22">
        <v>1874</v>
      </c>
      <c r="C84" s="14">
        <v>1804</v>
      </c>
      <c r="D84" s="18">
        <v>3678</v>
      </c>
    </row>
    <row r="85" spans="1:4" ht="18" customHeight="1" x14ac:dyDescent="0.15">
      <c r="A85" s="5">
        <v>65</v>
      </c>
      <c r="B85" s="22">
        <v>41</v>
      </c>
      <c r="C85" s="14">
        <v>40</v>
      </c>
      <c r="D85" s="18">
        <v>81</v>
      </c>
    </row>
    <row r="86" spans="1:4" ht="18" customHeight="1" x14ac:dyDescent="0.15">
      <c r="A86" s="5">
        <v>66</v>
      </c>
      <c r="B86" s="22">
        <v>28</v>
      </c>
      <c r="C86" s="14">
        <v>37</v>
      </c>
      <c r="D86" s="18">
        <v>65</v>
      </c>
    </row>
    <row r="87" spans="1:4" ht="18" customHeight="1" x14ac:dyDescent="0.15">
      <c r="A87" s="5">
        <v>67</v>
      </c>
      <c r="B87" s="22">
        <v>35</v>
      </c>
      <c r="C87" s="14">
        <v>41</v>
      </c>
      <c r="D87" s="18">
        <v>76</v>
      </c>
    </row>
    <row r="88" spans="1:4" ht="18" customHeight="1" x14ac:dyDescent="0.15">
      <c r="A88" s="5">
        <v>68</v>
      </c>
      <c r="B88" s="22">
        <v>41</v>
      </c>
      <c r="C88" s="14">
        <v>36</v>
      </c>
      <c r="D88" s="18">
        <v>77</v>
      </c>
    </row>
    <row r="89" spans="1:4" ht="18" customHeight="1" x14ac:dyDescent="0.15">
      <c r="A89" s="5">
        <v>69</v>
      </c>
      <c r="B89" s="22">
        <v>30</v>
      </c>
      <c r="C89" s="14">
        <v>30</v>
      </c>
      <c r="D89" s="18">
        <v>60</v>
      </c>
    </row>
    <row r="90" spans="1:4" ht="18" customHeight="1" x14ac:dyDescent="0.15">
      <c r="A90" s="5" t="s">
        <v>20</v>
      </c>
      <c r="B90" s="22">
        <v>175</v>
      </c>
      <c r="C90" s="14">
        <v>184</v>
      </c>
      <c r="D90" s="18">
        <v>359</v>
      </c>
    </row>
    <row r="91" spans="1:4" ht="18" customHeight="1" x14ac:dyDescent="0.15">
      <c r="A91" s="5">
        <v>70</v>
      </c>
      <c r="B91" s="22">
        <v>35</v>
      </c>
      <c r="C91" s="14">
        <v>30</v>
      </c>
      <c r="D91" s="18">
        <v>65</v>
      </c>
    </row>
    <row r="92" spans="1:4" ht="18" customHeight="1" x14ac:dyDescent="0.15">
      <c r="A92" s="5">
        <v>71</v>
      </c>
      <c r="B92" s="22">
        <v>25</v>
      </c>
      <c r="C92" s="14">
        <v>40</v>
      </c>
      <c r="D92" s="18">
        <v>65</v>
      </c>
    </row>
    <row r="93" spans="1:4" ht="18" customHeight="1" x14ac:dyDescent="0.15">
      <c r="A93" s="5">
        <v>72</v>
      </c>
      <c r="B93" s="22">
        <v>44</v>
      </c>
      <c r="C93" s="14">
        <v>42</v>
      </c>
      <c r="D93" s="18">
        <v>86</v>
      </c>
    </row>
    <row r="94" spans="1:4" ht="18" customHeight="1" x14ac:dyDescent="0.15">
      <c r="A94" s="5">
        <v>73</v>
      </c>
      <c r="B94" s="22">
        <v>32</v>
      </c>
      <c r="C94" s="14">
        <v>40</v>
      </c>
      <c r="D94" s="18">
        <v>72</v>
      </c>
    </row>
    <row r="95" spans="1:4" ht="18" customHeight="1" x14ac:dyDescent="0.15">
      <c r="A95" s="5">
        <v>74</v>
      </c>
      <c r="B95" s="22">
        <v>31</v>
      </c>
      <c r="C95" s="14">
        <v>43</v>
      </c>
      <c r="D95" s="18">
        <v>74</v>
      </c>
    </row>
    <row r="96" spans="1:4" ht="18" customHeight="1" x14ac:dyDescent="0.15">
      <c r="A96" s="5" t="s">
        <v>33</v>
      </c>
      <c r="B96" s="22">
        <v>167</v>
      </c>
      <c r="C96" s="14">
        <v>195</v>
      </c>
      <c r="D96" s="18">
        <v>362</v>
      </c>
    </row>
    <row r="97" spans="1:4" ht="18" customHeight="1" x14ac:dyDescent="0.15">
      <c r="A97" s="5">
        <v>75</v>
      </c>
      <c r="B97" s="22">
        <v>40</v>
      </c>
      <c r="C97" s="14">
        <v>43</v>
      </c>
      <c r="D97" s="18">
        <v>83</v>
      </c>
    </row>
    <row r="98" spans="1:4" ht="18" customHeight="1" x14ac:dyDescent="0.15">
      <c r="A98" s="5">
        <v>76</v>
      </c>
      <c r="B98" s="22">
        <v>39</v>
      </c>
      <c r="C98" s="14">
        <v>44</v>
      </c>
      <c r="D98" s="18">
        <v>83</v>
      </c>
    </row>
    <row r="99" spans="1:4" ht="18" customHeight="1" x14ac:dyDescent="0.15">
      <c r="A99" s="5">
        <v>77</v>
      </c>
      <c r="B99" s="22">
        <v>39</v>
      </c>
      <c r="C99" s="14">
        <v>56</v>
      </c>
      <c r="D99" s="18">
        <v>95</v>
      </c>
    </row>
    <row r="100" spans="1:4" ht="18" customHeight="1" x14ac:dyDescent="0.15">
      <c r="A100" s="5">
        <v>78</v>
      </c>
      <c r="B100" s="22">
        <v>43</v>
      </c>
      <c r="C100" s="14">
        <v>68</v>
      </c>
      <c r="D100" s="18">
        <v>111</v>
      </c>
    </row>
    <row r="101" spans="1:4" ht="18" customHeight="1" x14ac:dyDescent="0.15">
      <c r="A101" s="5">
        <v>79</v>
      </c>
      <c r="B101" s="22">
        <v>27</v>
      </c>
      <c r="C101" s="14">
        <v>37</v>
      </c>
      <c r="D101" s="18">
        <v>64</v>
      </c>
    </row>
    <row r="102" spans="1:4" ht="18" customHeight="1" x14ac:dyDescent="0.15">
      <c r="A102" s="5" t="s">
        <v>0</v>
      </c>
      <c r="B102" s="22">
        <v>188</v>
      </c>
      <c r="C102" s="14">
        <v>248</v>
      </c>
      <c r="D102" s="18">
        <v>436</v>
      </c>
    </row>
    <row r="103" spans="1:4" ht="18" customHeight="1" x14ac:dyDescent="0.15">
      <c r="A103" s="5">
        <v>80</v>
      </c>
      <c r="B103" s="22">
        <v>25</v>
      </c>
      <c r="C103" s="14">
        <v>34</v>
      </c>
      <c r="D103" s="18">
        <v>59</v>
      </c>
    </row>
    <row r="104" spans="1:4" ht="18" customHeight="1" x14ac:dyDescent="0.15">
      <c r="A104" s="5">
        <v>81</v>
      </c>
      <c r="B104" s="22">
        <v>28</v>
      </c>
      <c r="C104" s="14">
        <v>49</v>
      </c>
      <c r="D104" s="18">
        <v>77</v>
      </c>
    </row>
    <row r="105" spans="1:4" ht="18" customHeight="1" x14ac:dyDescent="0.15">
      <c r="A105" s="5">
        <v>82</v>
      </c>
      <c r="B105" s="22">
        <v>28</v>
      </c>
      <c r="C105" s="14">
        <v>37</v>
      </c>
      <c r="D105" s="18">
        <v>65</v>
      </c>
    </row>
    <row r="106" spans="1:4" ht="18" customHeight="1" x14ac:dyDescent="0.15">
      <c r="A106" s="5">
        <v>83</v>
      </c>
      <c r="B106" s="22">
        <v>30</v>
      </c>
      <c r="C106" s="14">
        <v>48</v>
      </c>
      <c r="D106" s="18">
        <v>78</v>
      </c>
    </row>
    <row r="107" spans="1:4" ht="18" customHeight="1" x14ac:dyDescent="0.15">
      <c r="A107" s="5">
        <v>84</v>
      </c>
      <c r="B107" s="22">
        <v>25</v>
      </c>
      <c r="C107" s="14">
        <v>54</v>
      </c>
      <c r="D107" s="18">
        <v>79</v>
      </c>
    </row>
    <row r="108" spans="1:4" ht="18" customHeight="1" x14ac:dyDescent="0.15">
      <c r="A108" s="5" t="s">
        <v>35</v>
      </c>
      <c r="B108" s="22">
        <v>136</v>
      </c>
      <c r="C108" s="14">
        <v>222</v>
      </c>
      <c r="D108" s="18">
        <v>358</v>
      </c>
    </row>
    <row r="109" spans="1:4" ht="18" customHeight="1" x14ac:dyDescent="0.15">
      <c r="A109" s="5">
        <v>85</v>
      </c>
      <c r="B109" s="22">
        <v>22</v>
      </c>
      <c r="C109" s="14">
        <v>30</v>
      </c>
      <c r="D109" s="18">
        <v>52</v>
      </c>
    </row>
    <row r="110" spans="1:4" ht="18" customHeight="1" x14ac:dyDescent="0.15">
      <c r="A110" s="5">
        <v>86</v>
      </c>
      <c r="B110" s="22">
        <v>20</v>
      </c>
      <c r="C110" s="14">
        <v>30</v>
      </c>
      <c r="D110" s="18">
        <v>50</v>
      </c>
    </row>
    <row r="111" spans="1:4" ht="18" customHeight="1" x14ac:dyDescent="0.15">
      <c r="A111" s="5">
        <v>87</v>
      </c>
      <c r="B111" s="22">
        <v>15</v>
      </c>
      <c r="C111" s="14">
        <v>32</v>
      </c>
      <c r="D111" s="18">
        <v>47</v>
      </c>
    </row>
    <row r="112" spans="1:4" ht="18" customHeight="1" x14ac:dyDescent="0.15">
      <c r="A112" s="5">
        <v>88</v>
      </c>
      <c r="B112" s="22">
        <v>12</v>
      </c>
      <c r="C112" s="14">
        <v>41</v>
      </c>
      <c r="D112" s="18">
        <v>53</v>
      </c>
    </row>
    <row r="113" spans="1:4" ht="18" customHeight="1" x14ac:dyDescent="0.15">
      <c r="A113" s="5">
        <v>89</v>
      </c>
      <c r="B113" s="22">
        <v>10</v>
      </c>
      <c r="C113" s="14">
        <v>23</v>
      </c>
      <c r="D113" s="18">
        <v>33</v>
      </c>
    </row>
    <row r="114" spans="1:4" ht="18" customHeight="1" x14ac:dyDescent="0.15">
      <c r="A114" s="5" t="s">
        <v>37</v>
      </c>
      <c r="B114" s="22">
        <v>79</v>
      </c>
      <c r="C114" s="14">
        <v>156</v>
      </c>
      <c r="D114" s="18">
        <v>235</v>
      </c>
    </row>
    <row r="115" spans="1:4" ht="18" customHeight="1" x14ac:dyDescent="0.15">
      <c r="A115" s="5">
        <v>90</v>
      </c>
      <c r="B115" s="22">
        <v>4</v>
      </c>
      <c r="C115" s="14">
        <v>21</v>
      </c>
      <c r="D115" s="18">
        <v>25</v>
      </c>
    </row>
    <row r="116" spans="1:4" ht="18" customHeight="1" x14ac:dyDescent="0.15">
      <c r="A116" s="5">
        <v>91</v>
      </c>
      <c r="B116" s="22">
        <v>10</v>
      </c>
      <c r="C116" s="14">
        <v>20</v>
      </c>
      <c r="D116" s="18">
        <v>30</v>
      </c>
    </row>
    <row r="117" spans="1:4" ht="18" customHeight="1" x14ac:dyDescent="0.15">
      <c r="A117" s="5">
        <v>92</v>
      </c>
      <c r="B117" s="22">
        <v>5</v>
      </c>
      <c r="C117" s="14">
        <v>21</v>
      </c>
      <c r="D117" s="18">
        <v>26</v>
      </c>
    </row>
    <row r="118" spans="1:4" ht="18" customHeight="1" x14ac:dyDescent="0.15">
      <c r="A118" s="5">
        <v>93</v>
      </c>
      <c r="B118" s="22">
        <v>2</v>
      </c>
      <c r="C118" s="14">
        <v>26</v>
      </c>
      <c r="D118" s="18">
        <v>28</v>
      </c>
    </row>
    <row r="119" spans="1:4" ht="18" customHeight="1" x14ac:dyDescent="0.15">
      <c r="A119" s="5">
        <v>94</v>
      </c>
      <c r="B119" s="22">
        <v>1</v>
      </c>
      <c r="C119" s="14">
        <v>12</v>
      </c>
      <c r="D119" s="18">
        <v>13</v>
      </c>
    </row>
    <row r="120" spans="1:4" ht="18" customHeight="1" x14ac:dyDescent="0.15">
      <c r="A120" s="5" t="s">
        <v>39</v>
      </c>
      <c r="B120" s="22">
        <v>22</v>
      </c>
      <c r="C120" s="14">
        <v>100</v>
      </c>
      <c r="D120" s="18">
        <v>122</v>
      </c>
    </row>
    <row r="121" spans="1:4" ht="18" customHeight="1" x14ac:dyDescent="0.15">
      <c r="A121" s="5">
        <v>95</v>
      </c>
      <c r="B121" s="22">
        <v>1</v>
      </c>
      <c r="C121" s="14">
        <v>8</v>
      </c>
      <c r="D121" s="18">
        <v>9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29</v>
      </c>
      <c r="D126" s="18">
        <v>35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2</v>
      </c>
      <c r="C129" s="14">
        <v>10</v>
      </c>
      <c r="D129" s="18">
        <v>12</v>
      </c>
    </row>
    <row r="130" spans="1:4" ht="18" customHeight="1" x14ac:dyDescent="0.15">
      <c r="A130" s="5" t="s">
        <v>46</v>
      </c>
      <c r="B130" s="22">
        <v>775</v>
      </c>
      <c r="C130" s="14">
        <v>1144</v>
      </c>
      <c r="D130" s="18">
        <v>1919</v>
      </c>
    </row>
    <row r="131" spans="1:4" ht="18" customHeight="1" x14ac:dyDescent="0.15">
      <c r="A131" s="7" t="s">
        <v>45</v>
      </c>
      <c r="B131" s="23">
        <v>3011</v>
      </c>
      <c r="C131" s="15">
        <v>3297</v>
      </c>
      <c r="D131" s="19">
        <v>63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31</v>
      </c>
      <c r="D5" s="17">
        <v>66</v>
      </c>
    </row>
    <row r="6" spans="1:4" ht="18" customHeight="1" x14ac:dyDescent="0.15">
      <c r="A6" s="5">
        <v>1</v>
      </c>
      <c r="B6" s="22">
        <v>36</v>
      </c>
      <c r="C6" s="14">
        <v>27</v>
      </c>
      <c r="D6" s="18">
        <v>63</v>
      </c>
    </row>
    <row r="7" spans="1:4" ht="18" customHeight="1" x14ac:dyDescent="0.15">
      <c r="A7" s="5">
        <v>2</v>
      </c>
      <c r="B7" s="22">
        <v>34</v>
      </c>
      <c r="C7" s="14">
        <v>36</v>
      </c>
      <c r="D7" s="18">
        <v>70</v>
      </c>
    </row>
    <row r="8" spans="1:4" ht="18" customHeight="1" x14ac:dyDescent="0.15">
      <c r="A8" s="5">
        <v>3</v>
      </c>
      <c r="B8" s="22">
        <v>36</v>
      </c>
      <c r="C8" s="14">
        <v>36</v>
      </c>
      <c r="D8" s="18">
        <v>72</v>
      </c>
    </row>
    <row r="9" spans="1:4" ht="18" customHeight="1" x14ac:dyDescent="0.15">
      <c r="A9" s="5">
        <v>4</v>
      </c>
      <c r="B9" s="22">
        <v>32</v>
      </c>
      <c r="C9" s="14">
        <v>35</v>
      </c>
      <c r="D9" s="18">
        <v>67</v>
      </c>
    </row>
    <row r="10" spans="1:4" ht="18" customHeight="1" x14ac:dyDescent="0.15">
      <c r="A10" s="5" t="s">
        <v>7</v>
      </c>
      <c r="B10" s="22">
        <v>173</v>
      </c>
      <c r="C10" s="14">
        <v>165</v>
      </c>
      <c r="D10" s="18">
        <v>338</v>
      </c>
    </row>
    <row r="11" spans="1:4" ht="18" customHeight="1" x14ac:dyDescent="0.15">
      <c r="A11" s="5">
        <v>5</v>
      </c>
      <c r="B11" s="22">
        <v>63</v>
      </c>
      <c r="C11" s="14">
        <v>35</v>
      </c>
      <c r="D11" s="18">
        <v>98</v>
      </c>
    </row>
    <row r="12" spans="1:4" ht="18" customHeight="1" x14ac:dyDescent="0.15">
      <c r="A12" s="5">
        <v>6</v>
      </c>
      <c r="B12" s="22">
        <v>41</v>
      </c>
      <c r="C12" s="14">
        <v>40</v>
      </c>
      <c r="D12" s="18">
        <v>81</v>
      </c>
    </row>
    <row r="13" spans="1:4" ht="18" customHeight="1" x14ac:dyDescent="0.15">
      <c r="A13" s="5">
        <v>7</v>
      </c>
      <c r="B13" s="22">
        <v>55</v>
      </c>
      <c r="C13" s="14">
        <v>38</v>
      </c>
      <c r="D13" s="18">
        <v>93</v>
      </c>
    </row>
    <row r="14" spans="1:4" ht="18" customHeight="1" x14ac:dyDescent="0.15">
      <c r="A14" s="5">
        <v>8</v>
      </c>
      <c r="B14" s="22">
        <v>47</v>
      </c>
      <c r="C14" s="14">
        <v>39</v>
      </c>
      <c r="D14" s="18">
        <v>86</v>
      </c>
    </row>
    <row r="15" spans="1:4" ht="18" customHeight="1" x14ac:dyDescent="0.15">
      <c r="A15" s="5">
        <v>9</v>
      </c>
      <c r="B15" s="22">
        <v>59</v>
      </c>
      <c r="C15" s="14">
        <v>55</v>
      </c>
      <c r="D15" s="18">
        <v>114</v>
      </c>
    </row>
    <row r="16" spans="1:4" ht="18" customHeight="1" x14ac:dyDescent="0.15">
      <c r="A16" s="5" t="s">
        <v>11</v>
      </c>
      <c r="B16" s="22">
        <v>265</v>
      </c>
      <c r="C16" s="14">
        <v>207</v>
      </c>
      <c r="D16" s="18">
        <v>472</v>
      </c>
    </row>
    <row r="17" spans="1:4" ht="18" customHeight="1" x14ac:dyDescent="0.15">
      <c r="A17" s="5">
        <v>10</v>
      </c>
      <c r="B17" s="22">
        <v>41</v>
      </c>
      <c r="C17" s="14">
        <v>41</v>
      </c>
      <c r="D17" s="18">
        <v>82</v>
      </c>
    </row>
    <row r="18" spans="1:4" ht="18" customHeight="1" x14ac:dyDescent="0.15">
      <c r="A18" s="5">
        <v>11</v>
      </c>
      <c r="B18" s="22">
        <v>45</v>
      </c>
      <c r="C18" s="14">
        <v>51</v>
      </c>
      <c r="D18" s="18">
        <v>96</v>
      </c>
    </row>
    <row r="19" spans="1:4" ht="18" customHeight="1" x14ac:dyDescent="0.15">
      <c r="A19" s="5">
        <v>12</v>
      </c>
      <c r="B19" s="22">
        <v>63</v>
      </c>
      <c r="C19" s="14">
        <v>54</v>
      </c>
      <c r="D19" s="18">
        <v>117</v>
      </c>
    </row>
    <row r="20" spans="1:4" ht="18" customHeight="1" x14ac:dyDescent="0.15">
      <c r="A20" s="5">
        <v>13</v>
      </c>
      <c r="B20" s="22">
        <v>54</v>
      </c>
      <c r="C20" s="14">
        <v>47</v>
      </c>
      <c r="D20" s="18">
        <v>101</v>
      </c>
    </row>
    <row r="21" spans="1:4" ht="18" customHeight="1" x14ac:dyDescent="0.15">
      <c r="A21" s="5">
        <v>14</v>
      </c>
      <c r="B21" s="22">
        <v>44</v>
      </c>
      <c r="C21" s="14">
        <v>54</v>
      </c>
      <c r="D21" s="18">
        <v>98</v>
      </c>
    </row>
    <row r="22" spans="1:4" ht="18" customHeight="1" x14ac:dyDescent="0.15">
      <c r="A22" s="5" t="s">
        <v>12</v>
      </c>
      <c r="B22" s="22">
        <v>247</v>
      </c>
      <c r="C22" s="14">
        <v>247</v>
      </c>
      <c r="D22" s="18">
        <v>494</v>
      </c>
    </row>
    <row r="23" spans="1:4" ht="18" customHeight="1" x14ac:dyDescent="0.15">
      <c r="A23" s="5" t="s">
        <v>6</v>
      </c>
      <c r="B23" s="22">
        <v>685</v>
      </c>
      <c r="C23" s="14">
        <v>619</v>
      </c>
      <c r="D23" s="18">
        <v>1304</v>
      </c>
    </row>
    <row r="24" spans="1:4" ht="18" customHeight="1" x14ac:dyDescent="0.15">
      <c r="A24" s="5">
        <v>15</v>
      </c>
      <c r="B24" s="22">
        <v>69</v>
      </c>
      <c r="C24" s="14">
        <v>44</v>
      </c>
      <c r="D24" s="18">
        <v>113</v>
      </c>
    </row>
    <row r="25" spans="1:4" ht="18" customHeight="1" x14ac:dyDescent="0.15">
      <c r="A25" s="5">
        <v>16</v>
      </c>
      <c r="B25" s="22">
        <v>54</v>
      </c>
      <c r="C25" s="14">
        <v>38</v>
      </c>
      <c r="D25" s="18">
        <v>92</v>
      </c>
    </row>
    <row r="26" spans="1:4" ht="18" customHeight="1" x14ac:dyDescent="0.15">
      <c r="A26" s="5">
        <v>17</v>
      </c>
      <c r="B26" s="22">
        <v>30</v>
      </c>
      <c r="C26" s="14">
        <v>52</v>
      </c>
      <c r="D26" s="18">
        <v>82</v>
      </c>
    </row>
    <row r="27" spans="1:4" ht="18" customHeight="1" x14ac:dyDescent="0.15">
      <c r="A27" s="5">
        <v>18</v>
      </c>
      <c r="B27" s="22">
        <v>51</v>
      </c>
      <c r="C27" s="14">
        <v>57</v>
      </c>
      <c r="D27" s="18">
        <v>108</v>
      </c>
    </row>
    <row r="28" spans="1:4" ht="18" customHeight="1" x14ac:dyDescent="0.15">
      <c r="A28" s="5">
        <v>19</v>
      </c>
      <c r="B28" s="22">
        <v>45</v>
      </c>
      <c r="C28" s="14">
        <v>40</v>
      </c>
      <c r="D28" s="18">
        <v>85</v>
      </c>
    </row>
    <row r="29" spans="1:4" ht="18" customHeight="1" x14ac:dyDescent="0.15">
      <c r="A29" s="5" t="s">
        <v>14</v>
      </c>
      <c r="B29" s="22">
        <v>249</v>
      </c>
      <c r="C29" s="14">
        <v>231</v>
      </c>
      <c r="D29" s="18">
        <v>480</v>
      </c>
    </row>
    <row r="30" spans="1:4" ht="18" customHeight="1" x14ac:dyDescent="0.15">
      <c r="A30" s="5">
        <v>20</v>
      </c>
      <c r="B30" s="22">
        <v>44</v>
      </c>
      <c r="C30" s="14">
        <v>31</v>
      </c>
      <c r="D30" s="18">
        <v>75</v>
      </c>
    </row>
    <row r="31" spans="1:4" ht="18" customHeight="1" x14ac:dyDescent="0.15">
      <c r="A31" s="5">
        <v>21</v>
      </c>
      <c r="B31" s="22">
        <v>50</v>
      </c>
      <c r="C31" s="14">
        <v>50</v>
      </c>
      <c r="D31" s="18">
        <v>100</v>
      </c>
    </row>
    <row r="32" spans="1:4" ht="18" customHeight="1" x14ac:dyDescent="0.15">
      <c r="A32" s="5">
        <v>22</v>
      </c>
      <c r="B32" s="22">
        <v>50</v>
      </c>
      <c r="C32" s="14">
        <v>47</v>
      </c>
      <c r="D32" s="18">
        <v>97</v>
      </c>
    </row>
    <row r="33" spans="1:4" ht="18" customHeight="1" x14ac:dyDescent="0.15">
      <c r="A33" s="5">
        <v>23</v>
      </c>
      <c r="B33" s="22">
        <v>59</v>
      </c>
      <c r="C33" s="14">
        <v>53</v>
      </c>
      <c r="D33" s="18">
        <v>112</v>
      </c>
    </row>
    <row r="34" spans="1:4" ht="18" customHeight="1" x14ac:dyDescent="0.15">
      <c r="A34" s="5">
        <v>24</v>
      </c>
      <c r="B34" s="22">
        <v>67</v>
      </c>
      <c r="C34" s="14">
        <v>50</v>
      </c>
      <c r="D34" s="18">
        <v>117</v>
      </c>
    </row>
    <row r="35" spans="1:4" ht="18" customHeight="1" x14ac:dyDescent="0.15">
      <c r="A35" s="5" t="s">
        <v>9</v>
      </c>
      <c r="B35" s="22">
        <v>270</v>
      </c>
      <c r="C35" s="14">
        <v>231</v>
      </c>
      <c r="D35" s="18">
        <v>501</v>
      </c>
    </row>
    <row r="36" spans="1:4" ht="18" customHeight="1" x14ac:dyDescent="0.15">
      <c r="A36" s="5">
        <v>25</v>
      </c>
      <c r="B36" s="22">
        <v>60</v>
      </c>
      <c r="C36" s="14">
        <v>48</v>
      </c>
      <c r="D36" s="18">
        <v>108</v>
      </c>
    </row>
    <row r="37" spans="1:4" ht="18" customHeight="1" x14ac:dyDescent="0.15">
      <c r="A37" s="5">
        <v>26</v>
      </c>
      <c r="B37" s="22">
        <v>64</v>
      </c>
      <c r="C37" s="14">
        <v>54</v>
      </c>
      <c r="D37" s="18">
        <v>118</v>
      </c>
    </row>
    <row r="38" spans="1:4" ht="18" customHeight="1" x14ac:dyDescent="0.15">
      <c r="A38" s="5">
        <v>27</v>
      </c>
      <c r="B38" s="22">
        <v>59</v>
      </c>
      <c r="C38" s="14">
        <v>62</v>
      </c>
      <c r="D38" s="18">
        <v>121</v>
      </c>
    </row>
    <row r="39" spans="1:4" ht="18" customHeight="1" x14ac:dyDescent="0.15">
      <c r="A39" s="5">
        <v>28</v>
      </c>
      <c r="B39" s="22">
        <v>70</v>
      </c>
      <c r="C39" s="14">
        <v>69</v>
      </c>
      <c r="D39" s="18">
        <v>139</v>
      </c>
    </row>
    <row r="40" spans="1:4" ht="18" customHeight="1" x14ac:dyDescent="0.15">
      <c r="A40" s="5">
        <v>29</v>
      </c>
      <c r="B40" s="22">
        <v>60</v>
      </c>
      <c r="C40" s="14">
        <v>60</v>
      </c>
      <c r="D40" s="18">
        <v>120</v>
      </c>
    </row>
    <row r="41" spans="1:4" ht="18" customHeight="1" x14ac:dyDescent="0.15">
      <c r="A41" s="5" t="s">
        <v>2</v>
      </c>
      <c r="B41" s="22">
        <v>313</v>
      </c>
      <c r="C41" s="14">
        <v>293</v>
      </c>
      <c r="D41" s="18">
        <v>606</v>
      </c>
    </row>
    <row r="42" spans="1:4" ht="18" customHeight="1" x14ac:dyDescent="0.15">
      <c r="A42" s="5">
        <v>30</v>
      </c>
      <c r="B42" s="22">
        <v>58</v>
      </c>
      <c r="C42" s="14">
        <v>56</v>
      </c>
      <c r="D42" s="18">
        <v>114</v>
      </c>
    </row>
    <row r="43" spans="1:4" ht="18" customHeight="1" x14ac:dyDescent="0.15">
      <c r="A43" s="5">
        <v>31</v>
      </c>
      <c r="B43" s="22">
        <v>55</v>
      </c>
      <c r="C43" s="14">
        <v>64</v>
      </c>
      <c r="D43" s="18">
        <v>119</v>
      </c>
    </row>
    <row r="44" spans="1:4" ht="18" customHeight="1" x14ac:dyDescent="0.15">
      <c r="A44" s="5">
        <v>32</v>
      </c>
      <c r="B44" s="22">
        <v>74</v>
      </c>
      <c r="C44" s="14">
        <v>57</v>
      </c>
      <c r="D44" s="18">
        <v>131</v>
      </c>
    </row>
    <row r="45" spans="1:4" ht="18" customHeight="1" x14ac:dyDescent="0.15">
      <c r="A45" s="5">
        <v>33</v>
      </c>
      <c r="B45" s="22">
        <v>69</v>
      </c>
      <c r="C45" s="14">
        <v>58</v>
      </c>
      <c r="D45" s="18">
        <v>127</v>
      </c>
    </row>
    <row r="46" spans="1:4" ht="18" customHeight="1" x14ac:dyDescent="0.15">
      <c r="A46" s="5">
        <v>34</v>
      </c>
      <c r="B46" s="22">
        <v>62</v>
      </c>
      <c r="C46" s="14">
        <v>56</v>
      </c>
      <c r="D46" s="18">
        <v>118</v>
      </c>
    </row>
    <row r="47" spans="1:4" ht="18" customHeight="1" x14ac:dyDescent="0.15">
      <c r="A47" s="5" t="s">
        <v>15</v>
      </c>
      <c r="B47" s="22">
        <v>318</v>
      </c>
      <c r="C47" s="14">
        <v>291</v>
      </c>
      <c r="D47" s="18">
        <v>609</v>
      </c>
    </row>
    <row r="48" spans="1:4" ht="18" customHeight="1" x14ac:dyDescent="0.15">
      <c r="A48" s="5">
        <v>35</v>
      </c>
      <c r="B48" s="22">
        <v>56</v>
      </c>
      <c r="C48" s="14">
        <v>53</v>
      </c>
      <c r="D48" s="18">
        <v>109</v>
      </c>
    </row>
    <row r="49" spans="1:4" ht="18" customHeight="1" x14ac:dyDescent="0.15">
      <c r="A49" s="5">
        <v>36</v>
      </c>
      <c r="B49" s="22">
        <v>63</v>
      </c>
      <c r="C49" s="14">
        <v>65</v>
      </c>
      <c r="D49" s="18">
        <v>128</v>
      </c>
    </row>
    <row r="50" spans="1:4" ht="18" customHeight="1" x14ac:dyDescent="0.15">
      <c r="A50" s="5">
        <v>37</v>
      </c>
      <c r="B50" s="22">
        <v>72</v>
      </c>
      <c r="C50" s="14">
        <v>44</v>
      </c>
      <c r="D50" s="18">
        <v>116</v>
      </c>
    </row>
    <row r="51" spans="1:4" ht="18" customHeight="1" x14ac:dyDescent="0.15">
      <c r="A51" s="5">
        <v>38</v>
      </c>
      <c r="B51" s="22">
        <v>55</v>
      </c>
      <c r="C51" s="14">
        <v>54</v>
      </c>
      <c r="D51" s="18">
        <v>109</v>
      </c>
    </row>
    <row r="52" spans="1:4" ht="18" customHeight="1" x14ac:dyDescent="0.15">
      <c r="A52" s="5">
        <v>39</v>
      </c>
      <c r="B52" s="22">
        <v>71</v>
      </c>
      <c r="C52" s="14">
        <v>68</v>
      </c>
      <c r="D52" s="18">
        <v>139</v>
      </c>
    </row>
    <row r="53" spans="1:4" ht="18" customHeight="1" x14ac:dyDescent="0.15">
      <c r="A53" s="5" t="s">
        <v>18</v>
      </c>
      <c r="B53" s="22">
        <v>317</v>
      </c>
      <c r="C53" s="14">
        <v>284</v>
      </c>
      <c r="D53" s="18">
        <v>601</v>
      </c>
    </row>
    <row r="54" spans="1:4" ht="18" customHeight="1" x14ac:dyDescent="0.15">
      <c r="A54" s="5">
        <v>40</v>
      </c>
      <c r="B54" s="22">
        <v>61</v>
      </c>
      <c r="C54" s="14">
        <v>65</v>
      </c>
      <c r="D54" s="18">
        <v>126</v>
      </c>
    </row>
    <row r="55" spans="1:4" ht="18" customHeight="1" x14ac:dyDescent="0.15">
      <c r="A55" s="5">
        <v>41</v>
      </c>
      <c r="B55" s="22">
        <v>71</v>
      </c>
      <c r="C55" s="14">
        <v>76</v>
      </c>
      <c r="D55" s="18">
        <v>147</v>
      </c>
    </row>
    <row r="56" spans="1:4" ht="18" customHeight="1" x14ac:dyDescent="0.15">
      <c r="A56" s="5">
        <v>42</v>
      </c>
      <c r="B56" s="22">
        <v>63</v>
      </c>
      <c r="C56" s="14">
        <v>64</v>
      </c>
      <c r="D56" s="18">
        <v>127</v>
      </c>
    </row>
    <row r="57" spans="1:4" ht="18" customHeight="1" x14ac:dyDescent="0.15">
      <c r="A57" s="5">
        <v>43</v>
      </c>
      <c r="B57" s="22">
        <v>70</v>
      </c>
      <c r="C57" s="14">
        <v>72</v>
      </c>
      <c r="D57" s="18">
        <v>142</v>
      </c>
    </row>
    <row r="58" spans="1:4" ht="18" customHeight="1" x14ac:dyDescent="0.15">
      <c r="A58" s="5">
        <v>44</v>
      </c>
      <c r="B58" s="22">
        <v>55</v>
      </c>
      <c r="C58" s="14">
        <v>82</v>
      </c>
      <c r="D58" s="18">
        <v>137</v>
      </c>
    </row>
    <row r="59" spans="1:4" ht="18" customHeight="1" x14ac:dyDescent="0.15">
      <c r="A59" s="5" t="s">
        <v>21</v>
      </c>
      <c r="B59" s="22">
        <v>320</v>
      </c>
      <c r="C59" s="14">
        <v>359</v>
      </c>
      <c r="D59" s="18">
        <v>679</v>
      </c>
    </row>
    <row r="60" spans="1:4" ht="18" customHeight="1" x14ac:dyDescent="0.15">
      <c r="A60" s="5">
        <v>45</v>
      </c>
      <c r="B60" s="22">
        <v>77</v>
      </c>
      <c r="C60" s="14">
        <v>67</v>
      </c>
      <c r="D60" s="18">
        <v>144</v>
      </c>
    </row>
    <row r="61" spans="1:4" ht="18" customHeight="1" x14ac:dyDescent="0.15">
      <c r="A61" s="5">
        <v>46</v>
      </c>
      <c r="B61" s="22">
        <v>72</v>
      </c>
      <c r="C61" s="14">
        <v>70</v>
      </c>
      <c r="D61" s="18">
        <v>142</v>
      </c>
    </row>
    <row r="62" spans="1:4" ht="18" customHeight="1" x14ac:dyDescent="0.15">
      <c r="A62" s="5">
        <v>47</v>
      </c>
      <c r="B62" s="22">
        <v>74</v>
      </c>
      <c r="C62" s="14">
        <v>79</v>
      </c>
      <c r="D62" s="18">
        <v>153</v>
      </c>
    </row>
    <row r="63" spans="1:4" ht="18" customHeight="1" x14ac:dyDescent="0.15">
      <c r="A63" s="5">
        <v>48</v>
      </c>
      <c r="B63" s="22">
        <v>65</v>
      </c>
      <c r="C63" s="14">
        <v>76</v>
      </c>
      <c r="D63" s="18">
        <v>141</v>
      </c>
    </row>
    <row r="64" spans="1:4" ht="18" customHeight="1" x14ac:dyDescent="0.15">
      <c r="A64" s="5">
        <v>49</v>
      </c>
      <c r="B64" s="22">
        <v>105</v>
      </c>
      <c r="C64" s="14">
        <v>86</v>
      </c>
      <c r="D64" s="18">
        <v>191</v>
      </c>
    </row>
    <row r="65" spans="1:4" ht="18" customHeight="1" x14ac:dyDescent="0.15">
      <c r="A65" s="5" t="s">
        <v>17</v>
      </c>
      <c r="B65" s="22">
        <v>393</v>
      </c>
      <c r="C65" s="14">
        <v>378</v>
      </c>
      <c r="D65" s="18">
        <v>771</v>
      </c>
    </row>
    <row r="66" spans="1:4" ht="18" customHeight="1" x14ac:dyDescent="0.15">
      <c r="A66" s="5">
        <v>50</v>
      </c>
      <c r="B66" s="22">
        <v>81</v>
      </c>
      <c r="C66" s="14">
        <v>107</v>
      </c>
      <c r="D66" s="18">
        <v>188</v>
      </c>
    </row>
    <row r="67" spans="1:4" ht="18" customHeight="1" x14ac:dyDescent="0.15">
      <c r="A67" s="5">
        <v>51</v>
      </c>
      <c r="B67" s="22">
        <v>88</v>
      </c>
      <c r="C67" s="14">
        <v>91</v>
      </c>
      <c r="D67" s="18">
        <v>179</v>
      </c>
    </row>
    <row r="68" spans="1:4" ht="18" customHeight="1" x14ac:dyDescent="0.15">
      <c r="A68" s="5">
        <v>52</v>
      </c>
      <c r="B68" s="22">
        <v>96</v>
      </c>
      <c r="C68" s="14">
        <v>105</v>
      </c>
      <c r="D68" s="18">
        <v>201</v>
      </c>
    </row>
    <row r="69" spans="1:4" ht="18" customHeight="1" x14ac:dyDescent="0.15">
      <c r="A69" s="5">
        <v>53</v>
      </c>
      <c r="B69" s="22">
        <v>127</v>
      </c>
      <c r="C69" s="14">
        <v>102</v>
      </c>
      <c r="D69" s="18">
        <v>229</v>
      </c>
    </row>
    <row r="70" spans="1:4" ht="18" customHeight="1" x14ac:dyDescent="0.15">
      <c r="A70" s="5">
        <v>54</v>
      </c>
      <c r="B70" s="22">
        <v>114</v>
      </c>
      <c r="C70" s="14">
        <v>109</v>
      </c>
      <c r="D70" s="18">
        <v>223</v>
      </c>
    </row>
    <row r="71" spans="1:4" ht="18" customHeight="1" x14ac:dyDescent="0.15">
      <c r="A71" s="5" t="s">
        <v>22</v>
      </c>
      <c r="B71" s="22">
        <v>506</v>
      </c>
      <c r="C71" s="14">
        <v>514</v>
      </c>
      <c r="D71" s="18">
        <v>1020</v>
      </c>
    </row>
    <row r="72" spans="1:4" ht="18" customHeight="1" x14ac:dyDescent="0.15">
      <c r="A72" s="5">
        <v>55</v>
      </c>
      <c r="B72" s="22">
        <v>101</v>
      </c>
      <c r="C72" s="14">
        <v>119</v>
      </c>
      <c r="D72" s="18">
        <v>220</v>
      </c>
    </row>
    <row r="73" spans="1:4" ht="18" customHeight="1" x14ac:dyDescent="0.15">
      <c r="A73" s="5">
        <v>56</v>
      </c>
      <c r="B73" s="22">
        <v>91</v>
      </c>
      <c r="C73" s="14">
        <v>107</v>
      </c>
      <c r="D73" s="18">
        <v>198</v>
      </c>
    </row>
    <row r="74" spans="1:4" ht="18" customHeight="1" x14ac:dyDescent="0.15">
      <c r="A74" s="5">
        <v>57</v>
      </c>
      <c r="B74" s="22">
        <v>87</v>
      </c>
      <c r="C74" s="14">
        <v>96</v>
      </c>
      <c r="D74" s="18">
        <v>183</v>
      </c>
    </row>
    <row r="75" spans="1:4" ht="18" customHeight="1" x14ac:dyDescent="0.15">
      <c r="A75" s="5">
        <v>58</v>
      </c>
      <c r="B75" s="22">
        <v>103</v>
      </c>
      <c r="C75" s="14">
        <v>106</v>
      </c>
      <c r="D75" s="18">
        <v>209</v>
      </c>
    </row>
    <row r="76" spans="1:4" ht="18" customHeight="1" x14ac:dyDescent="0.15">
      <c r="A76" s="5">
        <v>59</v>
      </c>
      <c r="B76" s="22">
        <v>72</v>
      </c>
      <c r="C76" s="14">
        <v>57</v>
      </c>
      <c r="D76" s="18">
        <v>129</v>
      </c>
    </row>
    <row r="77" spans="1:4" ht="18" customHeight="1" x14ac:dyDescent="0.15">
      <c r="A77" s="5" t="s">
        <v>27</v>
      </c>
      <c r="B77" s="22">
        <v>454</v>
      </c>
      <c r="C77" s="14">
        <v>485</v>
      </c>
      <c r="D77" s="18">
        <v>939</v>
      </c>
    </row>
    <row r="78" spans="1:4" ht="18" customHeight="1" x14ac:dyDescent="0.15">
      <c r="A78" s="5">
        <v>60</v>
      </c>
      <c r="B78" s="22">
        <v>83</v>
      </c>
      <c r="C78" s="14">
        <v>97</v>
      </c>
      <c r="D78" s="18">
        <v>180</v>
      </c>
    </row>
    <row r="79" spans="1:4" ht="18" customHeight="1" x14ac:dyDescent="0.15">
      <c r="A79" s="5">
        <v>61</v>
      </c>
      <c r="B79" s="22">
        <v>80</v>
      </c>
      <c r="C79" s="14">
        <v>84</v>
      </c>
      <c r="D79" s="18">
        <v>164</v>
      </c>
    </row>
    <row r="80" spans="1:4" ht="18" customHeight="1" x14ac:dyDescent="0.15">
      <c r="A80" s="5">
        <v>62</v>
      </c>
      <c r="B80" s="22">
        <v>88</v>
      </c>
      <c r="C80" s="14">
        <v>89</v>
      </c>
      <c r="D80" s="18">
        <v>177</v>
      </c>
    </row>
    <row r="81" spans="1:4" ht="18" customHeight="1" x14ac:dyDescent="0.15">
      <c r="A81" s="5">
        <v>63</v>
      </c>
      <c r="B81" s="22">
        <v>85</v>
      </c>
      <c r="C81" s="14">
        <v>86</v>
      </c>
      <c r="D81" s="18">
        <v>171</v>
      </c>
    </row>
    <row r="82" spans="1:4" ht="18" customHeight="1" x14ac:dyDescent="0.15">
      <c r="A82" s="5">
        <v>64</v>
      </c>
      <c r="B82" s="22">
        <v>70</v>
      </c>
      <c r="C82" s="14">
        <v>83</v>
      </c>
      <c r="D82" s="18">
        <v>153</v>
      </c>
    </row>
    <row r="83" spans="1:4" ht="18" customHeight="1" x14ac:dyDescent="0.15">
      <c r="A83" s="5" t="s">
        <v>28</v>
      </c>
      <c r="B83" s="22">
        <v>406</v>
      </c>
      <c r="C83" s="14">
        <v>439</v>
      </c>
      <c r="D83" s="18">
        <v>845</v>
      </c>
    </row>
    <row r="84" spans="1:4" ht="18" customHeight="1" x14ac:dyDescent="0.15">
      <c r="A84" s="5" t="s">
        <v>31</v>
      </c>
      <c r="B84" s="22">
        <v>3546</v>
      </c>
      <c r="C84" s="14">
        <v>3505</v>
      </c>
      <c r="D84" s="18">
        <v>7051</v>
      </c>
    </row>
    <row r="85" spans="1:4" ht="18" customHeight="1" x14ac:dyDescent="0.15">
      <c r="A85" s="5">
        <v>65</v>
      </c>
      <c r="B85" s="22">
        <v>84</v>
      </c>
      <c r="C85" s="14">
        <v>68</v>
      </c>
      <c r="D85" s="18">
        <v>152</v>
      </c>
    </row>
    <row r="86" spans="1:4" ht="18" customHeight="1" x14ac:dyDescent="0.15">
      <c r="A86" s="5">
        <v>66</v>
      </c>
      <c r="B86" s="22">
        <v>64</v>
      </c>
      <c r="C86" s="14">
        <v>76</v>
      </c>
      <c r="D86" s="18">
        <v>140</v>
      </c>
    </row>
    <row r="87" spans="1:4" ht="18" customHeight="1" x14ac:dyDescent="0.15">
      <c r="A87" s="5">
        <v>67</v>
      </c>
      <c r="B87" s="22">
        <v>62</v>
      </c>
      <c r="C87" s="14">
        <v>70</v>
      </c>
      <c r="D87" s="18">
        <v>132</v>
      </c>
    </row>
    <row r="88" spans="1:4" ht="18" customHeight="1" x14ac:dyDescent="0.15">
      <c r="A88" s="5">
        <v>68</v>
      </c>
      <c r="B88" s="22">
        <v>69</v>
      </c>
      <c r="C88" s="14">
        <v>52</v>
      </c>
      <c r="D88" s="18">
        <v>121</v>
      </c>
    </row>
    <row r="89" spans="1:4" ht="18" customHeight="1" x14ac:dyDescent="0.15">
      <c r="A89" s="5">
        <v>69</v>
      </c>
      <c r="B89" s="22">
        <v>61</v>
      </c>
      <c r="C89" s="14">
        <v>79</v>
      </c>
      <c r="D89" s="18">
        <v>140</v>
      </c>
    </row>
    <row r="90" spans="1:4" ht="18" customHeight="1" x14ac:dyDescent="0.15">
      <c r="A90" s="5" t="s">
        <v>20</v>
      </c>
      <c r="B90" s="22">
        <v>340</v>
      </c>
      <c r="C90" s="14">
        <v>345</v>
      </c>
      <c r="D90" s="18">
        <v>685</v>
      </c>
    </row>
    <row r="91" spans="1:4" ht="18" customHeight="1" x14ac:dyDescent="0.15">
      <c r="A91" s="5">
        <v>70</v>
      </c>
      <c r="B91" s="22">
        <v>75</v>
      </c>
      <c r="C91" s="14">
        <v>65</v>
      </c>
      <c r="D91" s="18">
        <v>140</v>
      </c>
    </row>
    <row r="92" spans="1:4" ht="18" customHeight="1" x14ac:dyDescent="0.15">
      <c r="A92" s="5">
        <v>71</v>
      </c>
      <c r="B92" s="22">
        <v>64</v>
      </c>
      <c r="C92" s="14">
        <v>67</v>
      </c>
      <c r="D92" s="18">
        <v>131</v>
      </c>
    </row>
    <row r="93" spans="1:4" ht="18" customHeight="1" x14ac:dyDescent="0.15">
      <c r="A93" s="5">
        <v>72</v>
      </c>
      <c r="B93" s="22">
        <v>54</v>
      </c>
      <c r="C93" s="14">
        <v>59</v>
      </c>
      <c r="D93" s="18">
        <v>113</v>
      </c>
    </row>
    <row r="94" spans="1:4" ht="18" customHeight="1" x14ac:dyDescent="0.15">
      <c r="A94" s="5">
        <v>73</v>
      </c>
      <c r="B94" s="22">
        <v>75</v>
      </c>
      <c r="C94" s="14">
        <v>61</v>
      </c>
      <c r="D94" s="18">
        <v>136</v>
      </c>
    </row>
    <row r="95" spans="1:4" ht="18" customHeight="1" x14ac:dyDescent="0.15">
      <c r="A95" s="5">
        <v>74</v>
      </c>
      <c r="B95" s="22">
        <v>48</v>
      </c>
      <c r="C95" s="14">
        <v>76</v>
      </c>
      <c r="D95" s="18">
        <v>124</v>
      </c>
    </row>
    <row r="96" spans="1:4" ht="18" customHeight="1" x14ac:dyDescent="0.15">
      <c r="A96" s="5" t="s">
        <v>33</v>
      </c>
      <c r="B96" s="22">
        <v>316</v>
      </c>
      <c r="C96" s="14">
        <v>328</v>
      </c>
      <c r="D96" s="18">
        <v>644</v>
      </c>
    </row>
    <row r="97" spans="1:4" ht="18" customHeight="1" x14ac:dyDescent="0.15">
      <c r="A97" s="5">
        <v>75</v>
      </c>
      <c r="B97" s="22">
        <v>55</v>
      </c>
      <c r="C97" s="14">
        <v>81</v>
      </c>
      <c r="D97" s="18">
        <v>136</v>
      </c>
    </row>
    <row r="98" spans="1:4" ht="18" customHeight="1" x14ac:dyDescent="0.15">
      <c r="A98" s="5">
        <v>76</v>
      </c>
      <c r="B98" s="22">
        <v>77</v>
      </c>
      <c r="C98" s="14">
        <v>87</v>
      </c>
      <c r="D98" s="18">
        <v>164</v>
      </c>
    </row>
    <row r="99" spans="1:4" ht="18" customHeight="1" x14ac:dyDescent="0.15">
      <c r="A99" s="5">
        <v>77</v>
      </c>
      <c r="B99" s="22">
        <v>92</v>
      </c>
      <c r="C99" s="14">
        <v>99</v>
      </c>
      <c r="D99" s="18">
        <v>191</v>
      </c>
    </row>
    <row r="100" spans="1:4" ht="18" customHeight="1" x14ac:dyDescent="0.15">
      <c r="A100" s="5">
        <v>78</v>
      </c>
      <c r="B100" s="22">
        <v>68</v>
      </c>
      <c r="C100" s="14">
        <v>96</v>
      </c>
      <c r="D100" s="18">
        <v>164</v>
      </c>
    </row>
    <row r="101" spans="1:4" ht="18" customHeight="1" x14ac:dyDescent="0.15">
      <c r="A101" s="5">
        <v>79</v>
      </c>
      <c r="B101" s="22">
        <v>51</v>
      </c>
      <c r="C101" s="14">
        <v>51</v>
      </c>
      <c r="D101" s="18">
        <v>102</v>
      </c>
    </row>
    <row r="102" spans="1:4" ht="18" customHeight="1" x14ac:dyDescent="0.15">
      <c r="A102" s="5" t="s">
        <v>0</v>
      </c>
      <c r="B102" s="22">
        <v>343</v>
      </c>
      <c r="C102" s="14">
        <v>414</v>
      </c>
      <c r="D102" s="18">
        <v>757</v>
      </c>
    </row>
    <row r="103" spans="1:4" ht="18" customHeight="1" x14ac:dyDescent="0.15">
      <c r="A103" s="5">
        <v>80</v>
      </c>
      <c r="B103" s="22">
        <v>34</v>
      </c>
      <c r="C103" s="14">
        <v>47</v>
      </c>
      <c r="D103" s="18">
        <v>81</v>
      </c>
    </row>
    <row r="104" spans="1:4" ht="18" customHeight="1" x14ac:dyDescent="0.15">
      <c r="A104" s="5">
        <v>81</v>
      </c>
      <c r="B104" s="22">
        <v>48</v>
      </c>
      <c r="C104" s="14">
        <v>84</v>
      </c>
      <c r="D104" s="18">
        <v>132</v>
      </c>
    </row>
    <row r="105" spans="1:4" ht="18" customHeight="1" x14ac:dyDescent="0.15">
      <c r="A105" s="5">
        <v>82</v>
      </c>
      <c r="B105" s="22">
        <v>49</v>
      </c>
      <c r="C105" s="14">
        <v>71</v>
      </c>
      <c r="D105" s="18">
        <v>120</v>
      </c>
    </row>
    <row r="106" spans="1:4" ht="18" customHeight="1" x14ac:dyDescent="0.15">
      <c r="A106" s="5">
        <v>83</v>
      </c>
      <c r="B106" s="22">
        <v>46</v>
      </c>
      <c r="C106" s="14">
        <v>79</v>
      </c>
      <c r="D106" s="18">
        <v>125</v>
      </c>
    </row>
    <row r="107" spans="1:4" ht="18" customHeight="1" x14ac:dyDescent="0.15">
      <c r="A107" s="5">
        <v>84</v>
      </c>
      <c r="B107" s="22">
        <v>40</v>
      </c>
      <c r="C107" s="14">
        <v>72</v>
      </c>
      <c r="D107" s="18">
        <v>112</v>
      </c>
    </row>
    <row r="108" spans="1:4" ht="18" customHeight="1" x14ac:dyDescent="0.15">
      <c r="A108" s="5" t="s">
        <v>35</v>
      </c>
      <c r="B108" s="22">
        <v>217</v>
      </c>
      <c r="C108" s="14">
        <v>353</v>
      </c>
      <c r="D108" s="18">
        <v>570</v>
      </c>
    </row>
    <row r="109" spans="1:4" ht="18" customHeight="1" x14ac:dyDescent="0.15">
      <c r="A109" s="5">
        <v>85</v>
      </c>
      <c r="B109" s="22">
        <v>29</v>
      </c>
      <c r="C109" s="14">
        <v>70</v>
      </c>
      <c r="D109" s="18">
        <v>99</v>
      </c>
    </row>
    <row r="110" spans="1:4" ht="18" customHeight="1" x14ac:dyDescent="0.15">
      <c r="A110" s="5">
        <v>86</v>
      </c>
      <c r="B110" s="22">
        <v>28</v>
      </c>
      <c r="C110" s="14">
        <v>58</v>
      </c>
      <c r="D110" s="18">
        <v>86</v>
      </c>
    </row>
    <row r="111" spans="1:4" ht="18" customHeight="1" x14ac:dyDescent="0.15">
      <c r="A111" s="5">
        <v>87</v>
      </c>
      <c r="B111" s="22">
        <v>31</v>
      </c>
      <c r="C111" s="14">
        <v>33</v>
      </c>
      <c r="D111" s="18">
        <v>64</v>
      </c>
    </row>
    <row r="112" spans="1:4" ht="18" customHeight="1" x14ac:dyDescent="0.15">
      <c r="A112" s="5">
        <v>88</v>
      </c>
      <c r="B112" s="22">
        <v>21</v>
      </c>
      <c r="C112" s="14">
        <v>47</v>
      </c>
      <c r="D112" s="18">
        <v>68</v>
      </c>
    </row>
    <row r="113" spans="1:4" ht="18" customHeight="1" x14ac:dyDescent="0.15">
      <c r="A113" s="5">
        <v>89</v>
      </c>
      <c r="B113" s="22">
        <v>24</v>
      </c>
      <c r="C113" s="14">
        <v>51</v>
      </c>
      <c r="D113" s="18">
        <v>75</v>
      </c>
    </row>
    <row r="114" spans="1:4" ht="18" customHeight="1" x14ac:dyDescent="0.15">
      <c r="A114" s="5" t="s">
        <v>37</v>
      </c>
      <c r="B114" s="22">
        <v>133</v>
      </c>
      <c r="C114" s="14">
        <v>259</v>
      </c>
      <c r="D114" s="18">
        <v>392</v>
      </c>
    </row>
    <row r="115" spans="1:4" ht="18" customHeight="1" x14ac:dyDescent="0.15">
      <c r="A115" s="5">
        <v>90</v>
      </c>
      <c r="B115" s="22">
        <v>11</v>
      </c>
      <c r="C115" s="14">
        <v>46</v>
      </c>
      <c r="D115" s="18">
        <v>57</v>
      </c>
    </row>
    <row r="116" spans="1:4" ht="18" customHeight="1" x14ac:dyDescent="0.15">
      <c r="A116" s="5">
        <v>91</v>
      </c>
      <c r="B116" s="22">
        <v>12</v>
      </c>
      <c r="C116" s="14">
        <v>43</v>
      </c>
      <c r="D116" s="18">
        <v>55</v>
      </c>
    </row>
    <row r="117" spans="1:4" ht="18" customHeight="1" x14ac:dyDescent="0.15">
      <c r="A117" s="5">
        <v>92</v>
      </c>
      <c r="B117" s="22">
        <v>15</v>
      </c>
      <c r="C117" s="14">
        <v>43</v>
      </c>
      <c r="D117" s="18">
        <v>58</v>
      </c>
    </row>
    <row r="118" spans="1:4" ht="18" customHeight="1" x14ac:dyDescent="0.15">
      <c r="A118" s="5">
        <v>93</v>
      </c>
      <c r="B118" s="22">
        <v>10</v>
      </c>
      <c r="C118" s="14">
        <v>32</v>
      </c>
      <c r="D118" s="18">
        <v>42</v>
      </c>
    </row>
    <row r="119" spans="1:4" ht="18" customHeight="1" x14ac:dyDescent="0.15">
      <c r="A119" s="5">
        <v>94</v>
      </c>
      <c r="B119" s="22">
        <v>10</v>
      </c>
      <c r="C119" s="14">
        <v>29</v>
      </c>
      <c r="D119" s="18">
        <v>39</v>
      </c>
    </row>
    <row r="120" spans="1:4" ht="18" customHeight="1" x14ac:dyDescent="0.15">
      <c r="A120" s="5" t="s">
        <v>39</v>
      </c>
      <c r="B120" s="22">
        <v>58</v>
      </c>
      <c r="C120" s="14">
        <v>193</v>
      </c>
      <c r="D120" s="18">
        <v>251</v>
      </c>
    </row>
    <row r="121" spans="1:4" ht="18" customHeight="1" x14ac:dyDescent="0.15">
      <c r="A121" s="5">
        <v>95</v>
      </c>
      <c r="B121" s="22">
        <v>6</v>
      </c>
      <c r="C121" s="14">
        <v>18</v>
      </c>
      <c r="D121" s="18">
        <v>24</v>
      </c>
    </row>
    <row r="122" spans="1:4" ht="18" customHeight="1" x14ac:dyDescent="0.15">
      <c r="A122" s="5">
        <v>96</v>
      </c>
      <c r="B122" s="22">
        <v>3</v>
      </c>
      <c r="C122" s="14">
        <v>17</v>
      </c>
      <c r="D122" s="18">
        <v>20</v>
      </c>
    </row>
    <row r="123" spans="1:4" ht="18" customHeight="1" x14ac:dyDescent="0.15">
      <c r="A123" s="5">
        <v>97</v>
      </c>
      <c r="B123" s="22">
        <v>1</v>
      </c>
      <c r="C123" s="14">
        <v>16</v>
      </c>
      <c r="D123" s="18">
        <v>17</v>
      </c>
    </row>
    <row r="124" spans="1:4" ht="18" customHeight="1" x14ac:dyDescent="0.15">
      <c r="A124" s="5">
        <v>98</v>
      </c>
      <c r="B124" s="22">
        <v>4</v>
      </c>
      <c r="C124" s="14">
        <v>13</v>
      </c>
      <c r="D124" s="18">
        <v>17</v>
      </c>
    </row>
    <row r="125" spans="1:4" ht="18" customHeight="1" x14ac:dyDescent="0.15">
      <c r="A125" s="5">
        <v>99</v>
      </c>
      <c r="B125" s="22">
        <v>2</v>
      </c>
      <c r="C125" s="14">
        <v>13</v>
      </c>
      <c r="D125" s="18">
        <v>15</v>
      </c>
    </row>
    <row r="126" spans="1:4" ht="18" customHeight="1" x14ac:dyDescent="0.15">
      <c r="A126" s="5" t="s">
        <v>40</v>
      </c>
      <c r="B126" s="22">
        <v>16</v>
      </c>
      <c r="C126" s="14">
        <v>77</v>
      </c>
      <c r="D126" s="18">
        <v>93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11</v>
      </c>
      <c r="D128" s="18">
        <v>11</v>
      </c>
    </row>
    <row r="129" spans="1:4" ht="18" customHeight="1" x14ac:dyDescent="0.15">
      <c r="A129" s="5" t="s">
        <v>44</v>
      </c>
      <c r="B129" s="22">
        <v>1</v>
      </c>
      <c r="C129" s="14">
        <v>16</v>
      </c>
      <c r="D129" s="18">
        <v>17</v>
      </c>
    </row>
    <row r="130" spans="1:4" ht="18" customHeight="1" x14ac:dyDescent="0.15">
      <c r="A130" s="5" t="s">
        <v>46</v>
      </c>
      <c r="B130" s="22">
        <v>1424</v>
      </c>
      <c r="C130" s="14">
        <v>1985</v>
      </c>
      <c r="D130" s="18">
        <v>3409</v>
      </c>
    </row>
    <row r="131" spans="1:4" ht="18" customHeight="1" x14ac:dyDescent="0.15">
      <c r="A131" s="7" t="s">
        <v>45</v>
      </c>
      <c r="B131" s="23">
        <v>5655</v>
      </c>
      <c r="C131" s="15">
        <v>6109</v>
      </c>
      <c r="D131" s="19">
        <v>117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1</v>
      </c>
      <c r="C5" s="13">
        <v>59</v>
      </c>
      <c r="D5" s="17">
        <v>110</v>
      </c>
    </row>
    <row r="6" spans="1:4" ht="18" customHeight="1" x14ac:dyDescent="0.15">
      <c r="A6" s="5">
        <v>1</v>
      </c>
      <c r="B6" s="22">
        <v>58</v>
      </c>
      <c r="C6" s="14">
        <v>53</v>
      </c>
      <c r="D6" s="18">
        <v>111</v>
      </c>
    </row>
    <row r="7" spans="1:4" ht="18" customHeight="1" x14ac:dyDescent="0.15">
      <c r="A7" s="5">
        <v>2</v>
      </c>
      <c r="B7" s="22">
        <v>63</v>
      </c>
      <c r="C7" s="14">
        <v>51</v>
      </c>
      <c r="D7" s="18">
        <v>114</v>
      </c>
    </row>
    <row r="8" spans="1:4" ht="18" customHeight="1" x14ac:dyDescent="0.15">
      <c r="A8" s="5">
        <v>3</v>
      </c>
      <c r="B8" s="22">
        <v>66</v>
      </c>
      <c r="C8" s="14">
        <v>52</v>
      </c>
      <c r="D8" s="18">
        <v>118</v>
      </c>
    </row>
    <row r="9" spans="1:4" ht="18" customHeight="1" x14ac:dyDescent="0.15">
      <c r="A9" s="5">
        <v>4</v>
      </c>
      <c r="B9" s="22">
        <v>71</v>
      </c>
      <c r="C9" s="14">
        <v>60</v>
      </c>
      <c r="D9" s="18">
        <v>131</v>
      </c>
    </row>
    <row r="10" spans="1:4" ht="18" customHeight="1" x14ac:dyDescent="0.15">
      <c r="A10" s="5" t="s">
        <v>7</v>
      </c>
      <c r="B10" s="22">
        <v>309</v>
      </c>
      <c r="C10" s="14">
        <v>275</v>
      </c>
      <c r="D10" s="18">
        <v>584</v>
      </c>
    </row>
    <row r="11" spans="1:4" ht="18" customHeight="1" x14ac:dyDescent="0.15">
      <c r="A11" s="5">
        <v>5</v>
      </c>
      <c r="B11" s="22">
        <v>65</v>
      </c>
      <c r="C11" s="14">
        <v>59</v>
      </c>
      <c r="D11" s="18">
        <v>124</v>
      </c>
    </row>
    <row r="12" spans="1:4" ht="18" customHeight="1" x14ac:dyDescent="0.15">
      <c r="A12" s="5">
        <v>6</v>
      </c>
      <c r="B12" s="22">
        <v>66</v>
      </c>
      <c r="C12" s="14">
        <v>63</v>
      </c>
      <c r="D12" s="18">
        <v>129</v>
      </c>
    </row>
    <row r="13" spans="1:4" ht="18" customHeight="1" x14ac:dyDescent="0.15">
      <c r="A13" s="5">
        <v>7</v>
      </c>
      <c r="B13" s="22">
        <v>67</v>
      </c>
      <c r="C13" s="14">
        <v>71</v>
      </c>
      <c r="D13" s="18">
        <v>138</v>
      </c>
    </row>
    <row r="14" spans="1:4" ht="18" customHeight="1" x14ac:dyDescent="0.15">
      <c r="A14" s="5">
        <v>8</v>
      </c>
      <c r="B14" s="22">
        <v>68</v>
      </c>
      <c r="C14" s="14">
        <v>60</v>
      </c>
      <c r="D14" s="18">
        <v>128</v>
      </c>
    </row>
    <row r="15" spans="1:4" ht="18" customHeight="1" x14ac:dyDescent="0.15">
      <c r="A15" s="5">
        <v>9</v>
      </c>
      <c r="B15" s="22">
        <v>80</v>
      </c>
      <c r="C15" s="14">
        <v>70</v>
      </c>
      <c r="D15" s="18">
        <v>150</v>
      </c>
    </row>
    <row r="16" spans="1:4" ht="18" customHeight="1" x14ac:dyDescent="0.15">
      <c r="A16" s="5" t="s">
        <v>11</v>
      </c>
      <c r="B16" s="22">
        <v>346</v>
      </c>
      <c r="C16" s="14">
        <v>323</v>
      </c>
      <c r="D16" s="18">
        <v>669</v>
      </c>
    </row>
    <row r="17" spans="1:4" ht="18" customHeight="1" x14ac:dyDescent="0.15">
      <c r="A17" s="5">
        <v>10</v>
      </c>
      <c r="B17" s="22">
        <v>69</v>
      </c>
      <c r="C17" s="14">
        <v>70</v>
      </c>
      <c r="D17" s="18">
        <v>139</v>
      </c>
    </row>
    <row r="18" spans="1:4" ht="18" customHeight="1" x14ac:dyDescent="0.15">
      <c r="A18" s="5">
        <v>11</v>
      </c>
      <c r="B18" s="22">
        <v>80</v>
      </c>
      <c r="C18" s="14">
        <v>65</v>
      </c>
      <c r="D18" s="18">
        <v>145</v>
      </c>
    </row>
    <row r="19" spans="1:4" ht="18" customHeight="1" x14ac:dyDescent="0.15">
      <c r="A19" s="5">
        <v>12</v>
      </c>
      <c r="B19" s="22">
        <v>86</v>
      </c>
      <c r="C19" s="14">
        <v>72</v>
      </c>
      <c r="D19" s="18">
        <v>158</v>
      </c>
    </row>
    <row r="20" spans="1:4" ht="18" customHeight="1" x14ac:dyDescent="0.15">
      <c r="A20" s="5">
        <v>13</v>
      </c>
      <c r="B20" s="22">
        <v>71</v>
      </c>
      <c r="C20" s="14">
        <v>58</v>
      </c>
      <c r="D20" s="18">
        <v>129</v>
      </c>
    </row>
    <row r="21" spans="1:4" ht="18" customHeight="1" x14ac:dyDescent="0.15">
      <c r="A21" s="5">
        <v>14</v>
      </c>
      <c r="B21" s="22">
        <v>70</v>
      </c>
      <c r="C21" s="14">
        <v>95</v>
      </c>
      <c r="D21" s="18">
        <v>165</v>
      </c>
    </row>
    <row r="22" spans="1:4" ht="18" customHeight="1" x14ac:dyDescent="0.15">
      <c r="A22" s="5" t="s">
        <v>12</v>
      </c>
      <c r="B22" s="22">
        <v>376</v>
      </c>
      <c r="C22" s="14">
        <v>360</v>
      </c>
      <c r="D22" s="18">
        <v>736</v>
      </c>
    </row>
    <row r="23" spans="1:4" ht="18" customHeight="1" x14ac:dyDescent="0.15">
      <c r="A23" s="5" t="s">
        <v>6</v>
      </c>
      <c r="B23" s="22">
        <v>1031</v>
      </c>
      <c r="C23" s="14">
        <v>958</v>
      </c>
      <c r="D23" s="18">
        <v>1989</v>
      </c>
    </row>
    <row r="24" spans="1:4" ht="18" customHeight="1" x14ac:dyDescent="0.15">
      <c r="A24" s="5">
        <v>15</v>
      </c>
      <c r="B24" s="22">
        <v>71</v>
      </c>
      <c r="C24" s="14">
        <v>65</v>
      </c>
      <c r="D24" s="18">
        <v>136</v>
      </c>
    </row>
    <row r="25" spans="1:4" ht="18" customHeight="1" x14ac:dyDescent="0.15">
      <c r="A25" s="5">
        <v>16</v>
      </c>
      <c r="B25" s="22">
        <v>76</v>
      </c>
      <c r="C25" s="14">
        <v>72</v>
      </c>
      <c r="D25" s="18">
        <v>148</v>
      </c>
    </row>
    <row r="26" spans="1:4" ht="18" customHeight="1" x14ac:dyDescent="0.15">
      <c r="A26" s="5">
        <v>17</v>
      </c>
      <c r="B26" s="22">
        <v>73</v>
      </c>
      <c r="C26" s="14">
        <v>63</v>
      </c>
      <c r="D26" s="18">
        <v>136</v>
      </c>
    </row>
    <row r="27" spans="1:4" ht="18" customHeight="1" x14ac:dyDescent="0.15">
      <c r="A27" s="5">
        <v>18</v>
      </c>
      <c r="B27" s="22">
        <v>77</v>
      </c>
      <c r="C27" s="14">
        <v>89</v>
      </c>
      <c r="D27" s="18">
        <v>166</v>
      </c>
    </row>
    <row r="28" spans="1:4" ht="18" customHeight="1" x14ac:dyDescent="0.15">
      <c r="A28" s="5">
        <v>19</v>
      </c>
      <c r="B28" s="22">
        <v>77</v>
      </c>
      <c r="C28" s="14">
        <v>70</v>
      </c>
      <c r="D28" s="18">
        <v>147</v>
      </c>
    </row>
    <row r="29" spans="1:4" ht="18" customHeight="1" x14ac:dyDescent="0.15">
      <c r="A29" s="5" t="s">
        <v>14</v>
      </c>
      <c r="B29" s="22">
        <v>374</v>
      </c>
      <c r="C29" s="14">
        <v>359</v>
      </c>
      <c r="D29" s="18">
        <v>733</v>
      </c>
    </row>
    <row r="30" spans="1:4" ht="18" customHeight="1" x14ac:dyDescent="0.15">
      <c r="A30" s="5">
        <v>20</v>
      </c>
      <c r="B30" s="22">
        <v>62</v>
      </c>
      <c r="C30" s="14">
        <v>60</v>
      </c>
      <c r="D30" s="18">
        <v>122</v>
      </c>
    </row>
    <row r="31" spans="1:4" ht="18" customHeight="1" x14ac:dyDescent="0.15">
      <c r="A31" s="5">
        <v>21</v>
      </c>
      <c r="B31" s="22">
        <v>80</v>
      </c>
      <c r="C31" s="14">
        <v>64</v>
      </c>
      <c r="D31" s="18">
        <v>144</v>
      </c>
    </row>
    <row r="32" spans="1:4" ht="18" customHeight="1" x14ac:dyDescent="0.15">
      <c r="A32" s="5">
        <v>22</v>
      </c>
      <c r="B32" s="22">
        <v>60</v>
      </c>
      <c r="C32" s="14">
        <v>67</v>
      </c>
      <c r="D32" s="18">
        <v>127</v>
      </c>
    </row>
    <row r="33" spans="1:4" ht="18" customHeight="1" x14ac:dyDescent="0.15">
      <c r="A33" s="5">
        <v>23</v>
      </c>
      <c r="B33" s="22">
        <v>58</v>
      </c>
      <c r="C33" s="14">
        <v>68</v>
      </c>
      <c r="D33" s="18">
        <v>126</v>
      </c>
    </row>
    <row r="34" spans="1:4" ht="18" customHeight="1" x14ac:dyDescent="0.15">
      <c r="A34" s="5">
        <v>24</v>
      </c>
      <c r="B34" s="22">
        <v>72</v>
      </c>
      <c r="C34" s="14">
        <v>60</v>
      </c>
      <c r="D34" s="18">
        <v>132</v>
      </c>
    </row>
    <row r="35" spans="1:4" ht="18" customHeight="1" x14ac:dyDescent="0.15">
      <c r="A35" s="5" t="s">
        <v>9</v>
      </c>
      <c r="B35" s="22">
        <v>332</v>
      </c>
      <c r="C35" s="14">
        <v>319</v>
      </c>
      <c r="D35" s="18">
        <v>651</v>
      </c>
    </row>
    <row r="36" spans="1:4" ht="18" customHeight="1" x14ac:dyDescent="0.15">
      <c r="A36" s="5">
        <v>25</v>
      </c>
      <c r="B36" s="22">
        <v>72</v>
      </c>
      <c r="C36" s="14">
        <v>93</v>
      </c>
      <c r="D36" s="18">
        <v>165</v>
      </c>
    </row>
    <row r="37" spans="1:4" ht="18" customHeight="1" x14ac:dyDescent="0.15">
      <c r="A37" s="5">
        <v>26</v>
      </c>
      <c r="B37" s="22">
        <v>82</v>
      </c>
      <c r="C37" s="14">
        <v>77</v>
      </c>
      <c r="D37" s="18">
        <v>159</v>
      </c>
    </row>
    <row r="38" spans="1:4" ht="18" customHeight="1" x14ac:dyDescent="0.15">
      <c r="A38" s="5">
        <v>27</v>
      </c>
      <c r="B38" s="22">
        <v>64</v>
      </c>
      <c r="C38" s="14">
        <v>60</v>
      </c>
      <c r="D38" s="18">
        <v>124</v>
      </c>
    </row>
    <row r="39" spans="1:4" ht="18" customHeight="1" x14ac:dyDescent="0.15">
      <c r="A39" s="5">
        <v>28</v>
      </c>
      <c r="B39" s="22">
        <v>96</v>
      </c>
      <c r="C39" s="14">
        <v>75</v>
      </c>
      <c r="D39" s="18">
        <v>171</v>
      </c>
    </row>
    <row r="40" spans="1:4" ht="18" customHeight="1" x14ac:dyDescent="0.15">
      <c r="A40" s="5">
        <v>29</v>
      </c>
      <c r="B40" s="22">
        <v>80</v>
      </c>
      <c r="C40" s="14">
        <v>101</v>
      </c>
      <c r="D40" s="18">
        <v>181</v>
      </c>
    </row>
    <row r="41" spans="1:4" ht="18" customHeight="1" x14ac:dyDescent="0.15">
      <c r="A41" s="5" t="s">
        <v>2</v>
      </c>
      <c r="B41" s="22">
        <v>394</v>
      </c>
      <c r="C41" s="14">
        <v>406</v>
      </c>
      <c r="D41" s="18">
        <v>800</v>
      </c>
    </row>
    <row r="42" spans="1:4" ht="18" customHeight="1" x14ac:dyDescent="0.15">
      <c r="A42" s="5">
        <v>30</v>
      </c>
      <c r="B42" s="22">
        <v>105</v>
      </c>
      <c r="C42" s="14">
        <v>67</v>
      </c>
      <c r="D42" s="18">
        <v>172</v>
      </c>
    </row>
    <row r="43" spans="1:4" ht="18" customHeight="1" x14ac:dyDescent="0.15">
      <c r="A43" s="5">
        <v>31</v>
      </c>
      <c r="B43" s="22">
        <v>86</v>
      </c>
      <c r="C43" s="14">
        <v>91</v>
      </c>
      <c r="D43" s="18">
        <v>177</v>
      </c>
    </row>
    <row r="44" spans="1:4" ht="18" customHeight="1" x14ac:dyDescent="0.15">
      <c r="A44" s="5">
        <v>32</v>
      </c>
      <c r="B44" s="22">
        <v>79</v>
      </c>
      <c r="C44" s="14">
        <v>73</v>
      </c>
      <c r="D44" s="18">
        <v>152</v>
      </c>
    </row>
    <row r="45" spans="1:4" ht="18" customHeight="1" x14ac:dyDescent="0.15">
      <c r="A45" s="5">
        <v>33</v>
      </c>
      <c r="B45" s="22">
        <v>66</v>
      </c>
      <c r="C45" s="14">
        <v>85</v>
      </c>
      <c r="D45" s="18">
        <v>151</v>
      </c>
    </row>
    <row r="46" spans="1:4" ht="18" customHeight="1" x14ac:dyDescent="0.15">
      <c r="A46" s="5">
        <v>34</v>
      </c>
      <c r="B46" s="22">
        <v>78</v>
      </c>
      <c r="C46" s="14">
        <v>87</v>
      </c>
      <c r="D46" s="18">
        <v>165</v>
      </c>
    </row>
    <row r="47" spans="1:4" ht="18" customHeight="1" x14ac:dyDescent="0.15">
      <c r="A47" s="5" t="s">
        <v>15</v>
      </c>
      <c r="B47" s="22">
        <v>414</v>
      </c>
      <c r="C47" s="14">
        <v>403</v>
      </c>
      <c r="D47" s="18">
        <v>817</v>
      </c>
    </row>
    <row r="48" spans="1:4" ht="18" customHeight="1" x14ac:dyDescent="0.15">
      <c r="A48" s="5">
        <v>35</v>
      </c>
      <c r="B48" s="22">
        <v>106</v>
      </c>
      <c r="C48" s="14">
        <v>90</v>
      </c>
      <c r="D48" s="18">
        <v>196</v>
      </c>
    </row>
    <row r="49" spans="1:4" ht="18" customHeight="1" x14ac:dyDescent="0.15">
      <c r="A49" s="5">
        <v>36</v>
      </c>
      <c r="B49" s="22">
        <v>76</v>
      </c>
      <c r="C49" s="14">
        <v>84</v>
      </c>
      <c r="D49" s="18">
        <v>160</v>
      </c>
    </row>
    <row r="50" spans="1:4" ht="18" customHeight="1" x14ac:dyDescent="0.15">
      <c r="A50" s="5">
        <v>37</v>
      </c>
      <c r="B50" s="22">
        <v>80</v>
      </c>
      <c r="C50" s="14">
        <v>80</v>
      </c>
      <c r="D50" s="18">
        <v>160</v>
      </c>
    </row>
    <row r="51" spans="1:4" ht="18" customHeight="1" x14ac:dyDescent="0.15">
      <c r="A51" s="5">
        <v>38</v>
      </c>
      <c r="B51" s="22">
        <v>81</v>
      </c>
      <c r="C51" s="14">
        <v>91</v>
      </c>
      <c r="D51" s="18">
        <v>172</v>
      </c>
    </row>
    <row r="52" spans="1:4" ht="18" customHeight="1" x14ac:dyDescent="0.15">
      <c r="A52" s="5">
        <v>39</v>
      </c>
      <c r="B52" s="22">
        <v>82</v>
      </c>
      <c r="C52" s="14">
        <v>77</v>
      </c>
      <c r="D52" s="18">
        <v>159</v>
      </c>
    </row>
    <row r="53" spans="1:4" ht="18" customHeight="1" x14ac:dyDescent="0.15">
      <c r="A53" s="5" t="s">
        <v>18</v>
      </c>
      <c r="B53" s="22">
        <v>425</v>
      </c>
      <c r="C53" s="14">
        <v>422</v>
      </c>
      <c r="D53" s="18">
        <v>847</v>
      </c>
    </row>
    <row r="54" spans="1:4" ht="18" customHeight="1" x14ac:dyDescent="0.15">
      <c r="A54" s="5">
        <v>40</v>
      </c>
      <c r="B54" s="22">
        <v>89</v>
      </c>
      <c r="C54" s="14">
        <v>88</v>
      </c>
      <c r="D54" s="18">
        <v>177</v>
      </c>
    </row>
    <row r="55" spans="1:4" ht="18" customHeight="1" x14ac:dyDescent="0.15">
      <c r="A55" s="5">
        <v>41</v>
      </c>
      <c r="B55" s="22">
        <v>96</v>
      </c>
      <c r="C55" s="14">
        <v>102</v>
      </c>
      <c r="D55" s="18">
        <v>198</v>
      </c>
    </row>
    <row r="56" spans="1:4" ht="18" customHeight="1" x14ac:dyDescent="0.15">
      <c r="A56" s="5">
        <v>42</v>
      </c>
      <c r="B56" s="22">
        <v>96</v>
      </c>
      <c r="C56" s="14">
        <v>93</v>
      </c>
      <c r="D56" s="18">
        <v>189</v>
      </c>
    </row>
    <row r="57" spans="1:4" ht="18" customHeight="1" x14ac:dyDescent="0.15">
      <c r="A57" s="5">
        <v>43</v>
      </c>
      <c r="B57" s="22">
        <v>104</v>
      </c>
      <c r="C57" s="14">
        <v>102</v>
      </c>
      <c r="D57" s="18">
        <v>206</v>
      </c>
    </row>
    <row r="58" spans="1:4" ht="18" customHeight="1" x14ac:dyDescent="0.15">
      <c r="A58" s="5">
        <v>44</v>
      </c>
      <c r="B58" s="22">
        <v>115</v>
      </c>
      <c r="C58" s="14">
        <v>112</v>
      </c>
      <c r="D58" s="18">
        <v>227</v>
      </c>
    </row>
    <row r="59" spans="1:4" ht="18" customHeight="1" x14ac:dyDescent="0.15">
      <c r="A59" s="5" t="s">
        <v>21</v>
      </c>
      <c r="B59" s="22">
        <v>500</v>
      </c>
      <c r="C59" s="14">
        <v>497</v>
      </c>
      <c r="D59" s="18">
        <v>997</v>
      </c>
    </row>
    <row r="60" spans="1:4" ht="18" customHeight="1" x14ac:dyDescent="0.15">
      <c r="A60" s="5">
        <v>45</v>
      </c>
      <c r="B60" s="22">
        <v>97</v>
      </c>
      <c r="C60" s="14">
        <v>107</v>
      </c>
      <c r="D60" s="18">
        <v>204</v>
      </c>
    </row>
    <row r="61" spans="1:4" ht="18" customHeight="1" x14ac:dyDescent="0.15">
      <c r="A61" s="5">
        <v>46</v>
      </c>
      <c r="B61" s="22">
        <v>97</v>
      </c>
      <c r="C61" s="14">
        <v>112</v>
      </c>
      <c r="D61" s="18">
        <v>209</v>
      </c>
    </row>
    <row r="62" spans="1:4" ht="18" customHeight="1" x14ac:dyDescent="0.15">
      <c r="A62" s="5">
        <v>47</v>
      </c>
      <c r="B62" s="22">
        <v>138</v>
      </c>
      <c r="C62" s="14">
        <v>126</v>
      </c>
      <c r="D62" s="18">
        <v>264</v>
      </c>
    </row>
    <row r="63" spans="1:4" ht="18" customHeight="1" x14ac:dyDescent="0.15">
      <c r="A63" s="5">
        <v>48</v>
      </c>
      <c r="B63" s="22">
        <v>122</v>
      </c>
      <c r="C63" s="14">
        <v>114</v>
      </c>
      <c r="D63" s="18">
        <v>236</v>
      </c>
    </row>
    <row r="64" spans="1:4" ht="18" customHeight="1" x14ac:dyDescent="0.15">
      <c r="A64" s="5">
        <v>49</v>
      </c>
      <c r="B64" s="22">
        <v>122</v>
      </c>
      <c r="C64" s="14">
        <v>124</v>
      </c>
      <c r="D64" s="18">
        <v>246</v>
      </c>
    </row>
    <row r="65" spans="1:4" ht="18" customHeight="1" x14ac:dyDescent="0.15">
      <c r="A65" s="5" t="s">
        <v>17</v>
      </c>
      <c r="B65" s="22">
        <v>576</v>
      </c>
      <c r="C65" s="14">
        <v>583</v>
      </c>
      <c r="D65" s="18">
        <v>1159</v>
      </c>
    </row>
    <row r="66" spans="1:4" ht="18" customHeight="1" x14ac:dyDescent="0.15">
      <c r="A66" s="5">
        <v>50</v>
      </c>
      <c r="B66" s="22">
        <v>153</v>
      </c>
      <c r="C66" s="14">
        <v>135</v>
      </c>
      <c r="D66" s="18">
        <v>288</v>
      </c>
    </row>
    <row r="67" spans="1:4" ht="18" customHeight="1" x14ac:dyDescent="0.15">
      <c r="A67" s="5">
        <v>51</v>
      </c>
      <c r="B67" s="22">
        <v>155</v>
      </c>
      <c r="C67" s="14">
        <v>132</v>
      </c>
      <c r="D67" s="18">
        <v>287</v>
      </c>
    </row>
    <row r="68" spans="1:4" ht="18" customHeight="1" x14ac:dyDescent="0.15">
      <c r="A68" s="5">
        <v>52</v>
      </c>
      <c r="B68" s="22">
        <v>126</v>
      </c>
      <c r="C68" s="14">
        <v>134</v>
      </c>
      <c r="D68" s="18">
        <v>260</v>
      </c>
    </row>
    <row r="69" spans="1:4" ht="18" customHeight="1" x14ac:dyDescent="0.15">
      <c r="A69" s="5">
        <v>53</v>
      </c>
      <c r="B69" s="22">
        <v>122</v>
      </c>
      <c r="C69" s="14">
        <v>130</v>
      </c>
      <c r="D69" s="18">
        <v>252</v>
      </c>
    </row>
    <row r="70" spans="1:4" ht="18" customHeight="1" x14ac:dyDescent="0.15">
      <c r="A70" s="5">
        <v>54</v>
      </c>
      <c r="B70" s="22">
        <v>126</v>
      </c>
      <c r="C70" s="14">
        <v>120</v>
      </c>
      <c r="D70" s="18">
        <v>246</v>
      </c>
    </row>
    <row r="71" spans="1:4" ht="18" customHeight="1" x14ac:dyDescent="0.15">
      <c r="A71" s="5" t="s">
        <v>22</v>
      </c>
      <c r="B71" s="22">
        <v>682</v>
      </c>
      <c r="C71" s="14">
        <v>651</v>
      </c>
      <c r="D71" s="18">
        <v>1333</v>
      </c>
    </row>
    <row r="72" spans="1:4" ht="18" customHeight="1" x14ac:dyDescent="0.15">
      <c r="A72" s="5">
        <v>55</v>
      </c>
      <c r="B72" s="22">
        <v>120</v>
      </c>
      <c r="C72" s="14">
        <v>122</v>
      </c>
      <c r="D72" s="18">
        <v>242</v>
      </c>
    </row>
    <row r="73" spans="1:4" ht="18" customHeight="1" x14ac:dyDescent="0.15">
      <c r="A73" s="5">
        <v>56</v>
      </c>
      <c r="B73" s="22">
        <v>94</v>
      </c>
      <c r="C73" s="14">
        <v>94</v>
      </c>
      <c r="D73" s="18">
        <v>188</v>
      </c>
    </row>
    <row r="74" spans="1:4" ht="18" customHeight="1" x14ac:dyDescent="0.15">
      <c r="A74" s="5">
        <v>57</v>
      </c>
      <c r="B74" s="22">
        <v>101</v>
      </c>
      <c r="C74" s="14">
        <v>98</v>
      </c>
      <c r="D74" s="18">
        <v>199</v>
      </c>
    </row>
    <row r="75" spans="1:4" ht="18" customHeight="1" x14ac:dyDescent="0.15">
      <c r="A75" s="5">
        <v>58</v>
      </c>
      <c r="B75" s="22">
        <v>125</v>
      </c>
      <c r="C75" s="14">
        <v>116</v>
      </c>
      <c r="D75" s="18">
        <v>241</v>
      </c>
    </row>
    <row r="76" spans="1:4" ht="18" customHeight="1" x14ac:dyDescent="0.15">
      <c r="A76" s="5">
        <v>59</v>
      </c>
      <c r="B76" s="22">
        <v>81</v>
      </c>
      <c r="C76" s="14">
        <v>85</v>
      </c>
      <c r="D76" s="18">
        <v>166</v>
      </c>
    </row>
    <row r="77" spans="1:4" ht="18" customHeight="1" x14ac:dyDescent="0.15">
      <c r="A77" s="5" t="s">
        <v>27</v>
      </c>
      <c r="B77" s="22">
        <v>521</v>
      </c>
      <c r="C77" s="14">
        <v>515</v>
      </c>
      <c r="D77" s="18">
        <v>1036</v>
      </c>
    </row>
    <row r="78" spans="1:4" ht="18" customHeight="1" x14ac:dyDescent="0.15">
      <c r="A78" s="5">
        <v>60</v>
      </c>
      <c r="B78" s="22">
        <v>88</v>
      </c>
      <c r="C78" s="14">
        <v>99</v>
      </c>
      <c r="D78" s="18">
        <v>187</v>
      </c>
    </row>
    <row r="79" spans="1:4" ht="18" customHeight="1" x14ac:dyDescent="0.15">
      <c r="A79" s="5">
        <v>61</v>
      </c>
      <c r="B79" s="22">
        <v>98</v>
      </c>
      <c r="C79" s="14">
        <v>100</v>
      </c>
      <c r="D79" s="18">
        <v>198</v>
      </c>
    </row>
    <row r="80" spans="1:4" ht="18" customHeight="1" x14ac:dyDescent="0.15">
      <c r="A80" s="5">
        <v>62</v>
      </c>
      <c r="B80" s="22">
        <v>76</v>
      </c>
      <c r="C80" s="14">
        <v>101</v>
      </c>
      <c r="D80" s="18">
        <v>177</v>
      </c>
    </row>
    <row r="81" spans="1:4" ht="18" customHeight="1" x14ac:dyDescent="0.15">
      <c r="A81" s="5">
        <v>63</v>
      </c>
      <c r="B81" s="22">
        <v>86</v>
      </c>
      <c r="C81" s="14">
        <v>72</v>
      </c>
      <c r="D81" s="18">
        <v>158</v>
      </c>
    </row>
    <row r="82" spans="1:4" ht="18" customHeight="1" x14ac:dyDescent="0.15">
      <c r="A82" s="5">
        <v>64</v>
      </c>
      <c r="B82" s="22">
        <v>76</v>
      </c>
      <c r="C82" s="14">
        <v>84</v>
      </c>
      <c r="D82" s="18">
        <v>160</v>
      </c>
    </row>
    <row r="83" spans="1:4" ht="18" customHeight="1" x14ac:dyDescent="0.15">
      <c r="A83" s="5" t="s">
        <v>28</v>
      </c>
      <c r="B83" s="22">
        <v>424</v>
      </c>
      <c r="C83" s="14">
        <v>456</v>
      </c>
      <c r="D83" s="18">
        <v>880</v>
      </c>
    </row>
    <row r="84" spans="1:4" ht="18" customHeight="1" x14ac:dyDescent="0.15">
      <c r="A84" s="5" t="s">
        <v>31</v>
      </c>
      <c r="B84" s="22">
        <v>4642</v>
      </c>
      <c r="C84" s="14">
        <v>4611</v>
      </c>
      <c r="D84" s="18">
        <v>9253</v>
      </c>
    </row>
    <row r="85" spans="1:4" ht="18" customHeight="1" x14ac:dyDescent="0.15">
      <c r="A85" s="5">
        <v>65</v>
      </c>
      <c r="B85" s="22">
        <v>66</v>
      </c>
      <c r="C85" s="14">
        <v>83</v>
      </c>
      <c r="D85" s="18">
        <v>149</v>
      </c>
    </row>
    <row r="86" spans="1:4" ht="18" customHeight="1" x14ac:dyDescent="0.15">
      <c r="A86" s="5">
        <v>66</v>
      </c>
      <c r="B86" s="22">
        <v>73</v>
      </c>
      <c r="C86" s="14">
        <v>96</v>
      </c>
      <c r="D86" s="18">
        <v>169</v>
      </c>
    </row>
    <row r="87" spans="1:4" ht="18" customHeight="1" x14ac:dyDescent="0.15">
      <c r="A87" s="5">
        <v>67</v>
      </c>
      <c r="B87" s="22">
        <v>81</v>
      </c>
      <c r="C87" s="14">
        <v>79</v>
      </c>
      <c r="D87" s="18">
        <v>160</v>
      </c>
    </row>
    <row r="88" spans="1:4" ht="18" customHeight="1" x14ac:dyDescent="0.15">
      <c r="A88" s="5">
        <v>68</v>
      </c>
      <c r="B88" s="22">
        <v>58</v>
      </c>
      <c r="C88" s="14">
        <v>61</v>
      </c>
      <c r="D88" s="18">
        <v>119</v>
      </c>
    </row>
    <row r="89" spans="1:4" ht="18" customHeight="1" x14ac:dyDescent="0.15">
      <c r="A89" s="5">
        <v>69</v>
      </c>
      <c r="B89" s="22">
        <v>74</v>
      </c>
      <c r="C89" s="14">
        <v>70</v>
      </c>
      <c r="D89" s="18">
        <v>144</v>
      </c>
    </row>
    <row r="90" spans="1:4" ht="18" customHeight="1" x14ac:dyDescent="0.15">
      <c r="A90" s="5" t="s">
        <v>20</v>
      </c>
      <c r="B90" s="22">
        <v>352</v>
      </c>
      <c r="C90" s="14">
        <v>389</v>
      </c>
      <c r="D90" s="18">
        <v>741</v>
      </c>
    </row>
    <row r="91" spans="1:4" ht="18" customHeight="1" x14ac:dyDescent="0.15">
      <c r="A91" s="5">
        <v>70</v>
      </c>
      <c r="B91" s="22">
        <v>77</v>
      </c>
      <c r="C91" s="14">
        <v>77</v>
      </c>
      <c r="D91" s="18">
        <v>154</v>
      </c>
    </row>
    <row r="92" spans="1:4" ht="18" customHeight="1" x14ac:dyDescent="0.15">
      <c r="A92" s="5">
        <v>71</v>
      </c>
      <c r="B92" s="22">
        <v>82</v>
      </c>
      <c r="C92" s="14">
        <v>87</v>
      </c>
      <c r="D92" s="18">
        <v>169</v>
      </c>
    </row>
    <row r="93" spans="1:4" ht="18" customHeight="1" x14ac:dyDescent="0.15">
      <c r="A93" s="5">
        <v>72</v>
      </c>
      <c r="B93" s="22">
        <v>82</v>
      </c>
      <c r="C93" s="14">
        <v>83</v>
      </c>
      <c r="D93" s="18">
        <v>165</v>
      </c>
    </row>
    <row r="94" spans="1:4" ht="18" customHeight="1" x14ac:dyDescent="0.15">
      <c r="A94" s="5">
        <v>73</v>
      </c>
      <c r="B94" s="22">
        <v>72</v>
      </c>
      <c r="C94" s="14">
        <v>81</v>
      </c>
      <c r="D94" s="18">
        <v>153</v>
      </c>
    </row>
    <row r="95" spans="1:4" ht="18" customHeight="1" x14ac:dyDescent="0.15">
      <c r="A95" s="5">
        <v>74</v>
      </c>
      <c r="B95" s="22">
        <v>70</v>
      </c>
      <c r="C95" s="14">
        <v>93</v>
      </c>
      <c r="D95" s="18">
        <v>163</v>
      </c>
    </row>
    <row r="96" spans="1:4" ht="18" customHeight="1" x14ac:dyDescent="0.15">
      <c r="A96" s="5" t="s">
        <v>33</v>
      </c>
      <c r="B96" s="22">
        <v>383</v>
      </c>
      <c r="C96" s="14">
        <v>421</v>
      </c>
      <c r="D96" s="18">
        <v>804</v>
      </c>
    </row>
    <row r="97" spans="1:4" ht="18" customHeight="1" x14ac:dyDescent="0.15">
      <c r="A97" s="5">
        <v>75</v>
      </c>
      <c r="B97" s="22">
        <v>75</v>
      </c>
      <c r="C97" s="14">
        <v>104</v>
      </c>
      <c r="D97" s="18">
        <v>179</v>
      </c>
    </row>
    <row r="98" spans="1:4" ht="18" customHeight="1" x14ac:dyDescent="0.15">
      <c r="A98" s="5">
        <v>76</v>
      </c>
      <c r="B98" s="22">
        <v>83</v>
      </c>
      <c r="C98" s="14">
        <v>112</v>
      </c>
      <c r="D98" s="18">
        <v>195</v>
      </c>
    </row>
    <row r="99" spans="1:4" ht="18" customHeight="1" x14ac:dyDescent="0.15">
      <c r="A99" s="5">
        <v>77</v>
      </c>
      <c r="B99" s="22">
        <v>92</v>
      </c>
      <c r="C99" s="14">
        <v>107</v>
      </c>
      <c r="D99" s="18">
        <v>199</v>
      </c>
    </row>
    <row r="100" spans="1:4" ht="18" customHeight="1" x14ac:dyDescent="0.15">
      <c r="A100" s="5">
        <v>78</v>
      </c>
      <c r="B100" s="22">
        <v>89</v>
      </c>
      <c r="C100" s="14">
        <v>111</v>
      </c>
      <c r="D100" s="18">
        <v>200</v>
      </c>
    </row>
    <row r="101" spans="1:4" ht="18" customHeight="1" x14ac:dyDescent="0.15">
      <c r="A101" s="5">
        <v>79</v>
      </c>
      <c r="B101" s="22">
        <v>75</v>
      </c>
      <c r="C101" s="14">
        <v>77</v>
      </c>
      <c r="D101" s="18">
        <v>152</v>
      </c>
    </row>
    <row r="102" spans="1:4" ht="18" customHeight="1" x14ac:dyDescent="0.15">
      <c r="A102" s="5" t="s">
        <v>0</v>
      </c>
      <c r="B102" s="22">
        <v>414</v>
      </c>
      <c r="C102" s="14">
        <v>511</v>
      </c>
      <c r="D102" s="18">
        <v>925</v>
      </c>
    </row>
    <row r="103" spans="1:4" ht="18" customHeight="1" x14ac:dyDescent="0.15">
      <c r="A103" s="5">
        <v>80</v>
      </c>
      <c r="B103" s="22">
        <v>41</v>
      </c>
      <c r="C103" s="14">
        <v>68</v>
      </c>
      <c r="D103" s="18">
        <v>109</v>
      </c>
    </row>
    <row r="104" spans="1:4" ht="18" customHeight="1" x14ac:dyDescent="0.15">
      <c r="A104" s="5">
        <v>81</v>
      </c>
      <c r="B104" s="22">
        <v>68</v>
      </c>
      <c r="C104" s="14">
        <v>94</v>
      </c>
      <c r="D104" s="18">
        <v>162</v>
      </c>
    </row>
    <row r="105" spans="1:4" ht="18" customHeight="1" x14ac:dyDescent="0.15">
      <c r="A105" s="5">
        <v>82</v>
      </c>
      <c r="B105" s="22">
        <v>54</v>
      </c>
      <c r="C105" s="14">
        <v>88</v>
      </c>
      <c r="D105" s="18">
        <v>142</v>
      </c>
    </row>
    <row r="106" spans="1:4" ht="18" customHeight="1" x14ac:dyDescent="0.15">
      <c r="A106" s="5">
        <v>83</v>
      </c>
      <c r="B106" s="22">
        <v>43</v>
      </c>
      <c r="C106" s="14">
        <v>66</v>
      </c>
      <c r="D106" s="18">
        <v>109</v>
      </c>
    </row>
    <row r="107" spans="1:4" ht="18" customHeight="1" x14ac:dyDescent="0.15">
      <c r="A107" s="5">
        <v>84</v>
      </c>
      <c r="B107" s="22">
        <v>58</v>
      </c>
      <c r="C107" s="14">
        <v>90</v>
      </c>
      <c r="D107" s="18">
        <v>148</v>
      </c>
    </row>
    <row r="108" spans="1:4" ht="18" customHeight="1" x14ac:dyDescent="0.15">
      <c r="A108" s="5" t="s">
        <v>35</v>
      </c>
      <c r="B108" s="22">
        <v>264</v>
      </c>
      <c r="C108" s="14">
        <v>406</v>
      </c>
      <c r="D108" s="18">
        <v>670</v>
      </c>
    </row>
    <row r="109" spans="1:4" ht="18" customHeight="1" x14ac:dyDescent="0.15">
      <c r="A109" s="5">
        <v>85</v>
      </c>
      <c r="B109" s="22">
        <v>48</v>
      </c>
      <c r="C109" s="14">
        <v>68</v>
      </c>
      <c r="D109" s="18">
        <v>116</v>
      </c>
    </row>
    <row r="110" spans="1:4" ht="18" customHeight="1" x14ac:dyDescent="0.15">
      <c r="A110" s="5">
        <v>86</v>
      </c>
      <c r="B110" s="22">
        <v>43</v>
      </c>
      <c r="C110" s="14">
        <v>43</v>
      </c>
      <c r="D110" s="18">
        <v>86</v>
      </c>
    </row>
    <row r="111" spans="1:4" ht="18" customHeight="1" x14ac:dyDescent="0.15">
      <c r="A111" s="5">
        <v>87</v>
      </c>
      <c r="B111" s="22">
        <v>18</v>
      </c>
      <c r="C111" s="14">
        <v>48</v>
      </c>
      <c r="D111" s="18">
        <v>66</v>
      </c>
    </row>
    <row r="112" spans="1:4" ht="18" customHeight="1" x14ac:dyDescent="0.15">
      <c r="A112" s="5">
        <v>88</v>
      </c>
      <c r="B112" s="22">
        <v>31</v>
      </c>
      <c r="C112" s="14">
        <v>42</v>
      </c>
      <c r="D112" s="18">
        <v>73</v>
      </c>
    </row>
    <row r="113" spans="1:4" ht="18" customHeight="1" x14ac:dyDescent="0.15">
      <c r="A113" s="5">
        <v>89</v>
      </c>
      <c r="B113" s="22">
        <v>25</v>
      </c>
      <c r="C113" s="14">
        <v>53</v>
      </c>
      <c r="D113" s="18">
        <v>78</v>
      </c>
    </row>
    <row r="114" spans="1:4" ht="18" customHeight="1" x14ac:dyDescent="0.15">
      <c r="A114" s="5" t="s">
        <v>37</v>
      </c>
      <c r="B114" s="22">
        <v>165</v>
      </c>
      <c r="C114" s="14">
        <v>254</v>
      </c>
      <c r="D114" s="18">
        <v>419</v>
      </c>
    </row>
    <row r="115" spans="1:4" ht="18" customHeight="1" x14ac:dyDescent="0.15">
      <c r="A115" s="5">
        <v>90</v>
      </c>
      <c r="B115" s="22">
        <v>25</v>
      </c>
      <c r="C115" s="14">
        <v>44</v>
      </c>
      <c r="D115" s="18">
        <v>69</v>
      </c>
    </row>
    <row r="116" spans="1:4" ht="18" customHeight="1" x14ac:dyDescent="0.15">
      <c r="A116" s="5">
        <v>91</v>
      </c>
      <c r="B116" s="22">
        <v>16</v>
      </c>
      <c r="C116" s="14">
        <v>42</v>
      </c>
      <c r="D116" s="18">
        <v>58</v>
      </c>
    </row>
    <row r="117" spans="1:4" ht="18" customHeight="1" x14ac:dyDescent="0.15">
      <c r="A117" s="5">
        <v>92</v>
      </c>
      <c r="B117" s="22">
        <v>14</v>
      </c>
      <c r="C117" s="14">
        <v>36</v>
      </c>
      <c r="D117" s="18">
        <v>50</v>
      </c>
    </row>
    <row r="118" spans="1:4" ht="18" customHeight="1" x14ac:dyDescent="0.15">
      <c r="A118" s="5">
        <v>93</v>
      </c>
      <c r="B118" s="22">
        <v>7</v>
      </c>
      <c r="C118" s="14">
        <v>44</v>
      </c>
      <c r="D118" s="18">
        <v>51</v>
      </c>
    </row>
    <row r="119" spans="1:4" ht="18" customHeight="1" x14ac:dyDescent="0.15">
      <c r="A119" s="5">
        <v>94</v>
      </c>
      <c r="B119" s="22">
        <v>7</v>
      </c>
      <c r="C119" s="14">
        <v>19</v>
      </c>
      <c r="D119" s="18">
        <v>26</v>
      </c>
    </row>
    <row r="120" spans="1:4" ht="18" customHeight="1" x14ac:dyDescent="0.15">
      <c r="A120" s="5" t="s">
        <v>39</v>
      </c>
      <c r="B120" s="22">
        <v>69</v>
      </c>
      <c r="C120" s="14">
        <v>185</v>
      </c>
      <c r="D120" s="18">
        <v>254</v>
      </c>
    </row>
    <row r="121" spans="1:4" ht="18" customHeight="1" x14ac:dyDescent="0.15">
      <c r="A121" s="5">
        <v>95</v>
      </c>
      <c r="B121" s="22">
        <v>4</v>
      </c>
      <c r="C121" s="14">
        <v>17</v>
      </c>
      <c r="D121" s="18">
        <v>21</v>
      </c>
    </row>
    <row r="122" spans="1:4" ht="18" customHeight="1" x14ac:dyDescent="0.15">
      <c r="A122" s="5">
        <v>96</v>
      </c>
      <c r="B122" s="22">
        <v>5</v>
      </c>
      <c r="C122" s="14">
        <v>10</v>
      </c>
      <c r="D122" s="18">
        <v>15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2</v>
      </c>
      <c r="C124" s="14">
        <v>6</v>
      </c>
      <c r="D124" s="18">
        <v>8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13</v>
      </c>
      <c r="C126" s="14">
        <v>47</v>
      </c>
      <c r="D126" s="18">
        <v>60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10</v>
      </c>
      <c r="D129" s="18">
        <v>11</v>
      </c>
    </row>
    <row r="130" spans="1:4" ht="18" customHeight="1" x14ac:dyDescent="0.15">
      <c r="A130" s="5" t="s">
        <v>46</v>
      </c>
      <c r="B130" s="22">
        <v>1661</v>
      </c>
      <c r="C130" s="14">
        <v>2223</v>
      </c>
      <c r="D130" s="18">
        <v>3884</v>
      </c>
    </row>
    <row r="131" spans="1:4" ht="18" customHeight="1" x14ac:dyDescent="0.15">
      <c r="A131" s="7" t="s">
        <v>45</v>
      </c>
      <c r="B131" s="23">
        <v>7334</v>
      </c>
      <c r="C131" s="15">
        <v>7792</v>
      </c>
      <c r="D131" s="19">
        <v>151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5</v>
      </c>
      <c r="D5" s="17">
        <v>31</v>
      </c>
    </row>
    <row r="6" spans="1:4" ht="18" customHeight="1" x14ac:dyDescent="0.15">
      <c r="A6" s="5">
        <v>1</v>
      </c>
      <c r="B6" s="22">
        <v>23</v>
      </c>
      <c r="C6" s="14">
        <v>24</v>
      </c>
      <c r="D6" s="18">
        <v>47</v>
      </c>
    </row>
    <row r="7" spans="1:4" ht="18" customHeight="1" x14ac:dyDescent="0.15">
      <c r="A7" s="5">
        <v>2</v>
      </c>
      <c r="B7" s="22">
        <v>24</v>
      </c>
      <c r="C7" s="14">
        <v>15</v>
      </c>
      <c r="D7" s="18">
        <v>39</v>
      </c>
    </row>
    <row r="8" spans="1:4" ht="18" customHeight="1" x14ac:dyDescent="0.15">
      <c r="A8" s="5">
        <v>3</v>
      </c>
      <c r="B8" s="22">
        <v>22</v>
      </c>
      <c r="C8" s="14">
        <v>23</v>
      </c>
      <c r="D8" s="18">
        <v>45</v>
      </c>
    </row>
    <row r="9" spans="1:4" ht="18" customHeight="1" x14ac:dyDescent="0.15">
      <c r="A9" s="5">
        <v>4</v>
      </c>
      <c r="B9" s="22">
        <v>24</v>
      </c>
      <c r="C9" s="14">
        <v>18</v>
      </c>
      <c r="D9" s="18">
        <v>42</v>
      </c>
    </row>
    <row r="10" spans="1:4" ht="18" customHeight="1" x14ac:dyDescent="0.15">
      <c r="A10" s="5" t="s">
        <v>7</v>
      </c>
      <c r="B10" s="22">
        <v>109</v>
      </c>
      <c r="C10" s="14">
        <v>95</v>
      </c>
      <c r="D10" s="18">
        <v>204</v>
      </c>
    </row>
    <row r="11" spans="1:4" ht="18" customHeight="1" x14ac:dyDescent="0.15">
      <c r="A11" s="5">
        <v>5</v>
      </c>
      <c r="B11" s="22">
        <v>25</v>
      </c>
      <c r="C11" s="14">
        <v>20</v>
      </c>
      <c r="D11" s="18">
        <v>45</v>
      </c>
    </row>
    <row r="12" spans="1:4" ht="18" customHeight="1" x14ac:dyDescent="0.15">
      <c r="A12" s="5">
        <v>6</v>
      </c>
      <c r="B12" s="22">
        <v>29</v>
      </c>
      <c r="C12" s="14">
        <v>27</v>
      </c>
      <c r="D12" s="18">
        <v>56</v>
      </c>
    </row>
    <row r="13" spans="1:4" ht="18" customHeight="1" x14ac:dyDescent="0.15">
      <c r="A13" s="5">
        <v>7</v>
      </c>
      <c r="B13" s="22">
        <v>24</v>
      </c>
      <c r="C13" s="14">
        <v>28</v>
      </c>
      <c r="D13" s="18">
        <v>52</v>
      </c>
    </row>
    <row r="14" spans="1:4" ht="18" customHeight="1" x14ac:dyDescent="0.15">
      <c r="A14" s="5">
        <v>8</v>
      </c>
      <c r="B14" s="22">
        <v>22</v>
      </c>
      <c r="C14" s="14">
        <v>31</v>
      </c>
      <c r="D14" s="18">
        <v>53</v>
      </c>
    </row>
    <row r="15" spans="1:4" ht="18" customHeight="1" x14ac:dyDescent="0.15">
      <c r="A15" s="5">
        <v>9</v>
      </c>
      <c r="B15" s="22">
        <v>24</v>
      </c>
      <c r="C15" s="14">
        <v>31</v>
      </c>
      <c r="D15" s="18">
        <v>55</v>
      </c>
    </row>
    <row r="16" spans="1:4" ht="18" customHeight="1" x14ac:dyDescent="0.15">
      <c r="A16" s="5" t="s">
        <v>11</v>
      </c>
      <c r="B16" s="22">
        <v>124</v>
      </c>
      <c r="C16" s="14">
        <v>137</v>
      </c>
      <c r="D16" s="18">
        <v>261</v>
      </c>
    </row>
    <row r="17" spans="1:4" ht="18" customHeight="1" x14ac:dyDescent="0.15">
      <c r="A17" s="5">
        <v>10</v>
      </c>
      <c r="B17" s="22">
        <v>36</v>
      </c>
      <c r="C17" s="14">
        <v>25</v>
      </c>
      <c r="D17" s="18">
        <v>61</v>
      </c>
    </row>
    <row r="18" spans="1:4" ht="18" customHeight="1" x14ac:dyDescent="0.15">
      <c r="A18" s="5">
        <v>11</v>
      </c>
      <c r="B18" s="22">
        <v>24</v>
      </c>
      <c r="C18" s="14">
        <v>36</v>
      </c>
      <c r="D18" s="18">
        <v>60</v>
      </c>
    </row>
    <row r="19" spans="1:4" ht="18" customHeight="1" x14ac:dyDescent="0.15">
      <c r="A19" s="5">
        <v>12</v>
      </c>
      <c r="B19" s="22">
        <v>32</v>
      </c>
      <c r="C19" s="14">
        <v>27</v>
      </c>
      <c r="D19" s="18">
        <v>59</v>
      </c>
    </row>
    <row r="20" spans="1:4" ht="18" customHeight="1" x14ac:dyDescent="0.15">
      <c r="A20" s="5">
        <v>13</v>
      </c>
      <c r="B20" s="22">
        <v>21</v>
      </c>
      <c r="C20" s="14">
        <v>39</v>
      </c>
      <c r="D20" s="18">
        <v>60</v>
      </c>
    </row>
    <row r="21" spans="1:4" ht="18" customHeight="1" x14ac:dyDescent="0.15">
      <c r="A21" s="5">
        <v>14</v>
      </c>
      <c r="B21" s="22">
        <v>30</v>
      </c>
      <c r="C21" s="14">
        <v>30</v>
      </c>
      <c r="D21" s="18">
        <v>60</v>
      </c>
    </row>
    <row r="22" spans="1:4" ht="18" customHeight="1" x14ac:dyDescent="0.15">
      <c r="A22" s="5" t="s">
        <v>12</v>
      </c>
      <c r="B22" s="22">
        <v>143</v>
      </c>
      <c r="C22" s="14">
        <v>157</v>
      </c>
      <c r="D22" s="18">
        <v>300</v>
      </c>
    </row>
    <row r="23" spans="1:4" ht="18" customHeight="1" x14ac:dyDescent="0.15">
      <c r="A23" s="5" t="s">
        <v>6</v>
      </c>
      <c r="B23" s="22">
        <v>376</v>
      </c>
      <c r="C23" s="14">
        <v>389</v>
      </c>
      <c r="D23" s="18">
        <v>765</v>
      </c>
    </row>
    <row r="24" spans="1:4" ht="18" customHeight="1" x14ac:dyDescent="0.15">
      <c r="A24" s="5">
        <v>15</v>
      </c>
      <c r="B24" s="22">
        <v>22</v>
      </c>
      <c r="C24" s="14">
        <v>32</v>
      </c>
      <c r="D24" s="18">
        <v>54</v>
      </c>
    </row>
    <row r="25" spans="1:4" ht="18" customHeight="1" x14ac:dyDescent="0.15">
      <c r="A25" s="5">
        <v>16</v>
      </c>
      <c r="B25" s="22">
        <v>30</v>
      </c>
      <c r="C25" s="14">
        <v>26</v>
      </c>
      <c r="D25" s="18">
        <v>56</v>
      </c>
    </row>
    <row r="26" spans="1:4" ht="18" customHeight="1" x14ac:dyDescent="0.15">
      <c r="A26" s="5">
        <v>17</v>
      </c>
      <c r="B26" s="22">
        <v>28</v>
      </c>
      <c r="C26" s="14">
        <v>30</v>
      </c>
      <c r="D26" s="18">
        <v>58</v>
      </c>
    </row>
    <row r="27" spans="1:4" ht="18" customHeight="1" x14ac:dyDescent="0.15">
      <c r="A27" s="5">
        <v>18</v>
      </c>
      <c r="B27" s="22">
        <v>25</v>
      </c>
      <c r="C27" s="14">
        <v>24</v>
      </c>
      <c r="D27" s="18">
        <v>49</v>
      </c>
    </row>
    <row r="28" spans="1:4" ht="18" customHeight="1" x14ac:dyDescent="0.15">
      <c r="A28" s="5">
        <v>19</v>
      </c>
      <c r="B28" s="22">
        <v>24</v>
      </c>
      <c r="C28" s="14">
        <v>30</v>
      </c>
      <c r="D28" s="18">
        <v>54</v>
      </c>
    </row>
    <row r="29" spans="1:4" ht="18" customHeight="1" x14ac:dyDescent="0.15">
      <c r="A29" s="5" t="s">
        <v>14</v>
      </c>
      <c r="B29" s="22">
        <v>129</v>
      </c>
      <c r="C29" s="14">
        <v>142</v>
      </c>
      <c r="D29" s="18">
        <v>271</v>
      </c>
    </row>
    <row r="30" spans="1:4" ht="18" customHeight="1" x14ac:dyDescent="0.15">
      <c r="A30" s="5">
        <v>20</v>
      </c>
      <c r="B30" s="22">
        <v>38</v>
      </c>
      <c r="C30" s="14">
        <v>34</v>
      </c>
      <c r="D30" s="18">
        <v>72</v>
      </c>
    </row>
    <row r="31" spans="1:4" ht="18" customHeight="1" x14ac:dyDescent="0.15">
      <c r="A31" s="5">
        <v>21</v>
      </c>
      <c r="B31" s="22">
        <v>23</v>
      </c>
      <c r="C31" s="14">
        <v>33</v>
      </c>
      <c r="D31" s="18">
        <v>56</v>
      </c>
    </row>
    <row r="32" spans="1:4" ht="18" customHeight="1" x14ac:dyDescent="0.15">
      <c r="A32" s="5">
        <v>22</v>
      </c>
      <c r="B32" s="22">
        <v>31</v>
      </c>
      <c r="C32" s="14">
        <v>53</v>
      </c>
      <c r="D32" s="18">
        <v>84</v>
      </c>
    </row>
    <row r="33" spans="1:4" ht="18" customHeight="1" x14ac:dyDescent="0.15">
      <c r="A33" s="5">
        <v>23</v>
      </c>
      <c r="B33" s="22">
        <v>42</v>
      </c>
      <c r="C33" s="14">
        <v>31</v>
      </c>
      <c r="D33" s="18">
        <v>73</v>
      </c>
    </row>
    <row r="34" spans="1:4" ht="18" customHeight="1" x14ac:dyDescent="0.15">
      <c r="A34" s="5">
        <v>24</v>
      </c>
      <c r="B34" s="22">
        <v>54</v>
      </c>
      <c r="C34" s="14">
        <v>47</v>
      </c>
      <c r="D34" s="18">
        <v>101</v>
      </c>
    </row>
    <row r="35" spans="1:4" ht="18" customHeight="1" x14ac:dyDescent="0.15">
      <c r="A35" s="5" t="s">
        <v>9</v>
      </c>
      <c r="B35" s="22">
        <v>188</v>
      </c>
      <c r="C35" s="14">
        <v>198</v>
      </c>
      <c r="D35" s="18">
        <v>386</v>
      </c>
    </row>
    <row r="36" spans="1:4" ht="18" customHeight="1" x14ac:dyDescent="0.15">
      <c r="A36" s="5">
        <v>25</v>
      </c>
      <c r="B36" s="22">
        <v>53</v>
      </c>
      <c r="C36" s="14">
        <v>44</v>
      </c>
      <c r="D36" s="18">
        <v>97</v>
      </c>
    </row>
    <row r="37" spans="1:4" ht="18" customHeight="1" x14ac:dyDescent="0.15">
      <c r="A37" s="5">
        <v>26</v>
      </c>
      <c r="B37" s="22">
        <v>56</v>
      </c>
      <c r="C37" s="14">
        <v>36</v>
      </c>
      <c r="D37" s="18">
        <v>92</v>
      </c>
    </row>
    <row r="38" spans="1:4" ht="18" customHeight="1" x14ac:dyDescent="0.15">
      <c r="A38" s="5">
        <v>27</v>
      </c>
      <c r="B38" s="22">
        <v>57</v>
      </c>
      <c r="C38" s="14">
        <v>28</v>
      </c>
      <c r="D38" s="18">
        <v>85</v>
      </c>
    </row>
    <row r="39" spans="1:4" ht="18" customHeight="1" x14ac:dyDescent="0.15">
      <c r="A39" s="5">
        <v>28</v>
      </c>
      <c r="B39" s="22">
        <v>57</v>
      </c>
      <c r="C39" s="14">
        <v>46</v>
      </c>
      <c r="D39" s="18">
        <v>103</v>
      </c>
    </row>
    <row r="40" spans="1:4" ht="18" customHeight="1" x14ac:dyDescent="0.15">
      <c r="A40" s="5">
        <v>29</v>
      </c>
      <c r="B40" s="22">
        <v>52</v>
      </c>
      <c r="C40" s="14">
        <v>32</v>
      </c>
      <c r="D40" s="18">
        <v>84</v>
      </c>
    </row>
    <row r="41" spans="1:4" ht="18" customHeight="1" x14ac:dyDescent="0.15">
      <c r="A41" s="5" t="s">
        <v>2</v>
      </c>
      <c r="B41" s="22">
        <v>275</v>
      </c>
      <c r="C41" s="14">
        <v>186</v>
      </c>
      <c r="D41" s="18">
        <v>461</v>
      </c>
    </row>
    <row r="42" spans="1:4" ht="18" customHeight="1" x14ac:dyDescent="0.15">
      <c r="A42" s="5">
        <v>30</v>
      </c>
      <c r="B42" s="22">
        <v>49</v>
      </c>
      <c r="C42" s="14">
        <v>41</v>
      </c>
      <c r="D42" s="18">
        <v>90</v>
      </c>
    </row>
    <row r="43" spans="1:4" ht="18" customHeight="1" x14ac:dyDescent="0.15">
      <c r="A43" s="5">
        <v>31</v>
      </c>
      <c r="B43" s="22">
        <v>37</v>
      </c>
      <c r="C43" s="14">
        <v>31</v>
      </c>
      <c r="D43" s="18">
        <v>68</v>
      </c>
    </row>
    <row r="44" spans="1:4" ht="18" customHeight="1" x14ac:dyDescent="0.15">
      <c r="A44" s="5">
        <v>32</v>
      </c>
      <c r="B44" s="22">
        <v>45</v>
      </c>
      <c r="C44" s="14">
        <v>33</v>
      </c>
      <c r="D44" s="18">
        <v>78</v>
      </c>
    </row>
    <row r="45" spans="1:4" ht="18" customHeight="1" x14ac:dyDescent="0.15">
      <c r="A45" s="5">
        <v>33</v>
      </c>
      <c r="B45" s="22">
        <v>37</v>
      </c>
      <c r="C45" s="14">
        <v>28</v>
      </c>
      <c r="D45" s="18">
        <v>65</v>
      </c>
    </row>
    <row r="46" spans="1:4" ht="18" customHeight="1" x14ac:dyDescent="0.15">
      <c r="A46" s="5">
        <v>34</v>
      </c>
      <c r="B46" s="22">
        <v>31</v>
      </c>
      <c r="C46" s="14">
        <v>22</v>
      </c>
      <c r="D46" s="18">
        <v>53</v>
      </c>
    </row>
    <row r="47" spans="1:4" ht="18" customHeight="1" x14ac:dyDescent="0.15">
      <c r="A47" s="5" t="s">
        <v>15</v>
      </c>
      <c r="B47" s="22">
        <v>199</v>
      </c>
      <c r="C47" s="14">
        <v>155</v>
      </c>
      <c r="D47" s="18">
        <v>354</v>
      </c>
    </row>
    <row r="48" spans="1:4" ht="18" customHeight="1" x14ac:dyDescent="0.15">
      <c r="A48" s="5">
        <v>35</v>
      </c>
      <c r="B48" s="22">
        <v>34</v>
      </c>
      <c r="C48" s="14">
        <v>28</v>
      </c>
      <c r="D48" s="18">
        <v>62</v>
      </c>
    </row>
    <row r="49" spans="1:4" ht="18" customHeight="1" x14ac:dyDescent="0.15">
      <c r="A49" s="5">
        <v>36</v>
      </c>
      <c r="B49" s="22">
        <v>37</v>
      </c>
      <c r="C49" s="14">
        <v>34</v>
      </c>
      <c r="D49" s="18">
        <v>71</v>
      </c>
    </row>
    <row r="50" spans="1:4" ht="18" customHeight="1" x14ac:dyDescent="0.15">
      <c r="A50" s="5">
        <v>37</v>
      </c>
      <c r="B50" s="22">
        <v>46</v>
      </c>
      <c r="C50" s="14">
        <v>43</v>
      </c>
      <c r="D50" s="18">
        <v>89</v>
      </c>
    </row>
    <row r="51" spans="1:4" ht="18" customHeight="1" x14ac:dyDescent="0.15">
      <c r="A51" s="5">
        <v>38</v>
      </c>
      <c r="B51" s="22">
        <v>44</v>
      </c>
      <c r="C51" s="14">
        <v>35</v>
      </c>
      <c r="D51" s="18">
        <v>79</v>
      </c>
    </row>
    <row r="52" spans="1:4" ht="18" customHeight="1" x14ac:dyDescent="0.15">
      <c r="A52" s="5">
        <v>39</v>
      </c>
      <c r="B52" s="22">
        <v>45</v>
      </c>
      <c r="C52" s="14">
        <v>43</v>
      </c>
      <c r="D52" s="18">
        <v>88</v>
      </c>
    </row>
    <row r="53" spans="1:4" ht="18" customHeight="1" x14ac:dyDescent="0.15">
      <c r="A53" s="5" t="s">
        <v>18</v>
      </c>
      <c r="B53" s="22">
        <v>206</v>
      </c>
      <c r="C53" s="14">
        <v>183</v>
      </c>
      <c r="D53" s="18">
        <v>389</v>
      </c>
    </row>
    <row r="54" spans="1:4" ht="18" customHeight="1" x14ac:dyDescent="0.15">
      <c r="A54" s="5">
        <v>40</v>
      </c>
      <c r="B54" s="22">
        <v>40</v>
      </c>
      <c r="C54" s="14">
        <v>44</v>
      </c>
      <c r="D54" s="18">
        <v>84</v>
      </c>
    </row>
    <row r="55" spans="1:4" ht="18" customHeight="1" x14ac:dyDescent="0.15">
      <c r="A55" s="5">
        <v>41</v>
      </c>
      <c r="B55" s="22">
        <v>59</v>
      </c>
      <c r="C55" s="14">
        <v>47</v>
      </c>
      <c r="D55" s="18">
        <v>106</v>
      </c>
    </row>
    <row r="56" spans="1:4" ht="18" customHeight="1" x14ac:dyDescent="0.15">
      <c r="A56" s="5">
        <v>42</v>
      </c>
      <c r="B56" s="22">
        <v>57</v>
      </c>
      <c r="C56" s="14">
        <v>36</v>
      </c>
      <c r="D56" s="18">
        <v>93</v>
      </c>
    </row>
    <row r="57" spans="1:4" ht="18" customHeight="1" x14ac:dyDescent="0.15">
      <c r="A57" s="5">
        <v>43</v>
      </c>
      <c r="B57" s="22">
        <v>38</v>
      </c>
      <c r="C57" s="14">
        <v>48</v>
      </c>
      <c r="D57" s="18">
        <v>86</v>
      </c>
    </row>
    <row r="58" spans="1:4" ht="18" customHeight="1" x14ac:dyDescent="0.15">
      <c r="A58" s="5">
        <v>44</v>
      </c>
      <c r="B58" s="22">
        <v>40</v>
      </c>
      <c r="C58" s="14">
        <v>43</v>
      </c>
      <c r="D58" s="18">
        <v>83</v>
      </c>
    </row>
    <row r="59" spans="1:4" ht="18" customHeight="1" x14ac:dyDescent="0.15">
      <c r="A59" s="5" t="s">
        <v>21</v>
      </c>
      <c r="B59" s="22">
        <v>234</v>
      </c>
      <c r="C59" s="14">
        <v>218</v>
      </c>
      <c r="D59" s="18">
        <v>452</v>
      </c>
    </row>
    <row r="60" spans="1:4" ht="18" customHeight="1" x14ac:dyDescent="0.15">
      <c r="A60" s="5">
        <v>45</v>
      </c>
      <c r="B60" s="22">
        <v>50</v>
      </c>
      <c r="C60" s="14">
        <v>50</v>
      </c>
      <c r="D60" s="18">
        <v>100</v>
      </c>
    </row>
    <row r="61" spans="1:4" ht="18" customHeight="1" x14ac:dyDescent="0.15">
      <c r="A61" s="5">
        <v>46</v>
      </c>
      <c r="B61" s="22">
        <v>37</v>
      </c>
      <c r="C61" s="14">
        <v>52</v>
      </c>
      <c r="D61" s="18">
        <v>89</v>
      </c>
    </row>
    <row r="62" spans="1:4" ht="18" customHeight="1" x14ac:dyDescent="0.15">
      <c r="A62" s="5">
        <v>47</v>
      </c>
      <c r="B62" s="22">
        <v>38</v>
      </c>
      <c r="C62" s="14">
        <v>47</v>
      </c>
      <c r="D62" s="18">
        <v>85</v>
      </c>
    </row>
    <row r="63" spans="1:4" ht="18" customHeight="1" x14ac:dyDescent="0.15">
      <c r="A63" s="5">
        <v>48</v>
      </c>
      <c r="B63" s="22">
        <v>57</v>
      </c>
      <c r="C63" s="14">
        <v>39</v>
      </c>
      <c r="D63" s="18">
        <v>96</v>
      </c>
    </row>
    <row r="64" spans="1:4" ht="18" customHeight="1" x14ac:dyDescent="0.15">
      <c r="A64" s="5">
        <v>49</v>
      </c>
      <c r="B64" s="22">
        <v>46</v>
      </c>
      <c r="C64" s="14">
        <v>46</v>
      </c>
      <c r="D64" s="18">
        <v>92</v>
      </c>
    </row>
    <row r="65" spans="1:4" ht="18" customHeight="1" x14ac:dyDescent="0.15">
      <c r="A65" s="5" t="s">
        <v>17</v>
      </c>
      <c r="B65" s="22">
        <v>228</v>
      </c>
      <c r="C65" s="14">
        <v>234</v>
      </c>
      <c r="D65" s="18">
        <v>462</v>
      </c>
    </row>
    <row r="66" spans="1:4" ht="18" customHeight="1" x14ac:dyDescent="0.15">
      <c r="A66" s="5">
        <v>50</v>
      </c>
      <c r="B66" s="22">
        <v>51</v>
      </c>
      <c r="C66" s="14">
        <v>48</v>
      </c>
      <c r="D66" s="18">
        <v>99</v>
      </c>
    </row>
    <row r="67" spans="1:4" ht="18" customHeight="1" x14ac:dyDescent="0.15">
      <c r="A67" s="5">
        <v>51</v>
      </c>
      <c r="B67" s="22">
        <v>64</v>
      </c>
      <c r="C67" s="14">
        <v>70</v>
      </c>
      <c r="D67" s="18">
        <v>134</v>
      </c>
    </row>
    <row r="68" spans="1:4" ht="18" customHeight="1" x14ac:dyDescent="0.15">
      <c r="A68" s="5">
        <v>52</v>
      </c>
      <c r="B68" s="22">
        <v>67</v>
      </c>
      <c r="C68" s="14">
        <v>66</v>
      </c>
      <c r="D68" s="18">
        <v>133</v>
      </c>
    </row>
    <row r="69" spans="1:4" ht="18" customHeight="1" x14ac:dyDescent="0.15">
      <c r="A69" s="5">
        <v>53</v>
      </c>
      <c r="B69" s="22">
        <v>79</v>
      </c>
      <c r="C69" s="14">
        <v>62</v>
      </c>
      <c r="D69" s="18">
        <v>141</v>
      </c>
    </row>
    <row r="70" spans="1:4" ht="18" customHeight="1" x14ac:dyDescent="0.15">
      <c r="A70" s="5">
        <v>54</v>
      </c>
      <c r="B70" s="22">
        <v>54</v>
      </c>
      <c r="C70" s="14">
        <v>68</v>
      </c>
      <c r="D70" s="18">
        <v>122</v>
      </c>
    </row>
    <row r="71" spans="1:4" ht="18" customHeight="1" x14ac:dyDescent="0.15">
      <c r="A71" s="5" t="s">
        <v>22</v>
      </c>
      <c r="B71" s="22">
        <v>315</v>
      </c>
      <c r="C71" s="14">
        <v>314</v>
      </c>
      <c r="D71" s="18">
        <v>629</v>
      </c>
    </row>
    <row r="72" spans="1:4" ht="18" customHeight="1" x14ac:dyDescent="0.15">
      <c r="A72" s="5">
        <v>55</v>
      </c>
      <c r="B72" s="22">
        <v>70</v>
      </c>
      <c r="C72" s="14">
        <v>55</v>
      </c>
      <c r="D72" s="18">
        <v>125</v>
      </c>
    </row>
    <row r="73" spans="1:4" ht="18" customHeight="1" x14ac:dyDescent="0.15">
      <c r="A73" s="5">
        <v>56</v>
      </c>
      <c r="B73" s="22">
        <v>52</v>
      </c>
      <c r="C73" s="14">
        <v>43</v>
      </c>
      <c r="D73" s="18">
        <v>95</v>
      </c>
    </row>
    <row r="74" spans="1:4" ht="18" customHeight="1" x14ac:dyDescent="0.15">
      <c r="A74" s="5">
        <v>57</v>
      </c>
      <c r="B74" s="22">
        <v>79</v>
      </c>
      <c r="C74" s="14">
        <v>51</v>
      </c>
      <c r="D74" s="18">
        <v>130</v>
      </c>
    </row>
    <row r="75" spans="1:4" ht="18" customHeight="1" x14ac:dyDescent="0.15">
      <c r="A75" s="5">
        <v>58</v>
      </c>
      <c r="B75" s="22">
        <v>65</v>
      </c>
      <c r="C75" s="14">
        <v>53</v>
      </c>
      <c r="D75" s="18">
        <v>118</v>
      </c>
    </row>
    <row r="76" spans="1:4" ht="18" customHeight="1" x14ac:dyDescent="0.15">
      <c r="A76" s="5">
        <v>59</v>
      </c>
      <c r="B76" s="22">
        <v>39</v>
      </c>
      <c r="C76" s="14">
        <v>38</v>
      </c>
      <c r="D76" s="18">
        <v>77</v>
      </c>
    </row>
    <row r="77" spans="1:4" ht="18" customHeight="1" x14ac:dyDescent="0.15">
      <c r="A77" s="5" t="s">
        <v>27</v>
      </c>
      <c r="B77" s="22">
        <v>305</v>
      </c>
      <c r="C77" s="14">
        <v>240</v>
      </c>
      <c r="D77" s="18">
        <v>545</v>
      </c>
    </row>
    <row r="78" spans="1:4" ht="18" customHeight="1" x14ac:dyDescent="0.15">
      <c r="A78" s="5">
        <v>60</v>
      </c>
      <c r="B78" s="22">
        <v>53</v>
      </c>
      <c r="C78" s="14">
        <v>63</v>
      </c>
      <c r="D78" s="18">
        <v>116</v>
      </c>
    </row>
    <row r="79" spans="1:4" ht="18" customHeight="1" x14ac:dyDescent="0.15">
      <c r="A79" s="5">
        <v>61</v>
      </c>
      <c r="B79" s="22">
        <v>50</v>
      </c>
      <c r="C79" s="14">
        <v>43</v>
      </c>
      <c r="D79" s="18">
        <v>93</v>
      </c>
    </row>
    <row r="80" spans="1:4" ht="18" customHeight="1" x14ac:dyDescent="0.15">
      <c r="A80" s="5">
        <v>62</v>
      </c>
      <c r="B80" s="22">
        <v>48</v>
      </c>
      <c r="C80" s="14">
        <v>60</v>
      </c>
      <c r="D80" s="18">
        <v>108</v>
      </c>
    </row>
    <row r="81" spans="1:4" ht="18" customHeight="1" x14ac:dyDescent="0.15">
      <c r="A81" s="5">
        <v>63</v>
      </c>
      <c r="B81" s="22">
        <v>40</v>
      </c>
      <c r="C81" s="14">
        <v>60</v>
      </c>
      <c r="D81" s="18">
        <v>100</v>
      </c>
    </row>
    <row r="82" spans="1:4" ht="18" customHeight="1" x14ac:dyDescent="0.15">
      <c r="A82" s="5">
        <v>64</v>
      </c>
      <c r="B82" s="22">
        <v>49</v>
      </c>
      <c r="C82" s="14">
        <v>41</v>
      </c>
      <c r="D82" s="18">
        <v>90</v>
      </c>
    </row>
    <row r="83" spans="1:4" ht="18" customHeight="1" x14ac:dyDescent="0.15">
      <c r="A83" s="5" t="s">
        <v>28</v>
      </c>
      <c r="B83" s="22">
        <v>240</v>
      </c>
      <c r="C83" s="14">
        <v>267</v>
      </c>
      <c r="D83" s="18">
        <v>507</v>
      </c>
    </row>
    <row r="84" spans="1:4" ht="18" customHeight="1" x14ac:dyDescent="0.15">
      <c r="A84" s="5" t="s">
        <v>31</v>
      </c>
      <c r="B84" s="22">
        <v>2319</v>
      </c>
      <c r="C84" s="14">
        <v>2137</v>
      </c>
      <c r="D84" s="18">
        <v>4456</v>
      </c>
    </row>
    <row r="85" spans="1:4" ht="18" customHeight="1" x14ac:dyDescent="0.15">
      <c r="A85" s="5">
        <v>65</v>
      </c>
      <c r="B85" s="22">
        <v>48</v>
      </c>
      <c r="C85" s="14">
        <v>51</v>
      </c>
      <c r="D85" s="18">
        <v>99</v>
      </c>
    </row>
    <row r="86" spans="1:4" ht="18" customHeight="1" x14ac:dyDescent="0.15">
      <c r="A86" s="5">
        <v>66</v>
      </c>
      <c r="B86" s="22">
        <v>64</v>
      </c>
      <c r="C86" s="14">
        <v>48</v>
      </c>
      <c r="D86" s="18">
        <v>112</v>
      </c>
    </row>
    <row r="87" spans="1:4" ht="18" customHeight="1" x14ac:dyDescent="0.15">
      <c r="A87" s="5">
        <v>67</v>
      </c>
      <c r="B87" s="22">
        <v>42</v>
      </c>
      <c r="C87" s="14">
        <v>46</v>
      </c>
      <c r="D87" s="18">
        <v>88</v>
      </c>
    </row>
    <row r="88" spans="1:4" ht="18" customHeight="1" x14ac:dyDescent="0.15">
      <c r="A88" s="5">
        <v>68</v>
      </c>
      <c r="B88" s="22">
        <v>55</v>
      </c>
      <c r="C88" s="14">
        <v>38</v>
      </c>
      <c r="D88" s="18">
        <v>93</v>
      </c>
    </row>
    <row r="89" spans="1:4" ht="18" customHeight="1" x14ac:dyDescent="0.15">
      <c r="A89" s="5">
        <v>69</v>
      </c>
      <c r="B89" s="22">
        <v>40</v>
      </c>
      <c r="C89" s="14">
        <v>49</v>
      </c>
      <c r="D89" s="18">
        <v>89</v>
      </c>
    </row>
    <row r="90" spans="1:4" ht="18" customHeight="1" x14ac:dyDescent="0.15">
      <c r="A90" s="5" t="s">
        <v>20</v>
      </c>
      <c r="B90" s="22">
        <v>249</v>
      </c>
      <c r="C90" s="14">
        <v>232</v>
      </c>
      <c r="D90" s="18">
        <v>481</v>
      </c>
    </row>
    <row r="91" spans="1:4" ht="18" customHeight="1" x14ac:dyDescent="0.15">
      <c r="A91" s="5">
        <v>70</v>
      </c>
      <c r="B91" s="22">
        <v>42</v>
      </c>
      <c r="C91" s="14">
        <v>53</v>
      </c>
      <c r="D91" s="18">
        <v>95</v>
      </c>
    </row>
    <row r="92" spans="1:4" ht="18" customHeight="1" x14ac:dyDescent="0.15">
      <c r="A92" s="5">
        <v>71</v>
      </c>
      <c r="B92" s="22">
        <v>43</v>
      </c>
      <c r="C92" s="14">
        <v>51</v>
      </c>
      <c r="D92" s="18">
        <v>94</v>
      </c>
    </row>
    <row r="93" spans="1:4" ht="18" customHeight="1" x14ac:dyDescent="0.15">
      <c r="A93" s="5">
        <v>72</v>
      </c>
      <c r="B93" s="22">
        <v>50</v>
      </c>
      <c r="C93" s="14">
        <v>49</v>
      </c>
      <c r="D93" s="18">
        <v>99</v>
      </c>
    </row>
    <row r="94" spans="1:4" ht="18" customHeight="1" x14ac:dyDescent="0.15">
      <c r="A94" s="5">
        <v>73</v>
      </c>
      <c r="B94" s="22">
        <v>39</v>
      </c>
      <c r="C94" s="14">
        <v>53</v>
      </c>
      <c r="D94" s="18">
        <v>92</v>
      </c>
    </row>
    <row r="95" spans="1:4" ht="18" customHeight="1" x14ac:dyDescent="0.15">
      <c r="A95" s="5">
        <v>74</v>
      </c>
      <c r="B95" s="22">
        <v>35</v>
      </c>
      <c r="C95" s="14">
        <v>61</v>
      </c>
      <c r="D95" s="18">
        <v>96</v>
      </c>
    </row>
    <row r="96" spans="1:4" ht="18" customHeight="1" x14ac:dyDescent="0.15">
      <c r="A96" s="5" t="s">
        <v>33</v>
      </c>
      <c r="B96" s="22">
        <v>209</v>
      </c>
      <c r="C96" s="14">
        <v>267</v>
      </c>
      <c r="D96" s="18">
        <v>476</v>
      </c>
    </row>
    <row r="97" spans="1:4" ht="18" customHeight="1" x14ac:dyDescent="0.15">
      <c r="A97" s="5">
        <v>75</v>
      </c>
      <c r="B97" s="22">
        <v>55</v>
      </c>
      <c r="C97" s="14">
        <v>63</v>
      </c>
      <c r="D97" s="18">
        <v>118</v>
      </c>
    </row>
    <row r="98" spans="1:4" ht="18" customHeight="1" x14ac:dyDescent="0.15">
      <c r="A98" s="5">
        <v>76</v>
      </c>
      <c r="B98" s="22">
        <v>57</v>
      </c>
      <c r="C98" s="14">
        <v>81</v>
      </c>
      <c r="D98" s="18">
        <v>138</v>
      </c>
    </row>
    <row r="99" spans="1:4" ht="18" customHeight="1" x14ac:dyDescent="0.15">
      <c r="A99" s="5">
        <v>77</v>
      </c>
      <c r="B99" s="22">
        <v>44</v>
      </c>
      <c r="C99" s="14">
        <v>78</v>
      </c>
      <c r="D99" s="18">
        <v>122</v>
      </c>
    </row>
    <row r="100" spans="1:4" ht="18" customHeight="1" x14ac:dyDescent="0.15">
      <c r="A100" s="5">
        <v>78</v>
      </c>
      <c r="B100" s="22">
        <v>76</v>
      </c>
      <c r="C100" s="14">
        <v>81</v>
      </c>
      <c r="D100" s="18">
        <v>157</v>
      </c>
    </row>
    <row r="101" spans="1:4" ht="18" customHeight="1" x14ac:dyDescent="0.15">
      <c r="A101" s="5">
        <v>79</v>
      </c>
      <c r="B101" s="22">
        <v>46</v>
      </c>
      <c r="C101" s="14">
        <v>62</v>
      </c>
      <c r="D101" s="18">
        <v>108</v>
      </c>
    </row>
    <row r="102" spans="1:4" ht="18" customHeight="1" x14ac:dyDescent="0.15">
      <c r="A102" s="5" t="s">
        <v>0</v>
      </c>
      <c r="B102" s="22">
        <v>278</v>
      </c>
      <c r="C102" s="14">
        <v>365</v>
      </c>
      <c r="D102" s="18">
        <v>643</v>
      </c>
    </row>
    <row r="103" spans="1:4" ht="18" customHeight="1" x14ac:dyDescent="0.15">
      <c r="A103" s="5">
        <v>80</v>
      </c>
      <c r="B103" s="22">
        <v>43</v>
      </c>
      <c r="C103" s="14">
        <v>41</v>
      </c>
      <c r="D103" s="18">
        <v>84</v>
      </c>
    </row>
    <row r="104" spans="1:4" ht="18" customHeight="1" x14ac:dyDescent="0.15">
      <c r="A104" s="5">
        <v>81</v>
      </c>
      <c r="B104" s="22">
        <v>44</v>
      </c>
      <c r="C104" s="14">
        <v>49</v>
      </c>
      <c r="D104" s="18">
        <v>93</v>
      </c>
    </row>
    <row r="105" spans="1:4" ht="18" customHeight="1" x14ac:dyDescent="0.15">
      <c r="A105" s="5">
        <v>82</v>
      </c>
      <c r="B105" s="22">
        <v>31</v>
      </c>
      <c r="C105" s="14">
        <v>64</v>
      </c>
      <c r="D105" s="18">
        <v>95</v>
      </c>
    </row>
    <row r="106" spans="1:4" ht="18" customHeight="1" x14ac:dyDescent="0.15">
      <c r="A106" s="5">
        <v>83</v>
      </c>
      <c r="B106" s="22">
        <v>32</v>
      </c>
      <c r="C106" s="14">
        <v>56</v>
      </c>
      <c r="D106" s="18">
        <v>88</v>
      </c>
    </row>
    <row r="107" spans="1:4" ht="18" customHeight="1" x14ac:dyDescent="0.15">
      <c r="A107" s="5">
        <v>84</v>
      </c>
      <c r="B107" s="22">
        <v>38</v>
      </c>
      <c r="C107" s="14">
        <v>58</v>
      </c>
      <c r="D107" s="18">
        <v>96</v>
      </c>
    </row>
    <row r="108" spans="1:4" ht="18" customHeight="1" x14ac:dyDescent="0.15">
      <c r="A108" s="5" t="s">
        <v>35</v>
      </c>
      <c r="B108" s="22">
        <v>188</v>
      </c>
      <c r="C108" s="14">
        <v>268</v>
      </c>
      <c r="D108" s="18">
        <v>456</v>
      </c>
    </row>
    <row r="109" spans="1:4" ht="18" customHeight="1" x14ac:dyDescent="0.15">
      <c r="A109" s="5">
        <v>85</v>
      </c>
      <c r="B109" s="22">
        <v>28</v>
      </c>
      <c r="C109" s="14">
        <v>45</v>
      </c>
      <c r="D109" s="18">
        <v>73</v>
      </c>
    </row>
    <row r="110" spans="1:4" ht="18" customHeight="1" x14ac:dyDescent="0.15">
      <c r="A110" s="5">
        <v>86</v>
      </c>
      <c r="B110" s="22">
        <v>26</v>
      </c>
      <c r="C110" s="14">
        <v>28</v>
      </c>
      <c r="D110" s="18">
        <v>54</v>
      </c>
    </row>
    <row r="111" spans="1:4" ht="18" customHeight="1" x14ac:dyDescent="0.15">
      <c r="A111" s="5">
        <v>87</v>
      </c>
      <c r="B111" s="22">
        <v>21</v>
      </c>
      <c r="C111" s="14">
        <v>30</v>
      </c>
      <c r="D111" s="18">
        <v>51</v>
      </c>
    </row>
    <row r="112" spans="1:4" ht="18" customHeight="1" x14ac:dyDescent="0.15">
      <c r="A112" s="5">
        <v>88</v>
      </c>
      <c r="B112" s="22">
        <v>19</v>
      </c>
      <c r="C112" s="14">
        <v>40</v>
      </c>
      <c r="D112" s="18">
        <v>59</v>
      </c>
    </row>
    <row r="113" spans="1:4" ht="18" customHeight="1" x14ac:dyDescent="0.15">
      <c r="A113" s="5">
        <v>89</v>
      </c>
      <c r="B113" s="22">
        <v>11</v>
      </c>
      <c r="C113" s="14">
        <v>28</v>
      </c>
      <c r="D113" s="18">
        <v>39</v>
      </c>
    </row>
    <row r="114" spans="1:4" ht="18" customHeight="1" x14ac:dyDescent="0.15">
      <c r="A114" s="5" t="s">
        <v>37</v>
      </c>
      <c r="B114" s="22">
        <v>105</v>
      </c>
      <c r="C114" s="14">
        <v>171</v>
      </c>
      <c r="D114" s="18">
        <v>276</v>
      </c>
    </row>
    <row r="115" spans="1:4" ht="18" customHeight="1" x14ac:dyDescent="0.15">
      <c r="A115" s="5">
        <v>90</v>
      </c>
      <c r="B115" s="22">
        <v>17</v>
      </c>
      <c r="C115" s="14">
        <v>26</v>
      </c>
      <c r="D115" s="18">
        <v>43</v>
      </c>
    </row>
    <row r="116" spans="1:4" ht="18" customHeight="1" x14ac:dyDescent="0.15">
      <c r="A116" s="5">
        <v>91</v>
      </c>
      <c r="B116" s="22">
        <v>8</v>
      </c>
      <c r="C116" s="14">
        <v>37</v>
      </c>
      <c r="D116" s="18">
        <v>45</v>
      </c>
    </row>
    <row r="117" spans="1:4" ht="18" customHeight="1" x14ac:dyDescent="0.15">
      <c r="A117" s="5">
        <v>92</v>
      </c>
      <c r="B117" s="22">
        <v>7</v>
      </c>
      <c r="C117" s="14">
        <v>35</v>
      </c>
      <c r="D117" s="18">
        <v>42</v>
      </c>
    </row>
    <row r="118" spans="1:4" ht="18" customHeight="1" x14ac:dyDescent="0.15">
      <c r="A118" s="5">
        <v>93</v>
      </c>
      <c r="B118" s="22">
        <v>8</v>
      </c>
      <c r="C118" s="14">
        <v>21</v>
      </c>
      <c r="D118" s="18">
        <v>29</v>
      </c>
    </row>
    <row r="119" spans="1:4" ht="18" customHeight="1" x14ac:dyDescent="0.15">
      <c r="A119" s="5">
        <v>94</v>
      </c>
      <c r="B119" s="22">
        <v>5</v>
      </c>
      <c r="C119" s="14">
        <v>19</v>
      </c>
      <c r="D119" s="18">
        <v>24</v>
      </c>
    </row>
    <row r="120" spans="1:4" ht="18" customHeight="1" x14ac:dyDescent="0.15">
      <c r="A120" s="5" t="s">
        <v>39</v>
      </c>
      <c r="B120" s="22">
        <v>45</v>
      </c>
      <c r="C120" s="14">
        <v>138</v>
      </c>
      <c r="D120" s="18">
        <v>183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7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9</v>
      </c>
      <c r="C126" s="14">
        <v>35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1083</v>
      </c>
      <c r="C130" s="14">
        <v>1485</v>
      </c>
      <c r="D130" s="18">
        <v>2568</v>
      </c>
    </row>
    <row r="131" spans="1:4" ht="18" customHeight="1" x14ac:dyDescent="0.15">
      <c r="A131" s="7" t="s">
        <v>45</v>
      </c>
      <c r="B131" s="23">
        <v>3778</v>
      </c>
      <c r="C131" s="15">
        <v>4011</v>
      </c>
      <c r="D131" s="19">
        <v>77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8</v>
      </c>
      <c r="C5" s="13">
        <v>32</v>
      </c>
      <c r="D5" s="17">
        <v>60</v>
      </c>
    </row>
    <row r="6" spans="1:4" ht="18" customHeight="1" x14ac:dyDescent="0.15">
      <c r="A6" s="5">
        <v>1</v>
      </c>
      <c r="B6" s="22">
        <v>25</v>
      </c>
      <c r="C6" s="14">
        <v>20</v>
      </c>
      <c r="D6" s="18">
        <v>45</v>
      </c>
    </row>
    <row r="7" spans="1:4" ht="18" customHeight="1" x14ac:dyDescent="0.15">
      <c r="A7" s="5">
        <v>2</v>
      </c>
      <c r="B7" s="22">
        <v>38</v>
      </c>
      <c r="C7" s="14">
        <v>40</v>
      </c>
      <c r="D7" s="18">
        <v>78</v>
      </c>
    </row>
    <row r="8" spans="1:4" ht="18" customHeight="1" x14ac:dyDescent="0.15">
      <c r="A8" s="5">
        <v>3</v>
      </c>
      <c r="B8" s="22">
        <v>33</v>
      </c>
      <c r="C8" s="14">
        <v>32</v>
      </c>
      <c r="D8" s="18">
        <v>65</v>
      </c>
    </row>
    <row r="9" spans="1:4" ht="18" customHeight="1" x14ac:dyDescent="0.15">
      <c r="A9" s="5">
        <v>4</v>
      </c>
      <c r="B9" s="22">
        <v>29</v>
      </c>
      <c r="C9" s="14">
        <v>39</v>
      </c>
      <c r="D9" s="18">
        <v>68</v>
      </c>
    </row>
    <row r="10" spans="1:4" ht="18" customHeight="1" x14ac:dyDescent="0.15">
      <c r="A10" s="5" t="s">
        <v>7</v>
      </c>
      <c r="B10" s="22">
        <v>153</v>
      </c>
      <c r="C10" s="14">
        <v>163</v>
      </c>
      <c r="D10" s="18">
        <v>316</v>
      </c>
    </row>
    <row r="11" spans="1:4" ht="18" customHeight="1" x14ac:dyDescent="0.15">
      <c r="A11" s="5">
        <v>5</v>
      </c>
      <c r="B11" s="22">
        <v>39</v>
      </c>
      <c r="C11" s="14">
        <v>41</v>
      </c>
      <c r="D11" s="18">
        <v>80</v>
      </c>
    </row>
    <row r="12" spans="1:4" ht="18" customHeight="1" x14ac:dyDescent="0.15">
      <c r="A12" s="5">
        <v>6</v>
      </c>
      <c r="B12" s="22">
        <v>40</v>
      </c>
      <c r="C12" s="14">
        <v>36</v>
      </c>
      <c r="D12" s="18">
        <v>76</v>
      </c>
    </row>
    <row r="13" spans="1:4" ht="18" customHeight="1" x14ac:dyDescent="0.15">
      <c r="A13" s="5">
        <v>7</v>
      </c>
      <c r="B13" s="22">
        <v>48</v>
      </c>
      <c r="C13" s="14">
        <v>33</v>
      </c>
      <c r="D13" s="18">
        <v>81</v>
      </c>
    </row>
    <row r="14" spans="1:4" ht="18" customHeight="1" x14ac:dyDescent="0.15">
      <c r="A14" s="5">
        <v>8</v>
      </c>
      <c r="B14" s="22">
        <v>31</v>
      </c>
      <c r="C14" s="14">
        <v>32</v>
      </c>
      <c r="D14" s="18">
        <v>63</v>
      </c>
    </row>
    <row r="15" spans="1:4" ht="18" customHeight="1" x14ac:dyDescent="0.15">
      <c r="A15" s="5">
        <v>9</v>
      </c>
      <c r="B15" s="22">
        <v>39</v>
      </c>
      <c r="C15" s="14">
        <v>41</v>
      </c>
      <c r="D15" s="18">
        <v>80</v>
      </c>
    </row>
    <row r="16" spans="1:4" ht="18" customHeight="1" x14ac:dyDescent="0.15">
      <c r="A16" s="5" t="s">
        <v>11</v>
      </c>
      <c r="B16" s="22">
        <v>197</v>
      </c>
      <c r="C16" s="14">
        <v>183</v>
      </c>
      <c r="D16" s="18">
        <v>380</v>
      </c>
    </row>
    <row r="17" spans="1:4" ht="18" customHeight="1" x14ac:dyDescent="0.15">
      <c r="A17" s="5">
        <v>10</v>
      </c>
      <c r="B17" s="22">
        <v>37</v>
      </c>
      <c r="C17" s="14">
        <v>37</v>
      </c>
      <c r="D17" s="18">
        <v>74</v>
      </c>
    </row>
    <row r="18" spans="1:4" ht="18" customHeight="1" x14ac:dyDescent="0.15">
      <c r="A18" s="5">
        <v>11</v>
      </c>
      <c r="B18" s="22">
        <v>43</v>
      </c>
      <c r="C18" s="14">
        <v>39</v>
      </c>
      <c r="D18" s="18">
        <v>82</v>
      </c>
    </row>
    <row r="19" spans="1:4" ht="18" customHeight="1" x14ac:dyDescent="0.15">
      <c r="A19" s="5">
        <v>12</v>
      </c>
      <c r="B19" s="22">
        <v>42</v>
      </c>
      <c r="C19" s="14">
        <v>34</v>
      </c>
      <c r="D19" s="18">
        <v>76</v>
      </c>
    </row>
    <row r="20" spans="1:4" ht="18" customHeight="1" x14ac:dyDescent="0.15">
      <c r="A20" s="5">
        <v>13</v>
      </c>
      <c r="B20" s="22">
        <v>35</v>
      </c>
      <c r="C20" s="14">
        <v>33</v>
      </c>
      <c r="D20" s="18">
        <v>68</v>
      </c>
    </row>
    <row r="21" spans="1:4" ht="18" customHeight="1" x14ac:dyDescent="0.15">
      <c r="A21" s="5">
        <v>14</v>
      </c>
      <c r="B21" s="22">
        <v>40</v>
      </c>
      <c r="C21" s="14">
        <v>42</v>
      </c>
      <c r="D21" s="18">
        <v>82</v>
      </c>
    </row>
    <row r="22" spans="1:4" ht="18" customHeight="1" x14ac:dyDescent="0.15">
      <c r="A22" s="5" t="s">
        <v>12</v>
      </c>
      <c r="B22" s="22">
        <v>197</v>
      </c>
      <c r="C22" s="14">
        <v>185</v>
      </c>
      <c r="D22" s="18">
        <v>382</v>
      </c>
    </row>
    <row r="23" spans="1:4" ht="18" customHeight="1" x14ac:dyDescent="0.15">
      <c r="A23" s="5" t="s">
        <v>6</v>
      </c>
      <c r="B23" s="22">
        <v>547</v>
      </c>
      <c r="C23" s="14">
        <v>531</v>
      </c>
      <c r="D23" s="18">
        <v>1078</v>
      </c>
    </row>
    <row r="24" spans="1:4" ht="18" customHeight="1" x14ac:dyDescent="0.15">
      <c r="A24" s="5">
        <v>15</v>
      </c>
      <c r="B24" s="22">
        <v>47</v>
      </c>
      <c r="C24" s="14">
        <v>32</v>
      </c>
      <c r="D24" s="18">
        <v>79</v>
      </c>
    </row>
    <row r="25" spans="1:4" ht="18" customHeight="1" x14ac:dyDescent="0.15">
      <c r="A25" s="5">
        <v>16</v>
      </c>
      <c r="B25" s="22">
        <v>37</v>
      </c>
      <c r="C25" s="14">
        <v>47</v>
      </c>
      <c r="D25" s="18">
        <v>84</v>
      </c>
    </row>
    <row r="26" spans="1:4" ht="18" customHeight="1" x14ac:dyDescent="0.15">
      <c r="A26" s="5">
        <v>17</v>
      </c>
      <c r="B26" s="22">
        <v>59</v>
      </c>
      <c r="C26" s="14">
        <v>44</v>
      </c>
      <c r="D26" s="18">
        <v>103</v>
      </c>
    </row>
    <row r="27" spans="1:4" ht="18" customHeight="1" x14ac:dyDescent="0.15">
      <c r="A27" s="5">
        <v>18</v>
      </c>
      <c r="B27" s="22">
        <v>47</v>
      </c>
      <c r="C27" s="14">
        <v>39</v>
      </c>
      <c r="D27" s="18">
        <v>86</v>
      </c>
    </row>
    <row r="28" spans="1:4" ht="18" customHeight="1" x14ac:dyDescent="0.15">
      <c r="A28" s="5">
        <v>19</v>
      </c>
      <c r="B28" s="22">
        <v>33</v>
      </c>
      <c r="C28" s="14">
        <v>40</v>
      </c>
      <c r="D28" s="18">
        <v>73</v>
      </c>
    </row>
    <row r="29" spans="1:4" ht="18" customHeight="1" x14ac:dyDescent="0.15">
      <c r="A29" s="5" t="s">
        <v>14</v>
      </c>
      <c r="B29" s="22">
        <v>223</v>
      </c>
      <c r="C29" s="14">
        <v>202</v>
      </c>
      <c r="D29" s="18">
        <v>425</v>
      </c>
    </row>
    <row r="30" spans="1:4" ht="18" customHeight="1" x14ac:dyDescent="0.15">
      <c r="A30" s="5">
        <v>20</v>
      </c>
      <c r="B30" s="22">
        <v>55</v>
      </c>
      <c r="C30" s="14">
        <v>30</v>
      </c>
      <c r="D30" s="18">
        <v>85</v>
      </c>
    </row>
    <row r="31" spans="1:4" ht="18" customHeight="1" x14ac:dyDescent="0.15">
      <c r="A31" s="5">
        <v>21</v>
      </c>
      <c r="B31" s="22">
        <v>63</v>
      </c>
      <c r="C31" s="14">
        <v>54</v>
      </c>
      <c r="D31" s="18">
        <v>117</v>
      </c>
    </row>
    <row r="32" spans="1:4" ht="18" customHeight="1" x14ac:dyDescent="0.15">
      <c r="A32" s="5">
        <v>22</v>
      </c>
      <c r="B32" s="22">
        <v>42</v>
      </c>
      <c r="C32" s="14">
        <v>47</v>
      </c>
      <c r="D32" s="18">
        <v>89</v>
      </c>
    </row>
    <row r="33" spans="1:4" ht="18" customHeight="1" x14ac:dyDescent="0.15">
      <c r="A33" s="5">
        <v>23</v>
      </c>
      <c r="B33" s="22">
        <v>74</v>
      </c>
      <c r="C33" s="14">
        <v>55</v>
      </c>
      <c r="D33" s="18">
        <v>129</v>
      </c>
    </row>
    <row r="34" spans="1:4" ht="18" customHeight="1" x14ac:dyDescent="0.15">
      <c r="A34" s="5">
        <v>24</v>
      </c>
      <c r="B34" s="22">
        <v>67</v>
      </c>
      <c r="C34" s="14">
        <v>54</v>
      </c>
      <c r="D34" s="18">
        <v>121</v>
      </c>
    </row>
    <row r="35" spans="1:4" ht="18" customHeight="1" x14ac:dyDescent="0.15">
      <c r="A35" s="5" t="s">
        <v>9</v>
      </c>
      <c r="B35" s="22">
        <v>301</v>
      </c>
      <c r="C35" s="14">
        <v>240</v>
      </c>
      <c r="D35" s="18">
        <v>541</v>
      </c>
    </row>
    <row r="36" spans="1:4" ht="18" customHeight="1" x14ac:dyDescent="0.15">
      <c r="A36" s="5">
        <v>25</v>
      </c>
      <c r="B36" s="22">
        <v>64</v>
      </c>
      <c r="C36" s="14">
        <v>56</v>
      </c>
      <c r="D36" s="18">
        <v>120</v>
      </c>
    </row>
    <row r="37" spans="1:4" ht="18" customHeight="1" x14ac:dyDescent="0.15">
      <c r="A37" s="5">
        <v>26</v>
      </c>
      <c r="B37" s="22">
        <v>65</v>
      </c>
      <c r="C37" s="14">
        <v>54</v>
      </c>
      <c r="D37" s="18">
        <v>119</v>
      </c>
    </row>
    <row r="38" spans="1:4" ht="18" customHeight="1" x14ac:dyDescent="0.15">
      <c r="A38" s="5">
        <v>27</v>
      </c>
      <c r="B38" s="22">
        <v>65</v>
      </c>
      <c r="C38" s="14">
        <v>47</v>
      </c>
      <c r="D38" s="18">
        <v>112</v>
      </c>
    </row>
    <row r="39" spans="1:4" ht="18" customHeight="1" x14ac:dyDescent="0.15">
      <c r="A39" s="5">
        <v>28</v>
      </c>
      <c r="B39" s="22">
        <v>58</v>
      </c>
      <c r="C39" s="14">
        <v>30</v>
      </c>
      <c r="D39" s="18">
        <v>88</v>
      </c>
    </row>
    <row r="40" spans="1:4" ht="18" customHeight="1" x14ac:dyDescent="0.15">
      <c r="A40" s="5">
        <v>29</v>
      </c>
      <c r="B40" s="22">
        <v>60</v>
      </c>
      <c r="C40" s="14">
        <v>55</v>
      </c>
      <c r="D40" s="18">
        <v>115</v>
      </c>
    </row>
    <row r="41" spans="1:4" ht="18" customHeight="1" x14ac:dyDescent="0.15">
      <c r="A41" s="5" t="s">
        <v>2</v>
      </c>
      <c r="B41" s="22">
        <v>312</v>
      </c>
      <c r="C41" s="14">
        <v>242</v>
      </c>
      <c r="D41" s="18">
        <v>554</v>
      </c>
    </row>
    <row r="42" spans="1:4" ht="18" customHeight="1" x14ac:dyDescent="0.15">
      <c r="A42" s="5">
        <v>30</v>
      </c>
      <c r="B42" s="22">
        <v>64</v>
      </c>
      <c r="C42" s="14">
        <v>48</v>
      </c>
      <c r="D42" s="18">
        <v>112</v>
      </c>
    </row>
    <row r="43" spans="1:4" ht="18" customHeight="1" x14ac:dyDescent="0.15">
      <c r="A43" s="5">
        <v>31</v>
      </c>
      <c r="B43" s="22">
        <v>71</v>
      </c>
      <c r="C43" s="14">
        <v>54</v>
      </c>
      <c r="D43" s="18">
        <v>125</v>
      </c>
    </row>
    <row r="44" spans="1:4" ht="18" customHeight="1" x14ac:dyDescent="0.15">
      <c r="A44" s="5">
        <v>32</v>
      </c>
      <c r="B44" s="22">
        <v>59</v>
      </c>
      <c r="C44" s="14">
        <v>50</v>
      </c>
      <c r="D44" s="18">
        <v>109</v>
      </c>
    </row>
    <row r="45" spans="1:4" ht="18" customHeight="1" x14ac:dyDescent="0.15">
      <c r="A45" s="5">
        <v>33</v>
      </c>
      <c r="B45" s="22">
        <v>46</v>
      </c>
      <c r="C45" s="14">
        <v>44</v>
      </c>
      <c r="D45" s="18">
        <v>90</v>
      </c>
    </row>
    <row r="46" spans="1:4" ht="18" customHeight="1" x14ac:dyDescent="0.15">
      <c r="A46" s="5">
        <v>34</v>
      </c>
      <c r="B46" s="22">
        <v>40</v>
      </c>
      <c r="C46" s="14">
        <v>48</v>
      </c>
      <c r="D46" s="18">
        <v>88</v>
      </c>
    </row>
    <row r="47" spans="1:4" ht="18" customHeight="1" x14ac:dyDescent="0.15">
      <c r="A47" s="5" t="s">
        <v>15</v>
      </c>
      <c r="B47" s="22">
        <v>280</v>
      </c>
      <c r="C47" s="14">
        <v>244</v>
      </c>
      <c r="D47" s="18">
        <v>524</v>
      </c>
    </row>
    <row r="48" spans="1:4" ht="18" customHeight="1" x14ac:dyDescent="0.15">
      <c r="A48" s="5">
        <v>35</v>
      </c>
      <c r="B48" s="22">
        <v>51</v>
      </c>
      <c r="C48" s="14">
        <v>47</v>
      </c>
      <c r="D48" s="18">
        <v>98</v>
      </c>
    </row>
    <row r="49" spans="1:4" ht="18" customHeight="1" x14ac:dyDescent="0.15">
      <c r="A49" s="5">
        <v>36</v>
      </c>
      <c r="B49" s="22">
        <v>83</v>
      </c>
      <c r="C49" s="14">
        <v>41</v>
      </c>
      <c r="D49" s="18">
        <v>124</v>
      </c>
    </row>
    <row r="50" spans="1:4" ht="18" customHeight="1" x14ac:dyDescent="0.15">
      <c r="A50" s="5">
        <v>37</v>
      </c>
      <c r="B50" s="22">
        <v>53</v>
      </c>
      <c r="C50" s="14">
        <v>60</v>
      </c>
      <c r="D50" s="18">
        <v>113</v>
      </c>
    </row>
    <row r="51" spans="1:4" ht="18" customHeight="1" x14ac:dyDescent="0.15">
      <c r="A51" s="5">
        <v>38</v>
      </c>
      <c r="B51" s="22">
        <v>52</v>
      </c>
      <c r="C51" s="14">
        <v>53</v>
      </c>
      <c r="D51" s="18">
        <v>105</v>
      </c>
    </row>
    <row r="52" spans="1:4" ht="18" customHeight="1" x14ac:dyDescent="0.15">
      <c r="A52" s="5">
        <v>39</v>
      </c>
      <c r="B52" s="22">
        <v>55</v>
      </c>
      <c r="C52" s="14">
        <v>50</v>
      </c>
      <c r="D52" s="18">
        <v>105</v>
      </c>
    </row>
    <row r="53" spans="1:4" ht="18" customHeight="1" x14ac:dyDescent="0.15">
      <c r="A53" s="5" t="s">
        <v>18</v>
      </c>
      <c r="B53" s="22">
        <v>294</v>
      </c>
      <c r="C53" s="14">
        <v>251</v>
      </c>
      <c r="D53" s="18">
        <v>545</v>
      </c>
    </row>
    <row r="54" spans="1:4" ht="18" customHeight="1" x14ac:dyDescent="0.15">
      <c r="A54" s="5">
        <v>40</v>
      </c>
      <c r="B54" s="22">
        <v>65</v>
      </c>
      <c r="C54" s="14">
        <v>53</v>
      </c>
      <c r="D54" s="18">
        <v>118</v>
      </c>
    </row>
    <row r="55" spans="1:4" ht="18" customHeight="1" x14ac:dyDescent="0.15">
      <c r="A55" s="5">
        <v>41</v>
      </c>
      <c r="B55" s="22">
        <v>55</v>
      </c>
      <c r="C55" s="14">
        <v>55</v>
      </c>
      <c r="D55" s="18">
        <v>110</v>
      </c>
    </row>
    <row r="56" spans="1:4" ht="18" customHeight="1" x14ac:dyDescent="0.15">
      <c r="A56" s="5">
        <v>42</v>
      </c>
      <c r="B56" s="22">
        <v>54</v>
      </c>
      <c r="C56" s="14">
        <v>59</v>
      </c>
      <c r="D56" s="18">
        <v>113</v>
      </c>
    </row>
    <row r="57" spans="1:4" ht="18" customHeight="1" x14ac:dyDescent="0.15">
      <c r="A57" s="5">
        <v>43</v>
      </c>
      <c r="B57" s="22">
        <v>71</v>
      </c>
      <c r="C57" s="14">
        <v>51</v>
      </c>
      <c r="D57" s="18">
        <v>122</v>
      </c>
    </row>
    <row r="58" spans="1:4" ht="18" customHeight="1" x14ac:dyDescent="0.15">
      <c r="A58" s="5">
        <v>44</v>
      </c>
      <c r="B58" s="22">
        <v>63</v>
      </c>
      <c r="C58" s="14">
        <v>52</v>
      </c>
      <c r="D58" s="18">
        <v>115</v>
      </c>
    </row>
    <row r="59" spans="1:4" ht="18" customHeight="1" x14ac:dyDescent="0.15">
      <c r="A59" s="5" t="s">
        <v>21</v>
      </c>
      <c r="B59" s="22">
        <v>308</v>
      </c>
      <c r="C59" s="14">
        <v>270</v>
      </c>
      <c r="D59" s="18">
        <v>578</v>
      </c>
    </row>
    <row r="60" spans="1:4" ht="18" customHeight="1" x14ac:dyDescent="0.15">
      <c r="A60" s="5">
        <v>45</v>
      </c>
      <c r="B60" s="22">
        <v>63</v>
      </c>
      <c r="C60" s="14">
        <v>55</v>
      </c>
      <c r="D60" s="18">
        <v>118</v>
      </c>
    </row>
    <row r="61" spans="1:4" ht="18" customHeight="1" x14ac:dyDescent="0.15">
      <c r="A61" s="5">
        <v>46</v>
      </c>
      <c r="B61" s="22">
        <v>64</v>
      </c>
      <c r="C61" s="14">
        <v>65</v>
      </c>
      <c r="D61" s="18">
        <v>129</v>
      </c>
    </row>
    <row r="62" spans="1:4" ht="18" customHeight="1" x14ac:dyDescent="0.15">
      <c r="A62" s="5">
        <v>47</v>
      </c>
      <c r="B62" s="22">
        <v>84</v>
      </c>
      <c r="C62" s="14">
        <v>65</v>
      </c>
      <c r="D62" s="18">
        <v>149</v>
      </c>
    </row>
    <row r="63" spans="1:4" ht="18" customHeight="1" x14ac:dyDescent="0.15">
      <c r="A63" s="5">
        <v>48</v>
      </c>
      <c r="B63" s="22">
        <v>59</v>
      </c>
      <c r="C63" s="14">
        <v>70</v>
      </c>
      <c r="D63" s="18">
        <v>129</v>
      </c>
    </row>
    <row r="64" spans="1:4" ht="18" customHeight="1" x14ac:dyDescent="0.15">
      <c r="A64" s="5">
        <v>49</v>
      </c>
      <c r="B64" s="22">
        <v>74</v>
      </c>
      <c r="C64" s="14">
        <v>64</v>
      </c>
      <c r="D64" s="18">
        <v>138</v>
      </c>
    </row>
    <row r="65" spans="1:4" ht="18" customHeight="1" x14ac:dyDescent="0.15">
      <c r="A65" s="5" t="s">
        <v>17</v>
      </c>
      <c r="B65" s="22">
        <v>344</v>
      </c>
      <c r="C65" s="14">
        <v>319</v>
      </c>
      <c r="D65" s="18">
        <v>663</v>
      </c>
    </row>
    <row r="66" spans="1:4" ht="18" customHeight="1" x14ac:dyDescent="0.15">
      <c r="A66" s="5">
        <v>50</v>
      </c>
      <c r="B66" s="22">
        <v>82</v>
      </c>
      <c r="C66" s="14">
        <v>88</v>
      </c>
      <c r="D66" s="18">
        <v>170</v>
      </c>
    </row>
    <row r="67" spans="1:4" ht="18" customHeight="1" x14ac:dyDescent="0.15">
      <c r="A67" s="5">
        <v>51</v>
      </c>
      <c r="B67" s="22">
        <v>97</v>
      </c>
      <c r="C67" s="14">
        <v>79</v>
      </c>
      <c r="D67" s="18">
        <v>176</v>
      </c>
    </row>
    <row r="68" spans="1:4" ht="18" customHeight="1" x14ac:dyDescent="0.15">
      <c r="A68" s="5">
        <v>52</v>
      </c>
      <c r="B68" s="22">
        <v>96</v>
      </c>
      <c r="C68" s="14">
        <v>91</v>
      </c>
      <c r="D68" s="18">
        <v>187</v>
      </c>
    </row>
    <row r="69" spans="1:4" ht="18" customHeight="1" x14ac:dyDescent="0.15">
      <c r="A69" s="5">
        <v>53</v>
      </c>
      <c r="B69" s="22">
        <v>99</v>
      </c>
      <c r="C69" s="14">
        <v>97</v>
      </c>
      <c r="D69" s="18">
        <v>196</v>
      </c>
    </row>
    <row r="70" spans="1:4" ht="18" customHeight="1" x14ac:dyDescent="0.15">
      <c r="A70" s="5">
        <v>54</v>
      </c>
      <c r="B70" s="22">
        <v>88</v>
      </c>
      <c r="C70" s="14">
        <v>89</v>
      </c>
      <c r="D70" s="18">
        <v>177</v>
      </c>
    </row>
    <row r="71" spans="1:4" ht="18" customHeight="1" x14ac:dyDescent="0.15">
      <c r="A71" s="5" t="s">
        <v>22</v>
      </c>
      <c r="B71" s="22">
        <v>462</v>
      </c>
      <c r="C71" s="14">
        <v>444</v>
      </c>
      <c r="D71" s="18">
        <v>906</v>
      </c>
    </row>
    <row r="72" spans="1:4" ht="18" customHeight="1" x14ac:dyDescent="0.15">
      <c r="A72" s="5">
        <v>55</v>
      </c>
      <c r="B72" s="22">
        <v>78</v>
      </c>
      <c r="C72" s="14">
        <v>92</v>
      </c>
      <c r="D72" s="18">
        <v>170</v>
      </c>
    </row>
    <row r="73" spans="1:4" ht="18" customHeight="1" x14ac:dyDescent="0.15">
      <c r="A73" s="5">
        <v>56</v>
      </c>
      <c r="B73" s="22">
        <v>81</v>
      </c>
      <c r="C73" s="14">
        <v>85</v>
      </c>
      <c r="D73" s="18">
        <v>166</v>
      </c>
    </row>
    <row r="74" spans="1:4" ht="18" customHeight="1" x14ac:dyDescent="0.15">
      <c r="A74" s="5">
        <v>57</v>
      </c>
      <c r="B74" s="22">
        <v>75</v>
      </c>
      <c r="C74" s="14">
        <v>84</v>
      </c>
      <c r="D74" s="18">
        <v>159</v>
      </c>
    </row>
    <row r="75" spans="1:4" ht="18" customHeight="1" x14ac:dyDescent="0.15">
      <c r="A75" s="5">
        <v>58</v>
      </c>
      <c r="B75" s="22">
        <v>90</v>
      </c>
      <c r="C75" s="14">
        <v>76</v>
      </c>
      <c r="D75" s="18">
        <v>166</v>
      </c>
    </row>
    <row r="76" spans="1:4" ht="18" customHeight="1" x14ac:dyDescent="0.15">
      <c r="A76" s="5">
        <v>59</v>
      </c>
      <c r="B76" s="22">
        <v>67</v>
      </c>
      <c r="C76" s="14">
        <v>46</v>
      </c>
      <c r="D76" s="18">
        <v>113</v>
      </c>
    </row>
    <row r="77" spans="1:4" ht="18" customHeight="1" x14ac:dyDescent="0.15">
      <c r="A77" s="5" t="s">
        <v>27</v>
      </c>
      <c r="B77" s="22">
        <v>391</v>
      </c>
      <c r="C77" s="14">
        <v>383</v>
      </c>
      <c r="D77" s="18">
        <v>774</v>
      </c>
    </row>
    <row r="78" spans="1:4" ht="18" customHeight="1" x14ac:dyDescent="0.15">
      <c r="A78" s="5">
        <v>60</v>
      </c>
      <c r="B78" s="22">
        <v>55</v>
      </c>
      <c r="C78" s="14">
        <v>69</v>
      </c>
      <c r="D78" s="18">
        <v>124</v>
      </c>
    </row>
    <row r="79" spans="1:4" ht="18" customHeight="1" x14ac:dyDescent="0.15">
      <c r="A79" s="5">
        <v>61</v>
      </c>
      <c r="B79" s="22">
        <v>65</v>
      </c>
      <c r="C79" s="14">
        <v>77</v>
      </c>
      <c r="D79" s="18">
        <v>142</v>
      </c>
    </row>
    <row r="80" spans="1:4" ht="18" customHeight="1" x14ac:dyDescent="0.15">
      <c r="A80" s="5">
        <v>62</v>
      </c>
      <c r="B80" s="22">
        <v>70</v>
      </c>
      <c r="C80" s="14">
        <v>73</v>
      </c>
      <c r="D80" s="18">
        <v>143</v>
      </c>
    </row>
    <row r="81" spans="1:4" ht="18" customHeight="1" x14ac:dyDescent="0.15">
      <c r="A81" s="5">
        <v>63</v>
      </c>
      <c r="B81" s="22">
        <v>65</v>
      </c>
      <c r="C81" s="14">
        <v>63</v>
      </c>
      <c r="D81" s="18">
        <v>128</v>
      </c>
    </row>
    <row r="82" spans="1:4" ht="18" customHeight="1" x14ac:dyDescent="0.15">
      <c r="A82" s="5">
        <v>64</v>
      </c>
      <c r="B82" s="22">
        <v>54</v>
      </c>
      <c r="C82" s="14">
        <v>64</v>
      </c>
      <c r="D82" s="18">
        <v>118</v>
      </c>
    </row>
    <row r="83" spans="1:4" ht="18" customHeight="1" x14ac:dyDescent="0.15">
      <c r="A83" s="5" t="s">
        <v>28</v>
      </c>
      <c r="B83" s="22">
        <v>309</v>
      </c>
      <c r="C83" s="14">
        <v>346</v>
      </c>
      <c r="D83" s="18">
        <v>655</v>
      </c>
    </row>
    <row r="84" spans="1:4" ht="18" customHeight="1" x14ac:dyDescent="0.15">
      <c r="A84" s="5" t="s">
        <v>31</v>
      </c>
      <c r="B84" s="22">
        <v>3224</v>
      </c>
      <c r="C84" s="14">
        <v>2941</v>
      </c>
      <c r="D84" s="18">
        <v>6165</v>
      </c>
    </row>
    <row r="85" spans="1:4" ht="18" customHeight="1" x14ac:dyDescent="0.15">
      <c r="A85" s="5">
        <v>65</v>
      </c>
      <c r="B85" s="22">
        <v>53</v>
      </c>
      <c r="C85" s="14">
        <v>72</v>
      </c>
      <c r="D85" s="18">
        <v>125</v>
      </c>
    </row>
    <row r="86" spans="1:4" ht="18" customHeight="1" x14ac:dyDescent="0.15">
      <c r="A86" s="5">
        <v>66</v>
      </c>
      <c r="B86" s="22">
        <v>61</v>
      </c>
      <c r="C86" s="14">
        <v>65</v>
      </c>
      <c r="D86" s="18">
        <v>126</v>
      </c>
    </row>
    <row r="87" spans="1:4" ht="18" customHeight="1" x14ac:dyDescent="0.15">
      <c r="A87" s="5">
        <v>67</v>
      </c>
      <c r="B87" s="22">
        <v>54</v>
      </c>
      <c r="C87" s="14">
        <v>48</v>
      </c>
      <c r="D87" s="18">
        <v>102</v>
      </c>
    </row>
    <row r="88" spans="1:4" ht="18" customHeight="1" x14ac:dyDescent="0.15">
      <c r="A88" s="5">
        <v>68</v>
      </c>
      <c r="B88" s="22">
        <v>59</v>
      </c>
      <c r="C88" s="14">
        <v>67</v>
      </c>
      <c r="D88" s="18">
        <v>126</v>
      </c>
    </row>
    <row r="89" spans="1:4" ht="18" customHeight="1" x14ac:dyDescent="0.15">
      <c r="A89" s="5">
        <v>69</v>
      </c>
      <c r="B89" s="22">
        <v>51</v>
      </c>
      <c r="C89" s="14">
        <v>60</v>
      </c>
      <c r="D89" s="18">
        <v>111</v>
      </c>
    </row>
    <row r="90" spans="1:4" ht="18" customHeight="1" x14ac:dyDescent="0.15">
      <c r="A90" s="5" t="s">
        <v>20</v>
      </c>
      <c r="B90" s="22">
        <v>278</v>
      </c>
      <c r="C90" s="14">
        <v>312</v>
      </c>
      <c r="D90" s="18">
        <v>590</v>
      </c>
    </row>
    <row r="91" spans="1:4" ht="18" customHeight="1" x14ac:dyDescent="0.15">
      <c r="A91" s="5">
        <v>70</v>
      </c>
      <c r="B91" s="22">
        <v>59</v>
      </c>
      <c r="C91" s="14">
        <v>73</v>
      </c>
      <c r="D91" s="18">
        <v>132</v>
      </c>
    </row>
    <row r="92" spans="1:4" ht="18" customHeight="1" x14ac:dyDescent="0.15">
      <c r="A92" s="5">
        <v>71</v>
      </c>
      <c r="B92" s="22">
        <v>55</v>
      </c>
      <c r="C92" s="14">
        <v>59</v>
      </c>
      <c r="D92" s="18">
        <v>114</v>
      </c>
    </row>
    <row r="93" spans="1:4" ht="18" customHeight="1" x14ac:dyDescent="0.15">
      <c r="A93" s="5">
        <v>72</v>
      </c>
      <c r="B93" s="22">
        <v>54</v>
      </c>
      <c r="C93" s="14">
        <v>62</v>
      </c>
      <c r="D93" s="18">
        <v>116</v>
      </c>
    </row>
    <row r="94" spans="1:4" ht="18" customHeight="1" x14ac:dyDescent="0.15">
      <c r="A94" s="5">
        <v>73</v>
      </c>
      <c r="B94" s="22">
        <v>64</v>
      </c>
      <c r="C94" s="14">
        <v>67</v>
      </c>
      <c r="D94" s="18">
        <v>131</v>
      </c>
    </row>
    <row r="95" spans="1:4" ht="18" customHeight="1" x14ac:dyDescent="0.15">
      <c r="A95" s="5">
        <v>74</v>
      </c>
      <c r="B95" s="22">
        <v>62</v>
      </c>
      <c r="C95" s="14">
        <v>75</v>
      </c>
      <c r="D95" s="18">
        <v>137</v>
      </c>
    </row>
    <row r="96" spans="1:4" ht="18" customHeight="1" x14ac:dyDescent="0.15">
      <c r="A96" s="5" t="s">
        <v>33</v>
      </c>
      <c r="B96" s="22">
        <v>294</v>
      </c>
      <c r="C96" s="14">
        <v>336</v>
      </c>
      <c r="D96" s="18">
        <v>630</v>
      </c>
    </row>
    <row r="97" spans="1:4" ht="18" customHeight="1" x14ac:dyDescent="0.15">
      <c r="A97" s="5">
        <v>75</v>
      </c>
      <c r="B97" s="22">
        <v>58</v>
      </c>
      <c r="C97" s="14">
        <v>79</v>
      </c>
      <c r="D97" s="18">
        <v>137</v>
      </c>
    </row>
    <row r="98" spans="1:4" ht="18" customHeight="1" x14ac:dyDescent="0.15">
      <c r="A98" s="5">
        <v>76</v>
      </c>
      <c r="B98" s="22">
        <v>67</v>
      </c>
      <c r="C98" s="14">
        <v>80</v>
      </c>
      <c r="D98" s="18">
        <v>147</v>
      </c>
    </row>
    <row r="99" spans="1:4" ht="18" customHeight="1" x14ac:dyDescent="0.15">
      <c r="A99" s="5">
        <v>77</v>
      </c>
      <c r="B99" s="22">
        <v>62</v>
      </c>
      <c r="C99" s="14">
        <v>85</v>
      </c>
      <c r="D99" s="18">
        <v>147</v>
      </c>
    </row>
    <row r="100" spans="1:4" ht="18" customHeight="1" x14ac:dyDescent="0.15">
      <c r="A100" s="5">
        <v>78</v>
      </c>
      <c r="B100" s="22">
        <v>78</v>
      </c>
      <c r="C100" s="14">
        <v>98</v>
      </c>
      <c r="D100" s="18">
        <v>176</v>
      </c>
    </row>
    <row r="101" spans="1:4" ht="18" customHeight="1" x14ac:dyDescent="0.15">
      <c r="A101" s="5">
        <v>79</v>
      </c>
      <c r="B101" s="22">
        <v>34</v>
      </c>
      <c r="C101" s="14">
        <v>61</v>
      </c>
      <c r="D101" s="18">
        <v>95</v>
      </c>
    </row>
    <row r="102" spans="1:4" ht="18" customHeight="1" x14ac:dyDescent="0.15">
      <c r="A102" s="5" t="s">
        <v>0</v>
      </c>
      <c r="B102" s="22">
        <v>299</v>
      </c>
      <c r="C102" s="14">
        <v>403</v>
      </c>
      <c r="D102" s="18">
        <v>702</v>
      </c>
    </row>
    <row r="103" spans="1:4" ht="18" customHeight="1" x14ac:dyDescent="0.15">
      <c r="A103" s="5">
        <v>80</v>
      </c>
      <c r="B103" s="22">
        <v>30</v>
      </c>
      <c r="C103" s="14">
        <v>51</v>
      </c>
      <c r="D103" s="18">
        <v>81</v>
      </c>
    </row>
    <row r="104" spans="1:4" ht="18" customHeight="1" x14ac:dyDescent="0.15">
      <c r="A104" s="5">
        <v>81</v>
      </c>
      <c r="B104" s="22">
        <v>54</v>
      </c>
      <c r="C104" s="14">
        <v>63</v>
      </c>
      <c r="D104" s="18">
        <v>117</v>
      </c>
    </row>
    <row r="105" spans="1:4" ht="18" customHeight="1" x14ac:dyDescent="0.15">
      <c r="A105" s="5">
        <v>82</v>
      </c>
      <c r="B105" s="22">
        <v>53</v>
      </c>
      <c r="C105" s="14">
        <v>58</v>
      </c>
      <c r="D105" s="18">
        <v>111</v>
      </c>
    </row>
    <row r="106" spans="1:4" ht="18" customHeight="1" x14ac:dyDescent="0.15">
      <c r="A106" s="5">
        <v>83</v>
      </c>
      <c r="B106" s="22">
        <v>40</v>
      </c>
      <c r="C106" s="14">
        <v>60</v>
      </c>
      <c r="D106" s="18">
        <v>100</v>
      </c>
    </row>
    <row r="107" spans="1:4" ht="18" customHeight="1" x14ac:dyDescent="0.15">
      <c r="A107" s="5">
        <v>84</v>
      </c>
      <c r="B107" s="22">
        <v>27</v>
      </c>
      <c r="C107" s="14">
        <v>52</v>
      </c>
      <c r="D107" s="18">
        <v>79</v>
      </c>
    </row>
    <row r="108" spans="1:4" ht="18" customHeight="1" x14ac:dyDescent="0.15">
      <c r="A108" s="5" t="s">
        <v>35</v>
      </c>
      <c r="B108" s="22">
        <v>204</v>
      </c>
      <c r="C108" s="14">
        <v>284</v>
      </c>
      <c r="D108" s="18">
        <v>488</v>
      </c>
    </row>
    <row r="109" spans="1:4" ht="18" customHeight="1" x14ac:dyDescent="0.15">
      <c r="A109" s="5">
        <v>85</v>
      </c>
      <c r="B109" s="22">
        <v>24</v>
      </c>
      <c r="C109" s="14">
        <v>56</v>
      </c>
      <c r="D109" s="18">
        <v>80</v>
      </c>
    </row>
    <row r="110" spans="1:4" ht="18" customHeight="1" x14ac:dyDescent="0.15">
      <c r="A110" s="5">
        <v>86</v>
      </c>
      <c r="B110" s="22">
        <v>21</v>
      </c>
      <c r="C110" s="14">
        <v>38</v>
      </c>
      <c r="D110" s="18">
        <v>59</v>
      </c>
    </row>
    <row r="111" spans="1:4" ht="18" customHeight="1" x14ac:dyDescent="0.15">
      <c r="A111" s="5">
        <v>87</v>
      </c>
      <c r="B111" s="22">
        <v>26</v>
      </c>
      <c r="C111" s="14">
        <v>47</v>
      </c>
      <c r="D111" s="18">
        <v>73</v>
      </c>
    </row>
    <row r="112" spans="1:4" ht="18" customHeight="1" x14ac:dyDescent="0.15">
      <c r="A112" s="5">
        <v>88</v>
      </c>
      <c r="B112" s="22">
        <v>20</v>
      </c>
      <c r="C112" s="14">
        <v>47</v>
      </c>
      <c r="D112" s="18">
        <v>67</v>
      </c>
    </row>
    <row r="113" spans="1:4" ht="18" customHeight="1" x14ac:dyDescent="0.15">
      <c r="A113" s="5">
        <v>89</v>
      </c>
      <c r="B113" s="22">
        <v>22</v>
      </c>
      <c r="C113" s="14">
        <v>43</v>
      </c>
      <c r="D113" s="18">
        <v>65</v>
      </c>
    </row>
    <row r="114" spans="1:4" ht="18" customHeight="1" x14ac:dyDescent="0.15">
      <c r="A114" s="5" t="s">
        <v>37</v>
      </c>
      <c r="B114" s="22">
        <v>113</v>
      </c>
      <c r="C114" s="14">
        <v>231</v>
      </c>
      <c r="D114" s="18">
        <v>344</v>
      </c>
    </row>
    <row r="115" spans="1:4" ht="18" customHeight="1" x14ac:dyDescent="0.15">
      <c r="A115" s="5">
        <v>90</v>
      </c>
      <c r="B115" s="22">
        <v>15</v>
      </c>
      <c r="C115" s="14">
        <v>37</v>
      </c>
      <c r="D115" s="18">
        <v>52</v>
      </c>
    </row>
    <row r="116" spans="1:4" ht="18" customHeight="1" x14ac:dyDescent="0.15">
      <c r="A116" s="5">
        <v>91</v>
      </c>
      <c r="B116" s="22">
        <v>14</v>
      </c>
      <c r="C116" s="14">
        <v>36</v>
      </c>
      <c r="D116" s="18">
        <v>50</v>
      </c>
    </row>
    <row r="117" spans="1:4" ht="18" customHeight="1" x14ac:dyDescent="0.15">
      <c r="A117" s="5">
        <v>92</v>
      </c>
      <c r="B117" s="22">
        <v>14</v>
      </c>
      <c r="C117" s="14">
        <v>39</v>
      </c>
      <c r="D117" s="18">
        <v>53</v>
      </c>
    </row>
    <row r="118" spans="1:4" ht="18" customHeight="1" x14ac:dyDescent="0.15">
      <c r="A118" s="5">
        <v>93</v>
      </c>
      <c r="B118" s="22">
        <v>7</v>
      </c>
      <c r="C118" s="14">
        <v>32</v>
      </c>
      <c r="D118" s="18">
        <v>39</v>
      </c>
    </row>
    <row r="119" spans="1:4" ht="18" customHeight="1" x14ac:dyDescent="0.15">
      <c r="A119" s="5">
        <v>94</v>
      </c>
      <c r="B119" s="22">
        <v>10</v>
      </c>
      <c r="C119" s="14">
        <v>25</v>
      </c>
      <c r="D119" s="18">
        <v>35</v>
      </c>
    </row>
    <row r="120" spans="1:4" ht="18" customHeight="1" x14ac:dyDescent="0.15">
      <c r="A120" s="5" t="s">
        <v>39</v>
      </c>
      <c r="B120" s="22">
        <v>60</v>
      </c>
      <c r="C120" s="14">
        <v>169</v>
      </c>
      <c r="D120" s="18">
        <v>229</v>
      </c>
    </row>
    <row r="121" spans="1:4" ht="18" customHeight="1" x14ac:dyDescent="0.15">
      <c r="A121" s="5">
        <v>95</v>
      </c>
      <c r="B121" s="22">
        <v>4</v>
      </c>
      <c r="C121" s="14">
        <v>18</v>
      </c>
      <c r="D121" s="18">
        <v>22</v>
      </c>
    </row>
    <row r="122" spans="1:4" ht="18" customHeight="1" x14ac:dyDescent="0.15">
      <c r="A122" s="5">
        <v>96</v>
      </c>
      <c r="B122" s="22">
        <v>5</v>
      </c>
      <c r="C122" s="14">
        <v>10</v>
      </c>
      <c r="D122" s="18">
        <v>15</v>
      </c>
    </row>
    <row r="123" spans="1:4" ht="18" customHeight="1" x14ac:dyDescent="0.15">
      <c r="A123" s="5">
        <v>97</v>
      </c>
      <c r="B123" s="22">
        <v>2</v>
      </c>
      <c r="C123" s="14">
        <v>8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9</v>
      </c>
      <c r="D124" s="18">
        <v>10</v>
      </c>
    </row>
    <row r="125" spans="1:4" ht="18" customHeight="1" x14ac:dyDescent="0.15">
      <c r="A125" s="5">
        <v>99</v>
      </c>
      <c r="B125" s="22">
        <v>1</v>
      </c>
      <c r="C125" s="14">
        <v>7</v>
      </c>
      <c r="D125" s="18">
        <v>8</v>
      </c>
    </row>
    <row r="126" spans="1:4" ht="18" customHeight="1" x14ac:dyDescent="0.15">
      <c r="A126" s="5" t="s">
        <v>40</v>
      </c>
      <c r="B126" s="22">
        <v>13</v>
      </c>
      <c r="C126" s="14">
        <v>52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0</v>
      </c>
      <c r="C129" s="14">
        <v>11</v>
      </c>
      <c r="D129" s="18">
        <v>11</v>
      </c>
    </row>
    <row r="130" spans="1:4" ht="18" customHeight="1" x14ac:dyDescent="0.15">
      <c r="A130" s="5" t="s">
        <v>46</v>
      </c>
      <c r="B130" s="22">
        <v>1261</v>
      </c>
      <c r="C130" s="14">
        <v>1798</v>
      </c>
      <c r="D130" s="18">
        <v>3059</v>
      </c>
    </row>
    <row r="131" spans="1:4" ht="18" customHeight="1" x14ac:dyDescent="0.15">
      <c r="A131" s="7" t="s">
        <v>45</v>
      </c>
      <c r="B131" s="23">
        <v>5032</v>
      </c>
      <c r="C131" s="15">
        <v>5270</v>
      </c>
      <c r="D131" s="19">
        <v>1030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2</v>
      </c>
      <c r="C5" s="13">
        <v>31</v>
      </c>
      <c r="D5" s="17">
        <v>53</v>
      </c>
    </row>
    <row r="6" spans="1:4" ht="18" customHeight="1" x14ac:dyDescent="0.15">
      <c r="A6" s="5">
        <v>1</v>
      </c>
      <c r="B6" s="22">
        <v>24</v>
      </c>
      <c r="C6" s="14">
        <v>23</v>
      </c>
      <c r="D6" s="18">
        <v>47</v>
      </c>
    </row>
    <row r="7" spans="1:4" ht="18" customHeight="1" x14ac:dyDescent="0.15">
      <c r="A7" s="5">
        <v>2</v>
      </c>
      <c r="B7" s="22">
        <v>27</v>
      </c>
      <c r="C7" s="14">
        <v>33</v>
      </c>
      <c r="D7" s="18">
        <v>60</v>
      </c>
    </row>
    <row r="8" spans="1:4" ht="18" customHeight="1" x14ac:dyDescent="0.15">
      <c r="A8" s="5">
        <v>3</v>
      </c>
      <c r="B8" s="22">
        <v>33</v>
      </c>
      <c r="C8" s="14">
        <v>22</v>
      </c>
      <c r="D8" s="18">
        <v>55</v>
      </c>
    </row>
    <row r="9" spans="1:4" ht="18" customHeight="1" x14ac:dyDescent="0.15">
      <c r="A9" s="5">
        <v>4</v>
      </c>
      <c r="B9" s="22">
        <v>31</v>
      </c>
      <c r="C9" s="14">
        <v>33</v>
      </c>
      <c r="D9" s="18">
        <v>64</v>
      </c>
    </row>
    <row r="10" spans="1:4" ht="18" customHeight="1" x14ac:dyDescent="0.15">
      <c r="A10" s="5" t="s">
        <v>7</v>
      </c>
      <c r="B10" s="22">
        <v>137</v>
      </c>
      <c r="C10" s="14">
        <v>142</v>
      </c>
      <c r="D10" s="18">
        <v>279</v>
      </c>
    </row>
    <row r="11" spans="1:4" ht="18" customHeight="1" x14ac:dyDescent="0.15">
      <c r="A11" s="5">
        <v>5</v>
      </c>
      <c r="B11" s="22">
        <v>38</v>
      </c>
      <c r="C11" s="14">
        <v>18</v>
      </c>
      <c r="D11" s="18">
        <v>56</v>
      </c>
    </row>
    <row r="12" spans="1:4" ht="18" customHeight="1" x14ac:dyDescent="0.15">
      <c r="A12" s="5">
        <v>6</v>
      </c>
      <c r="B12" s="22">
        <v>30</v>
      </c>
      <c r="C12" s="14">
        <v>23</v>
      </c>
      <c r="D12" s="18">
        <v>53</v>
      </c>
    </row>
    <row r="13" spans="1:4" ht="18" customHeight="1" x14ac:dyDescent="0.15">
      <c r="A13" s="5">
        <v>7</v>
      </c>
      <c r="B13" s="22">
        <v>42</v>
      </c>
      <c r="C13" s="14">
        <v>39</v>
      </c>
      <c r="D13" s="18">
        <v>81</v>
      </c>
    </row>
    <row r="14" spans="1:4" ht="18" customHeight="1" x14ac:dyDescent="0.15">
      <c r="A14" s="5">
        <v>8</v>
      </c>
      <c r="B14" s="22">
        <v>19</v>
      </c>
      <c r="C14" s="14">
        <v>34</v>
      </c>
      <c r="D14" s="18">
        <v>53</v>
      </c>
    </row>
    <row r="15" spans="1:4" ht="18" customHeight="1" x14ac:dyDescent="0.15">
      <c r="A15" s="5">
        <v>9</v>
      </c>
      <c r="B15" s="22">
        <v>39</v>
      </c>
      <c r="C15" s="14">
        <v>46</v>
      </c>
      <c r="D15" s="18">
        <v>85</v>
      </c>
    </row>
    <row r="16" spans="1:4" ht="18" customHeight="1" x14ac:dyDescent="0.15">
      <c r="A16" s="5" t="s">
        <v>11</v>
      </c>
      <c r="B16" s="22">
        <v>168</v>
      </c>
      <c r="C16" s="14">
        <v>160</v>
      </c>
      <c r="D16" s="18">
        <v>328</v>
      </c>
    </row>
    <row r="17" spans="1:4" ht="18" customHeight="1" x14ac:dyDescent="0.15">
      <c r="A17" s="5">
        <v>10</v>
      </c>
      <c r="B17" s="22">
        <v>31</v>
      </c>
      <c r="C17" s="14">
        <v>27</v>
      </c>
      <c r="D17" s="18">
        <v>58</v>
      </c>
    </row>
    <row r="18" spans="1:4" ht="18" customHeight="1" x14ac:dyDescent="0.15">
      <c r="A18" s="5">
        <v>11</v>
      </c>
      <c r="B18" s="22">
        <v>37</v>
      </c>
      <c r="C18" s="14">
        <v>32</v>
      </c>
      <c r="D18" s="18">
        <v>69</v>
      </c>
    </row>
    <row r="19" spans="1:4" ht="18" customHeight="1" x14ac:dyDescent="0.15">
      <c r="A19" s="5">
        <v>12</v>
      </c>
      <c r="B19" s="22">
        <v>32</v>
      </c>
      <c r="C19" s="14">
        <v>29</v>
      </c>
      <c r="D19" s="18">
        <v>61</v>
      </c>
    </row>
    <row r="20" spans="1:4" ht="18" customHeight="1" x14ac:dyDescent="0.15">
      <c r="A20" s="5">
        <v>13</v>
      </c>
      <c r="B20" s="22">
        <v>30</v>
      </c>
      <c r="C20" s="14">
        <v>35</v>
      </c>
      <c r="D20" s="18">
        <v>65</v>
      </c>
    </row>
    <row r="21" spans="1:4" ht="18" customHeight="1" x14ac:dyDescent="0.15">
      <c r="A21" s="5">
        <v>14</v>
      </c>
      <c r="B21" s="22">
        <v>27</v>
      </c>
      <c r="C21" s="14">
        <v>27</v>
      </c>
      <c r="D21" s="18">
        <v>54</v>
      </c>
    </row>
    <row r="22" spans="1:4" ht="18" customHeight="1" x14ac:dyDescent="0.15">
      <c r="A22" s="5" t="s">
        <v>12</v>
      </c>
      <c r="B22" s="22">
        <v>157</v>
      </c>
      <c r="C22" s="14">
        <v>150</v>
      </c>
      <c r="D22" s="18">
        <v>307</v>
      </c>
    </row>
    <row r="23" spans="1:4" ht="18" customHeight="1" x14ac:dyDescent="0.15">
      <c r="A23" s="5" t="s">
        <v>6</v>
      </c>
      <c r="B23" s="22">
        <v>462</v>
      </c>
      <c r="C23" s="14">
        <v>452</v>
      </c>
      <c r="D23" s="18">
        <v>914</v>
      </c>
    </row>
    <row r="24" spans="1:4" ht="18" customHeight="1" x14ac:dyDescent="0.15">
      <c r="A24" s="5">
        <v>15</v>
      </c>
      <c r="B24" s="22">
        <v>40</v>
      </c>
      <c r="C24" s="14">
        <v>33</v>
      </c>
      <c r="D24" s="18">
        <v>73</v>
      </c>
    </row>
    <row r="25" spans="1:4" ht="18" customHeight="1" x14ac:dyDescent="0.15">
      <c r="A25" s="5">
        <v>16</v>
      </c>
      <c r="B25" s="22">
        <v>33</v>
      </c>
      <c r="C25" s="14">
        <v>22</v>
      </c>
      <c r="D25" s="18">
        <v>55</v>
      </c>
    </row>
    <row r="26" spans="1:4" ht="18" customHeight="1" x14ac:dyDescent="0.15">
      <c r="A26" s="5">
        <v>17</v>
      </c>
      <c r="B26" s="22">
        <v>37</v>
      </c>
      <c r="C26" s="14">
        <v>21</v>
      </c>
      <c r="D26" s="18">
        <v>58</v>
      </c>
    </row>
    <row r="27" spans="1:4" ht="18" customHeight="1" x14ac:dyDescent="0.15">
      <c r="A27" s="5">
        <v>18</v>
      </c>
      <c r="B27" s="22">
        <v>26</v>
      </c>
      <c r="C27" s="14">
        <v>24</v>
      </c>
      <c r="D27" s="18">
        <v>50</v>
      </c>
    </row>
    <row r="28" spans="1:4" ht="18" customHeight="1" x14ac:dyDescent="0.15">
      <c r="A28" s="5">
        <v>19</v>
      </c>
      <c r="B28" s="22">
        <v>30</v>
      </c>
      <c r="C28" s="14">
        <v>28</v>
      </c>
      <c r="D28" s="18">
        <v>58</v>
      </c>
    </row>
    <row r="29" spans="1:4" ht="18" customHeight="1" x14ac:dyDescent="0.15">
      <c r="A29" s="5" t="s">
        <v>14</v>
      </c>
      <c r="B29" s="22">
        <v>166</v>
      </c>
      <c r="C29" s="14">
        <v>128</v>
      </c>
      <c r="D29" s="18">
        <v>294</v>
      </c>
    </row>
    <row r="30" spans="1:4" ht="18" customHeight="1" x14ac:dyDescent="0.15">
      <c r="A30" s="5">
        <v>20</v>
      </c>
      <c r="B30" s="22">
        <v>26</v>
      </c>
      <c r="C30" s="14">
        <v>25</v>
      </c>
      <c r="D30" s="18">
        <v>51</v>
      </c>
    </row>
    <row r="31" spans="1:4" ht="18" customHeight="1" x14ac:dyDescent="0.15">
      <c r="A31" s="5">
        <v>21</v>
      </c>
      <c r="B31" s="22">
        <v>22</v>
      </c>
      <c r="C31" s="14">
        <v>39</v>
      </c>
      <c r="D31" s="18">
        <v>61</v>
      </c>
    </row>
    <row r="32" spans="1:4" ht="18" customHeight="1" x14ac:dyDescent="0.15">
      <c r="A32" s="5">
        <v>22</v>
      </c>
      <c r="B32" s="22">
        <v>29</v>
      </c>
      <c r="C32" s="14">
        <v>35</v>
      </c>
      <c r="D32" s="18">
        <v>64</v>
      </c>
    </row>
    <row r="33" spans="1:4" ht="18" customHeight="1" x14ac:dyDescent="0.15">
      <c r="A33" s="5">
        <v>23</v>
      </c>
      <c r="B33" s="22">
        <v>41</v>
      </c>
      <c r="C33" s="14">
        <v>39</v>
      </c>
      <c r="D33" s="18">
        <v>80</v>
      </c>
    </row>
    <row r="34" spans="1:4" ht="18" customHeight="1" x14ac:dyDescent="0.15">
      <c r="A34" s="5">
        <v>24</v>
      </c>
      <c r="B34" s="22">
        <v>39</v>
      </c>
      <c r="C34" s="14">
        <v>27</v>
      </c>
      <c r="D34" s="18">
        <v>66</v>
      </c>
    </row>
    <row r="35" spans="1:4" ht="18" customHeight="1" x14ac:dyDescent="0.15">
      <c r="A35" s="5" t="s">
        <v>9</v>
      </c>
      <c r="B35" s="22">
        <v>157</v>
      </c>
      <c r="C35" s="14">
        <v>165</v>
      </c>
      <c r="D35" s="18">
        <v>322</v>
      </c>
    </row>
    <row r="36" spans="1:4" ht="18" customHeight="1" x14ac:dyDescent="0.15">
      <c r="A36" s="5">
        <v>25</v>
      </c>
      <c r="B36" s="22">
        <v>50</v>
      </c>
      <c r="C36" s="14">
        <v>38</v>
      </c>
      <c r="D36" s="18">
        <v>88</v>
      </c>
    </row>
    <row r="37" spans="1:4" ht="18" customHeight="1" x14ac:dyDescent="0.15">
      <c r="A37" s="5">
        <v>26</v>
      </c>
      <c r="B37" s="22">
        <v>50</v>
      </c>
      <c r="C37" s="14">
        <v>32</v>
      </c>
      <c r="D37" s="18">
        <v>82</v>
      </c>
    </row>
    <row r="38" spans="1:4" ht="18" customHeight="1" x14ac:dyDescent="0.15">
      <c r="A38" s="5">
        <v>27</v>
      </c>
      <c r="B38" s="22">
        <v>45</v>
      </c>
      <c r="C38" s="14">
        <v>61</v>
      </c>
      <c r="D38" s="18">
        <v>106</v>
      </c>
    </row>
    <row r="39" spans="1:4" ht="18" customHeight="1" x14ac:dyDescent="0.15">
      <c r="A39" s="5">
        <v>28</v>
      </c>
      <c r="B39" s="22">
        <v>41</v>
      </c>
      <c r="C39" s="14">
        <v>40</v>
      </c>
      <c r="D39" s="18">
        <v>81</v>
      </c>
    </row>
    <row r="40" spans="1:4" ht="18" customHeight="1" x14ac:dyDescent="0.15">
      <c r="A40" s="5">
        <v>29</v>
      </c>
      <c r="B40" s="22">
        <v>42</v>
      </c>
      <c r="C40" s="14">
        <v>47</v>
      </c>
      <c r="D40" s="18">
        <v>89</v>
      </c>
    </row>
    <row r="41" spans="1:4" ht="18" customHeight="1" x14ac:dyDescent="0.15">
      <c r="A41" s="5" t="s">
        <v>2</v>
      </c>
      <c r="B41" s="22">
        <v>228</v>
      </c>
      <c r="C41" s="14">
        <v>218</v>
      </c>
      <c r="D41" s="18">
        <v>446</v>
      </c>
    </row>
    <row r="42" spans="1:4" ht="18" customHeight="1" x14ac:dyDescent="0.15">
      <c r="A42" s="5">
        <v>30</v>
      </c>
      <c r="B42" s="22">
        <v>51</v>
      </c>
      <c r="C42" s="14">
        <v>43</v>
      </c>
      <c r="D42" s="18">
        <v>94</v>
      </c>
    </row>
    <row r="43" spans="1:4" ht="18" customHeight="1" x14ac:dyDescent="0.15">
      <c r="A43" s="5">
        <v>31</v>
      </c>
      <c r="B43" s="22">
        <v>44</v>
      </c>
      <c r="C43" s="14">
        <v>34</v>
      </c>
      <c r="D43" s="18">
        <v>78</v>
      </c>
    </row>
    <row r="44" spans="1:4" ht="18" customHeight="1" x14ac:dyDescent="0.15">
      <c r="A44" s="5">
        <v>32</v>
      </c>
      <c r="B44" s="22">
        <v>59</v>
      </c>
      <c r="C44" s="14">
        <v>42</v>
      </c>
      <c r="D44" s="18">
        <v>101</v>
      </c>
    </row>
    <row r="45" spans="1:4" ht="18" customHeight="1" x14ac:dyDescent="0.15">
      <c r="A45" s="5">
        <v>33</v>
      </c>
      <c r="B45" s="22">
        <v>44</v>
      </c>
      <c r="C45" s="14">
        <v>46</v>
      </c>
      <c r="D45" s="18">
        <v>90</v>
      </c>
    </row>
    <row r="46" spans="1:4" ht="18" customHeight="1" x14ac:dyDescent="0.15">
      <c r="A46" s="5">
        <v>34</v>
      </c>
      <c r="B46" s="22">
        <v>39</v>
      </c>
      <c r="C46" s="14">
        <v>37</v>
      </c>
      <c r="D46" s="18">
        <v>76</v>
      </c>
    </row>
    <row r="47" spans="1:4" ht="18" customHeight="1" x14ac:dyDescent="0.15">
      <c r="A47" s="5" t="s">
        <v>15</v>
      </c>
      <c r="B47" s="22">
        <v>237</v>
      </c>
      <c r="C47" s="14">
        <v>202</v>
      </c>
      <c r="D47" s="18">
        <v>439</v>
      </c>
    </row>
    <row r="48" spans="1:4" ht="18" customHeight="1" x14ac:dyDescent="0.15">
      <c r="A48" s="5">
        <v>35</v>
      </c>
      <c r="B48" s="22">
        <v>47</v>
      </c>
      <c r="C48" s="14">
        <v>42</v>
      </c>
      <c r="D48" s="18">
        <v>89</v>
      </c>
    </row>
    <row r="49" spans="1:4" ht="18" customHeight="1" x14ac:dyDescent="0.15">
      <c r="A49" s="5">
        <v>36</v>
      </c>
      <c r="B49" s="22">
        <v>45</v>
      </c>
      <c r="C49" s="14">
        <v>49</v>
      </c>
      <c r="D49" s="18">
        <v>94</v>
      </c>
    </row>
    <row r="50" spans="1:4" ht="18" customHeight="1" x14ac:dyDescent="0.15">
      <c r="A50" s="5">
        <v>37</v>
      </c>
      <c r="B50" s="22">
        <v>40</v>
      </c>
      <c r="C50" s="14">
        <v>38</v>
      </c>
      <c r="D50" s="18">
        <v>78</v>
      </c>
    </row>
    <row r="51" spans="1:4" ht="18" customHeight="1" x14ac:dyDescent="0.15">
      <c r="A51" s="5">
        <v>38</v>
      </c>
      <c r="B51" s="22">
        <v>58</v>
      </c>
      <c r="C51" s="14">
        <v>44</v>
      </c>
      <c r="D51" s="18">
        <v>102</v>
      </c>
    </row>
    <row r="52" spans="1:4" ht="18" customHeight="1" x14ac:dyDescent="0.15">
      <c r="A52" s="5">
        <v>39</v>
      </c>
      <c r="B52" s="22">
        <v>51</v>
      </c>
      <c r="C52" s="14">
        <v>39</v>
      </c>
      <c r="D52" s="18">
        <v>90</v>
      </c>
    </row>
    <row r="53" spans="1:4" ht="18" customHeight="1" x14ac:dyDescent="0.15">
      <c r="A53" s="5" t="s">
        <v>18</v>
      </c>
      <c r="B53" s="22">
        <v>241</v>
      </c>
      <c r="C53" s="14">
        <v>212</v>
      </c>
      <c r="D53" s="18">
        <v>453</v>
      </c>
    </row>
    <row r="54" spans="1:4" ht="18" customHeight="1" x14ac:dyDescent="0.15">
      <c r="A54" s="5">
        <v>40</v>
      </c>
      <c r="B54" s="22">
        <v>54</v>
      </c>
      <c r="C54" s="14">
        <v>49</v>
      </c>
      <c r="D54" s="18">
        <v>103</v>
      </c>
    </row>
    <row r="55" spans="1:4" ht="18" customHeight="1" x14ac:dyDescent="0.15">
      <c r="A55" s="5">
        <v>41</v>
      </c>
      <c r="B55" s="22">
        <v>58</v>
      </c>
      <c r="C55" s="14">
        <v>47</v>
      </c>
      <c r="D55" s="18">
        <v>105</v>
      </c>
    </row>
    <row r="56" spans="1:4" ht="18" customHeight="1" x14ac:dyDescent="0.15">
      <c r="A56" s="5">
        <v>42</v>
      </c>
      <c r="B56" s="22">
        <v>46</v>
      </c>
      <c r="C56" s="14">
        <v>50</v>
      </c>
      <c r="D56" s="18">
        <v>96</v>
      </c>
    </row>
    <row r="57" spans="1:4" ht="18" customHeight="1" x14ac:dyDescent="0.15">
      <c r="A57" s="5">
        <v>43</v>
      </c>
      <c r="B57" s="22">
        <v>63</v>
      </c>
      <c r="C57" s="14">
        <v>47</v>
      </c>
      <c r="D57" s="18">
        <v>110</v>
      </c>
    </row>
    <row r="58" spans="1:4" ht="18" customHeight="1" x14ac:dyDescent="0.15">
      <c r="A58" s="5">
        <v>44</v>
      </c>
      <c r="B58" s="22">
        <v>39</v>
      </c>
      <c r="C58" s="14">
        <v>46</v>
      </c>
      <c r="D58" s="18">
        <v>85</v>
      </c>
    </row>
    <row r="59" spans="1:4" ht="18" customHeight="1" x14ac:dyDescent="0.15">
      <c r="A59" s="5" t="s">
        <v>21</v>
      </c>
      <c r="B59" s="22">
        <v>260</v>
      </c>
      <c r="C59" s="14">
        <v>239</v>
      </c>
      <c r="D59" s="18">
        <v>499</v>
      </c>
    </row>
    <row r="60" spans="1:4" ht="18" customHeight="1" x14ac:dyDescent="0.15">
      <c r="A60" s="5">
        <v>45</v>
      </c>
      <c r="B60" s="22">
        <v>36</v>
      </c>
      <c r="C60" s="14">
        <v>40</v>
      </c>
      <c r="D60" s="18">
        <v>76</v>
      </c>
    </row>
    <row r="61" spans="1:4" ht="18" customHeight="1" x14ac:dyDescent="0.15">
      <c r="A61" s="5">
        <v>46</v>
      </c>
      <c r="B61" s="22">
        <v>47</v>
      </c>
      <c r="C61" s="14">
        <v>43</v>
      </c>
      <c r="D61" s="18">
        <v>90</v>
      </c>
    </row>
    <row r="62" spans="1:4" ht="18" customHeight="1" x14ac:dyDescent="0.15">
      <c r="A62" s="5">
        <v>47</v>
      </c>
      <c r="B62" s="22">
        <v>52</v>
      </c>
      <c r="C62" s="14">
        <v>39</v>
      </c>
      <c r="D62" s="18">
        <v>91</v>
      </c>
    </row>
    <row r="63" spans="1:4" ht="18" customHeight="1" x14ac:dyDescent="0.15">
      <c r="A63" s="5">
        <v>48</v>
      </c>
      <c r="B63" s="22">
        <v>58</v>
      </c>
      <c r="C63" s="14">
        <v>52</v>
      </c>
      <c r="D63" s="18">
        <v>110</v>
      </c>
    </row>
    <row r="64" spans="1:4" ht="18" customHeight="1" x14ac:dyDescent="0.15">
      <c r="A64" s="5">
        <v>49</v>
      </c>
      <c r="B64" s="22">
        <v>52</v>
      </c>
      <c r="C64" s="14">
        <v>62</v>
      </c>
      <c r="D64" s="18">
        <v>114</v>
      </c>
    </row>
    <row r="65" spans="1:4" ht="18" customHeight="1" x14ac:dyDescent="0.15">
      <c r="A65" s="5" t="s">
        <v>17</v>
      </c>
      <c r="B65" s="22">
        <v>245</v>
      </c>
      <c r="C65" s="14">
        <v>236</v>
      </c>
      <c r="D65" s="18">
        <v>481</v>
      </c>
    </row>
    <row r="66" spans="1:4" ht="18" customHeight="1" x14ac:dyDescent="0.15">
      <c r="A66" s="5">
        <v>50</v>
      </c>
      <c r="B66" s="22">
        <v>59</v>
      </c>
      <c r="C66" s="14">
        <v>54</v>
      </c>
      <c r="D66" s="18">
        <v>113</v>
      </c>
    </row>
    <row r="67" spans="1:4" ht="18" customHeight="1" x14ac:dyDescent="0.15">
      <c r="A67" s="5">
        <v>51</v>
      </c>
      <c r="B67" s="22">
        <v>54</v>
      </c>
      <c r="C67" s="14">
        <v>51</v>
      </c>
      <c r="D67" s="18">
        <v>105</v>
      </c>
    </row>
    <row r="68" spans="1:4" ht="18" customHeight="1" x14ac:dyDescent="0.15">
      <c r="A68" s="5">
        <v>52</v>
      </c>
      <c r="B68" s="22">
        <v>69</v>
      </c>
      <c r="C68" s="14">
        <v>51</v>
      </c>
      <c r="D68" s="18">
        <v>120</v>
      </c>
    </row>
    <row r="69" spans="1:4" ht="18" customHeight="1" x14ac:dyDescent="0.15">
      <c r="A69" s="5">
        <v>53</v>
      </c>
      <c r="B69" s="22">
        <v>70</v>
      </c>
      <c r="C69" s="14">
        <v>61</v>
      </c>
      <c r="D69" s="18">
        <v>131</v>
      </c>
    </row>
    <row r="70" spans="1:4" ht="18" customHeight="1" x14ac:dyDescent="0.15">
      <c r="A70" s="5">
        <v>54</v>
      </c>
      <c r="B70" s="22">
        <v>50</v>
      </c>
      <c r="C70" s="14">
        <v>56</v>
      </c>
      <c r="D70" s="18">
        <v>106</v>
      </c>
    </row>
    <row r="71" spans="1:4" ht="18" customHeight="1" x14ac:dyDescent="0.15">
      <c r="A71" s="5" t="s">
        <v>22</v>
      </c>
      <c r="B71" s="22">
        <v>302</v>
      </c>
      <c r="C71" s="14">
        <v>273</v>
      </c>
      <c r="D71" s="18">
        <v>575</v>
      </c>
    </row>
    <row r="72" spans="1:4" ht="18" customHeight="1" x14ac:dyDescent="0.15">
      <c r="A72" s="5">
        <v>55</v>
      </c>
      <c r="B72" s="22">
        <v>51</v>
      </c>
      <c r="C72" s="14">
        <v>53</v>
      </c>
      <c r="D72" s="18">
        <v>104</v>
      </c>
    </row>
    <row r="73" spans="1:4" ht="18" customHeight="1" x14ac:dyDescent="0.15">
      <c r="A73" s="5">
        <v>56</v>
      </c>
      <c r="B73" s="22">
        <v>68</v>
      </c>
      <c r="C73" s="14">
        <v>56</v>
      </c>
      <c r="D73" s="18">
        <v>124</v>
      </c>
    </row>
    <row r="74" spans="1:4" ht="18" customHeight="1" x14ac:dyDescent="0.15">
      <c r="A74" s="5">
        <v>57</v>
      </c>
      <c r="B74" s="22">
        <v>50</v>
      </c>
      <c r="C74" s="14">
        <v>62</v>
      </c>
      <c r="D74" s="18">
        <v>112</v>
      </c>
    </row>
    <row r="75" spans="1:4" ht="18" customHeight="1" x14ac:dyDescent="0.15">
      <c r="A75" s="5">
        <v>58</v>
      </c>
      <c r="B75" s="22">
        <v>71</v>
      </c>
      <c r="C75" s="14">
        <v>60</v>
      </c>
      <c r="D75" s="18">
        <v>131</v>
      </c>
    </row>
    <row r="76" spans="1:4" ht="18" customHeight="1" x14ac:dyDescent="0.15">
      <c r="A76" s="5">
        <v>59</v>
      </c>
      <c r="B76" s="22">
        <v>41</v>
      </c>
      <c r="C76" s="14">
        <v>45</v>
      </c>
      <c r="D76" s="18">
        <v>86</v>
      </c>
    </row>
    <row r="77" spans="1:4" ht="18" customHeight="1" x14ac:dyDescent="0.15">
      <c r="A77" s="5" t="s">
        <v>27</v>
      </c>
      <c r="B77" s="22">
        <v>281</v>
      </c>
      <c r="C77" s="14">
        <v>276</v>
      </c>
      <c r="D77" s="18">
        <v>557</v>
      </c>
    </row>
    <row r="78" spans="1:4" ht="18" customHeight="1" x14ac:dyDescent="0.15">
      <c r="A78" s="5">
        <v>60</v>
      </c>
      <c r="B78" s="22">
        <v>67</v>
      </c>
      <c r="C78" s="14">
        <v>59</v>
      </c>
      <c r="D78" s="18">
        <v>126</v>
      </c>
    </row>
    <row r="79" spans="1:4" ht="18" customHeight="1" x14ac:dyDescent="0.15">
      <c r="A79" s="5">
        <v>61</v>
      </c>
      <c r="B79" s="22">
        <v>53</v>
      </c>
      <c r="C79" s="14">
        <v>56</v>
      </c>
      <c r="D79" s="18">
        <v>109</v>
      </c>
    </row>
    <row r="80" spans="1:4" ht="18" customHeight="1" x14ac:dyDescent="0.15">
      <c r="A80" s="5">
        <v>62</v>
      </c>
      <c r="B80" s="22">
        <v>49</v>
      </c>
      <c r="C80" s="14">
        <v>60</v>
      </c>
      <c r="D80" s="18">
        <v>109</v>
      </c>
    </row>
    <row r="81" spans="1:4" ht="18" customHeight="1" x14ac:dyDescent="0.15">
      <c r="A81" s="5">
        <v>63</v>
      </c>
      <c r="B81" s="22">
        <v>36</v>
      </c>
      <c r="C81" s="14">
        <v>54</v>
      </c>
      <c r="D81" s="18">
        <v>90</v>
      </c>
    </row>
    <row r="82" spans="1:4" ht="18" customHeight="1" x14ac:dyDescent="0.15">
      <c r="A82" s="5">
        <v>64</v>
      </c>
      <c r="B82" s="22">
        <v>50</v>
      </c>
      <c r="C82" s="14">
        <v>46</v>
      </c>
      <c r="D82" s="18">
        <v>96</v>
      </c>
    </row>
    <row r="83" spans="1:4" ht="18" customHeight="1" x14ac:dyDescent="0.15">
      <c r="A83" s="5" t="s">
        <v>28</v>
      </c>
      <c r="B83" s="22">
        <v>255</v>
      </c>
      <c r="C83" s="14">
        <v>275</v>
      </c>
      <c r="D83" s="18">
        <v>530</v>
      </c>
    </row>
    <row r="84" spans="1:4" ht="18" customHeight="1" x14ac:dyDescent="0.15">
      <c r="A84" s="5" t="s">
        <v>31</v>
      </c>
      <c r="B84" s="22">
        <v>2372</v>
      </c>
      <c r="C84" s="14">
        <v>2224</v>
      </c>
      <c r="D84" s="18">
        <v>4596</v>
      </c>
    </row>
    <row r="85" spans="1:4" ht="18" customHeight="1" x14ac:dyDescent="0.15">
      <c r="A85" s="5">
        <v>65</v>
      </c>
      <c r="B85" s="22">
        <v>47</v>
      </c>
      <c r="C85" s="14">
        <v>37</v>
      </c>
      <c r="D85" s="18">
        <v>84</v>
      </c>
    </row>
    <row r="86" spans="1:4" ht="18" customHeight="1" x14ac:dyDescent="0.15">
      <c r="A86" s="5">
        <v>66</v>
      </c>
      <c r="B86" s="22">
        <v>55</v>
      </c>
      <c r="C86" s="14">
        <v>33</v>
      </c>
      <c r="D86" s="18">
        <v>88</v>
      </c>
    </row>
    <row r="87" spans="1:4" ht="18" customHeight="1" x14ac:dyDescent="0.15">
      <c r="A87" s="5">
        <v>67</v>
      </c>
      <c r="B87" s="22">
        <v>51</v>
      </c>
      <c r="C87" s="14">
        <v>49</v>
      </c>
      <c r="D87" s="18">
        <v>100</v>
      </c>
    </row>
    <row r="88" spans="1:4" ht="18" customHeight="1" x14ac:dyDescent="0.15">
      <c r="A88" s="5">
        <v>68</v>
      </c>
      <c r="B88" s="22">
        <v>38</v>
      </c>
      <c r="C88" s="14">
        <v>33</v>
      </c>
      <c r="D88" s="18">
        <v>71</v>
      </c>
    </row>
    <row r="89" spans="1:4" ht="18" customHeight="1" x14ac:dyDescent="0.15">
      <c r="A89" s="5">
        <v>69</v>
      </c>
      <c r="B89" s="22">
        <v>45</v>
      </c>
      <c r="C89" s="14">
        <v>39</v>
      </c>
      <c r="D89" s="18">
        <v>84</v>
      </c>
    </row>
    <row r="90" spans="1:4" ht="18" customHeight="1" x14ac:dyDescent="0.15">
      <c r="A90" s="5" t="s">
        <v>20</v>
      </c>
      <c r="B90" s="22">
        <v>236</v>
      </c>
      <c r="C90" s="14">
        <v>191</v>
      </c>
      <c r="D90" s="18">
        <v>427</v>
      </c>
    </row>
    <row r="91" spans="1:4" ht="18" customHeight="1" x14ac:dyDescent="0.15">
      <c r="A91" s="5">
        <v>70</v>
      </c>
      <c r="B91" s="22">
        <v>39</v>
      </c>
      <c r="C91" s="14">
        <v>50</v>
      </c>
      <c r="D91" s="18">
        <v>89</v>
      </c>
    </row>
    <row r="92" spans="1:4" ht="18" customHeight="1" x14ac:dyDescent="0.15">
      <c r="A92" s="5">
        <v>71</v>
      </c>
      <c r="B92" s="22">
        <v>33</v>
      </c>
      <c r="C92" s="14">
        <v>54</v>
      </c>
      <c r="D92" s="18">
        <v>87</v>
      </c>
    </row>
    <row r="93" spans="1:4" ht="18" customHeight="1" x14ac:dyDescent="0.15">
      <c r="A93" s="5">
        <v>72</v>
      </c>
      <c r="B93" s="22">
        <v>45</v>
      </c>
      <c r="C93" s="14">
        <v>43</v>
      </c>
      <c r="D93" s="18">
        <v>88</v>
      </c>
    </row>
    <row r="94" spans="1:4" ht="18" customHeight="1" x14ac:dyDescent="0.15">
      <c r="A94" s="5">
        <v>73</v>
      </c>
      <c r="B94" s="22">
        <v>34</v>
      </c>
      <c r="C94" s="14">
        <v>55</v>
      </c>
      <c r="D94" s="18">
        <v>89</v>
      </c>
    </row>
    <row r="95" spans="1:4" ht="18" customHeight="1" x14ac:dyDescent="0.15">
      <c r="A95" s="5">
        <v>74</v>
      </c>
      <c r="B95" s="22">
        <v>35</v>
      </c>
      <c r="C95" s="14">
        <v>52</v>
      </c>
      <c r="D95" s="18">
        <v>87</v>
      </c>
    </row>
    <row r="96" spans="1:4" ht="18" customHeight="1" x14ac:dyDescent="0.15">
      <c r="A96" s="5" t="s">
        <v>33</v>
      </c>
      <c r="B96" s="22">
        <v>186</v>
      </c>
      <c r="C96" s="14">
        <v>254</v>
      </c>
      <c r="D96" s="18">
        <v>440</v>
      </c>
    </row>
    <row r="97" spans="1:4" ht="18" customHeight="1" x14ac:dyDescent="0.15">
      <c r="A97" s="5">
        <v>75</v>
      </c>
      <c r="B97" s="22">
        <v>44</v>
      </c>
      <c r="C97" s="14">
        <v>54</v>
      </c>
      <c r="D97" s="18">
        <v>98</v>
      </c>
    </row>
    <row r="98" spans="1:4" ht="18" customHeight="1" x14ac:dyDescent="0.15">
      <c r="A98" s="5">
        <v>76</v>
      </c>
      <c r="B98" s="22">
        <v>62</v>
      </c>
      <c r="C98" s="14">
        <v>65</v>
      </c>
      <c r="D98" s="18">
        <v>127</v>
      </c>
    </row>
    <row r="99" spans="1:4" ht="18" customHeight="1" x14ac:dyDescent="0.15">
      <c r="A99" s="5">
        <v>77</v>
      </c>
      <c r="B99" s="22">
        <v>67</v>
      </c>
      <c r="C99" s="14">
        <v>76</v>
      </c>
      <c r="D99" s="18">
        <v>143</v>
      </c>
    </row>
    <row r="100" spans="1:4" ht="18" customHeight="1" x14ac:dyDescent="0.15">
      <c r="A100" s="5">
        <v>78</v>
      </c>
      <c r="B100" s="22">
        <v>53</v>
      </c>
      <c r="C100" s="14">
        <v>71</v>
      </c>
      <c r="D100" s="18">
        <v>124</v>
      </c>
    </row>
    <row r="101" spans="1:4" ht="18" customHeight="1" x14ac:dyDescent="0.15">
      <c r="A101" s="5">
        <v>79</v>
      </c>
      <c r="B101" s="22">
        <v>35</v>
      </c>
      <c r="C101" s="14">
        <v>54</v>
      </c>
      <c r="D101" s="18">
        <v>89</v>
      </c>
    </row>
    <row r="102" spans="1:4" ht="18" customHeight="1" x14ac:dyDescent="0.15">
      <c r="A102" s="5" t="s">
        <v>0</v>
      </c>
      <c r="B102" s="22">
        <v>261</v>
      </c>
      <c r="C102" s="14">
        <v>320</v>
      </c>
      <c r="D102" s="18">
        <v>581</v>
      </c>
    </row>
    <row r="103" spans="1:4" ht="18" customHeight="1" x14ac:dyDescent="0.15">
      <c r="A103" s="5">
        <v>80</v>
      </c>
      <c r="B103" s="22">
        <v>25</v>
      </c>
      <c r="C103" s="14">
        <v>41</v>
      </c>
      <c r="D103" s="18">
        <v>66</v>
      </c>
    </row>
    <row r="104" spans="1:4" ht="18" customHeight="1" x14ac:dyDescent="0.15">
      <c r="A104" s="5">
        <v>81</v>
      </c>
      <c r="B104" s="22">
        <v>41</v>
      </c>
      <c r="C104" s="14">
        <v>67</v>
      </c>
      <c r="D104" s="18">
        <v>108</v>
      </c>
    </row>
    <row r="105" spans="1:4" ht="18" customHeight="1" x14ac:dyDescent="0.15">
      <c r="A105" s="5">
        <v>82</v>
      </c>
      <c r="B105" s="22">
        <v>41</v>
      </c>
      <c r="C105" s="14">
        <v>62</v>
      </c>
      <c r="D105" s="18">
        <v>103</v>
      </c>
    </row>
    <row r="106" spans="1:4" ht="18" customHeight="1" x14ac:dyDescent="0.15">
      <c r="A106" s="5">
        <v>83</v>
      </c>
      <c r="B106" s="22">
        <v>35</v>
      </c>
      <c r="C106" s="14">
        <v>51</v>
      </c>
      <c r="D106" s="18">
        <v>86</v>
      </c>
    </row>
    <row r="107" spans="1:4" ht="18" customHeight="1" x14ac:dyDescent="0.15">
      <c r="A107" s="5">
        <v>84</v>
      </c>
      <c r="B107" s="22">
        <v>37</v>
      </c>
      <c r="C107" s="14">
        <v>66</v>
      </c>
      <c r="D107" s="18">
        <v>103</v>
      </c>
    </row>
    <row r="108" spans="1:4" ht="18" customHeight="1" x14ac:dyDescent="0.15">
      <c r="A108" s="5" t="s">
        <v>35</v>
      </c>
      <c r="B108" s="22">
        <v>179</v>
      </c>
      <c r="C108" s="14">
        <v>287</v>
      </c>
      <c r="D108" s="18">
        <v>466</v>
      </c>
    </row>
    <row r="109" spans="1:4" ht="18" customHeight="1" x14ac:dyDescent="0.15">
      <c r="A109" s="5">
        <v>85</v>
      </c>
      <c r="B109" s="22">
        <v>28</v>
      </c>
      <c r="C109" s="14">
        <v>52</v>
      </c>
      <c r="D109" s="18">
        <v>80</v>
      </c>
    </row>
    <row r="110" spans="1:4" ht="18" customHeight="1" x14ac:dyDescent="0.15">
      <c r="A110" s="5">
        <v>86</v>
      </c>
      <c r="B110" s="22">
        <v>21</v>
      </c>
      <c r="C110" s="14">
        <v>41</v>
      </c>
      <c r="D110" s="18">
        <v>62</v>
      </c>
    </row>
    <row r="111" spans="1:4" ht="18" customHeight="1" x14ac:dyDescent="0.15">
      <c r="A111" s="5">
        <v>87</v>
      </c>
      <c r="B111" s="22">
        <v>29</v>
      </c>
      <c r="C111" s="14">
        <v>40</v>
      </c>
      <c r="D111" s="18">
        <v>69</v>
      </c>
    </row>
    <row r="112" spans="1:4" ht="18" customHeight="1" x14ac:dyDescent="0.15">
      <c r="A112" s="5">
        <v>88</v>
      </c>
      <c r="B112" s="22">
        <v>16</v>
      </c>
      <c r="C112" s="14">
        <v>34</v>
      </c>
      <c r="D112" s="18">
        <v>50</v>
      </c>
    </row>
    <row r="113" spans="1:4" ht="18" customHeight="1" x14ac:dyDescent="0.15">
      <c r="A113" s="5">
        <v>89</v>
      </c>
      <c r="B113" s="22">
        <v>24</v>
      </c>
      <c r="C113" s="14">
        <v>34</v>
      </c>
      <c r="D113" s="18">
        <v>58</v>
      </c>
    </row>
    <row r="114" spans="1:4" ht="18" customHeight="1" x14ac:dyDescent="0.15">
      <c r="A114" s="5" t="s">
        <v>37</v>
      </c>
      <c r="B114" s="22">
        <v>118</v>
      </c>
      <c r="C114" s="14">
        <v>201</v>
      </c>
      <c r="D114" s="18">
        <v>319</v>
      </c>
    </row>
    <row r="115" spans="1:4" ht="18" customHeight="1" x14ac:dyDescent="0.15">
      <c r="A115" s="5">
        <v>90</v>
      </c>
      <c r="B115" s="22">
        <v>14</v>
      </c>
      <c r="C115" s="14">
        <v>29</v>
      </c>
      <c r="D115" s="18">
        <v>43</v>
      </c>
    </row>
    <row r="116" spans="1:4" ht="18" customHeight="1" x14ac:dyDescent="0.15">
      <c r="A116" s="5">
        <v>91</v>
      </c>
      <c r="B116" s="22">
        <v>17</v>
      </c>
      <c r="C116" s="14">
        <v>20</v>
      </c>
      <c r="D116" s="18">
        <v>37</v>
      </c>
    </row>
    <row r="117" spans="1:4" ht="18" customHeight="1" x14ac:dyDescent="0.15">
      <c r="A117" s="5">
        <v>92</v>
      </c>
      <c r="B117" s="22">
        <v>6</v>
      </c>
      <c r="C117" s="14">
        <v>25</v>
      </c>
      <c r="D117" s="18">
        <v>31</v>
      </c>
    </row>
    <row r="118" spans="1:4" ht="18" customHeight="1" x14ac:dyDescent="0.15">
      <c r="A118" s="5">
        <v>93</v>
      </c>
      <c r="B118" s="22">
        <v>3</v>
      </c>
      <c r="C118" s="14">
        <v>29</v>
      </c>
      <c r="D118" s="18">
        <v>32</v>
      </c>
    </row>
    <row r="119" spans="1:4" ht="18" customHeight="1" x14ac:dyDescent="0.15">
      <c r="A119" s="5">
        <v>94</v>
      </c>
      <c r="B119" s="22">
        <v>7</v>
      </c>
      <c r="C119" s="14">
        <v>15</v>
      </c>
      <c r="D119" s="18">
        <v>22</v>
      </c>
    </row>
    <row r="120" spans="1:4" ht="18" customHeight="1" x14ac:dyDescent="0.15">
      <c r="A120" s="5" t="s">
        <v>39</v>
      </c>
      <c r="B120" s="22">
        <v>47</v>
      </c>
      <c r="C120" s="14">
        <v>118</v>
      </c>
      <c r="D120" s="18">
        <v>165</v>
      </c>
    </row>
    <row r="121" spans="1:4" ht="18" customHeight="1" x14ac:dyDescent="0.15">
      <c r="A121" s="5">
        <v>95</v>
      </c>
      <c r="B121" s="22">
        <v>4</v>
      </c>
      <c r="C121" s="14">
        <v>16</v>
      </c>
      <c r="D121" s="18">
        <v>20</v>
      </c>
    </row>
    <row r="122" spans="1:4" ht="18" customHeight="1" x14ac:dyDescent="0.15">
      <c r="A122" s="5">
        <v>96</v>
      </c>
      <c r="B122" s="22">
        <v>4</v>
      </c>
      <c r="C122" s="14">
        <v>14</v>
      </c>
      <c r="D122" s="18">
        <v>18</v>
      </c>
    </row>
    <row r="123" spans="1:4" ht="18" customHeight="1" x14ac:dyDescent="0.15">
      <c r="A123" s="5">
        <v>97</v>
      </c>
      <c r="B123" s="22">
        <v>1</v>
      </c>
      <c r="C123" s="14">
        <v>11</v>
      </c>
      <c r="D123" s="18">
        <v>12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10</v>
      </c>
      <c r="C126" s="14">
        <v>48</v>
      </c>
      <c r="D126" s="18">
        <v>5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1037</v>
      </c>
      <c r="C130" s="14">
        <v>1425</v>
      </c>
      <c r="D130" s="18">
        <v>2462</v>
      </c>
    </row>
    <row r="131" spans="1:4" ht="18" customHeight="1" x14ac:dyDescent="0.15">
      <c r="A131" s="7" t="s">
        <v>45</v>
      </c>
      <c r="B131" s="23">
        <v>3871</v>
      </c>
      <c r="C131" s="15">
        <v>4101</v>
      </c>
      <c r="D131" s="19">
        <v>79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4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9</v>
      </c>
      <c r="C5" s="13">
        <v>17</v>
      </c>
      <c r="D5" s="17">
        <v>36</v>
      </c>
    </row>
    <row r="6" spans="1:4" ht="18" customHeight="1" x14ac:dyDescent="0.15">
      <c r="A6" s="5">
        <v>1</v>
      </c>
      <c r="B6" s="22">
        <v>23</v>
      </c>
      <c r="C6" s="14">
        <v>17</v>
      </c>
      <c r="D6" s="18">
        <v>40</v>
      </c>
    </row>
    <row r="7" spans="1:4" ht="18" customHeight="1" x14ac:dyDescent="0.15">
      <c r="A7" s="5">
        <v>2</v>
      </c>
      <c r="B7" s="22">
        <v>19</v>
      </c>
      <c r="C7" s="14">
        <v>20</v>
      </c>
      <c r="D7" s="18">
        <v>39</v>
      </c>
    </row>
    <row r="8" spans="1:4" ht="18" customHeight="1" x14ac:dyDescent="0.15">
      <c r="A8" s="5">
        <v>3</v>
      </c>
      <c r="B8" s="22">
        <v>14</v>
      </c>
      <c r="C8" s="14">
        <v>17</v>
      </c>
      <c r="D8" s="18">
        <v>31</v>
      </c>
    </row>
    <row r="9" spans="1:4" ht="18" customHeight="1" x14ac:dyDescent="0.15">
      <c r="A9" s="5">
        <v>4</v>
      </c>
      <c r="B9" s="22">
        <v>20</v>
      </c>
      <c r="C9" s="14">
        <v>24</v>
      </c>
      <c r="D9" s="18">
        <v>44</v>
      </c>
    </row>
    <row r="10" spans="1:4" ht="18" customHeight="1" x14ac:dyDescent="0.15">
      <c r="A10" s="5" t="s">
        <v>7</v>
      </c>
      <c r="B10" s="22">
        <v>95</v>
      </c>
      <c r="C10" s="14">
        <v>95</v>
      </c>
      <c r="D10" s="18">
        <v>190</v>
      </c>
    </row>
    <row r="11" spans="1:4" ht="18" customHeight="1" x14ac:dyDescent="0.15">
      <c r="A11" s="5">
        <v>5</v>
      </c>
      <c r="B11" s="22">
        <v>18</v>
      </c>
      <c r="C11" s="14">
        <v>29</v>
      </c>
      <c r="D11" s="18">
        <v>47</v>
      </c>
    </row>
    <row r="12" spans="1:4" ht="18" customHeight="1" x14ac:dyDescent="0.15">
      <c r="A12" s="5">
        <v>6</v>
      </c>
      <c r="B12" s="22">
        <v>20</v>
      </c>
      <c r="C12" s="14">
        <v>29</v>
      </c>
      <c r="D12" s="18">
        <v>49</v>
      </c>
    </row>
    <row r="13" spans="1:4" ht="18" customHeight="1" x14ac:dyDescent="0.15">
      <c r="A13" s="5">
        <v>7</v>
      </c>
      <c r="B13" s="22">
        <v>23</v>
      </c>
      <c r="C13" s="14">
        <v>38</v>
      </c>
      <c r="D13" s="18">
        <v>61</v>
      </c>
    </row>
    <row r="14" spans="1:4" ht="18" customHeight="1" x14ac:dyDescent="0.15">
      <c r="A14" s="5">
        <v>8</v>
      </c>
      <c r="B14" s="22">
        <v>23</v>
      </c>
      <c r="C14" s="14">
        <v>23</v>
      </c>
      <c r="D14" s="18">
        <v>46</v>
      </c>
    </row>
    <row r="15" spans="1:4" ht="18" customHeight="1" x14ac:dyDescent="0.15">
      <c r="A15" s="5">
        <v>9</v>
      </c>
      <c r="B15" s="22">
        <v>32</v>
      </c>
      <c r="C15" s="14">
        <v>36</v>
      </c>
      <c r="D15" s="18">
        <v>68</v>
      </c>
    </row>
    <row r="16" spans="1:4" ht="18" customHeight="1" x14ac:dyDescent="0.15">
      <c r="A16" s="5" t="s">
        <v>11</v>
      </c>
      <c r="B16" s="22">
        <v>116</v>
      </c>
      <c r="C16" s="14">
        <v>155</v>
      </c>
      <c r="D16" s="18">
        <v>271</v>
      </c>
    </row>
    <row r="17" spans="1:4" ht="18" customHeight="1" x14ac:dyDescent="0.15">
      <c r="A17" s="5">
        <v>10</v>
      </c>
      <c r="B17" s="22">
        <v>32</v>
      </c>
      <c r="C17" s="14">
        <v>24</v>
      </c>
      <c r="D17" s="18">
        <v>56</v>
      </c>
    </row>
    <row r="18" spans="1:4" ht="18" customHeight="1" x14ac:dyDescent="0.15">
      <c r="A18" s="5">
        <v>11</v>
      </c>
      <c r="B18" s="22">
        <v>28</v>
      </c>
      <c r="C18" s="14">
        <v>27</v>
      </c>
      <c r="D18" s="18">
        <v>55</v>
      </c>
    </row>
    <row r="19" spans="1:4" ht="18" customHeight="1" x14ac:dyDescent="0.15">
      <c r="A19" s="5">
        <v>12</v>
      </c>
      <c r="B19" s="22">
        <v>25</v>
      </c>
      <c r="C19" s="14">
        <v>15</v>
      </c>
      <c r="D19" s="18">
        <v>40</v>
      </c>
    </row>
    <row r="20" spans="1:4" ht="18" customHeight="1" x14ac:dyDescent="0.15">
      <c r="A20" s="5">
        <v>13</v>
      </c>
      <c r="B20" s="22">
        <v>23</v>
      </c>
      <c r="C20" s="14">
        <v>31</v>
      </c>
      <c r="D20" s="18">
        <v>54</v>
      </c>
    </row>
    <row r="21" spans="1:4" ht="18" customHeight="1" x14ac:dyDescent="0.15">
      <c r="A21" s="5">
        <v>14</v>
      </c>
      <c r="B21" s="22">
        <v>28</v>
      </c>
      <c r="C21" s="14">
        <v>21</v>
      </c>
      <c r="D21" s="18">
        <v>49</v>
      </c>
    </row>
    <row r="22" spans="1:4" ht="18" customHeight="1" x14ac:dyDescent="0.15">
      <c r="A22" s="5" t="s">
        <v>12</v>
      </c>
      <c r="B22" s="22">
        <v>136</v>
      </c>
      <c r="C22" s="14">
        <v>118</v>
      </c>
      <c r="D22" s="18">
        <v>254</v>
      </c>
    </row>
    <row r="23" spans="1:4" ht="18" customHeight="1" x14ac:dyDescent="0.15">
      <c r="A23" s="5" t="s">
        <v>6</v>
      </c>
      <c r="B23" s="22">
        <v>347</v>
      </c>
      <c r="C23" s="14">
        <v>368</v>
      </c>
      <c r="D23" s="18">
        <v>715</v>
      </c>
    </row>
    <row r="24" spans="1:4" ht="18" customHeight="1" x14ac:dyDescent="0.15">
      <c r="A24" s="5">
        <v>15</v>
      </c>
      <c r="B24" s="22">
        <v>28</v>
      </c>
      <c r="C24" s="14">
        <v>25</v>
      </c>
      <c r="D24" s="18">
        <v>53</v>
      </c>
    </row>
    <row r="25" spans="1:4" ht="18" customHeight="1" x14ac:dyDescent="0.15">
      <c r="A25" s="5">
        <v>16</v>
      </c>
      <c r="B25" s="22">
        <v>30</v>
      </c>
      <c r="C25" s="14">
        <v>18</v>
      </c>
      <c r="D25" s="18">
        <v>48</v>
      </c>
    </row>
    <row r="26" spans="1:4" ht="18" customHeight="1" x14ac:dyDescent="0.15">
      <c r="A26" s="5">
        <v>17</v>
      </c>
      <c r="B26" s="22">
        <v>28</v>
      </c>
      <c r="C26" s="14">
        <v>29</v>
      </c>
      <c r="D26" s="18">
        <v>57</v>
      </c>
    </row>
    <row r="27" spans="1:4" ht="18" customHeight="1" x14ac:dyDescent="0.15">
      <c r="A27" s="5">
        <v>18</v>
      </c>
      <c r="B27" s="22">
        <v>27</v>
      </c>
      <c r="C27" s="14">
        <v>30</v>
      </c>
      <c r="D27" s="18">
        <v>57</v>
      </c>
    </row>
    <row r="28" spans="1:4" ht="18" customHeight="1" x14ac:dyDescent="0.15">
      <c r="A28" s="5">
        <v>19</v>
      </c>
      <c r="B28" s="22">
        <v>28</v>
      </c>
      <c r="C28" s="14">
        <v>26</v>
      </c>
      <c r="D28" s="18">
        <v>54</v>
      </c>
    </row>
    <row r="29" spans="1:4" ht="18" customHeight="1" x14ac:dyDescent="0.15">
      <c r="A29" s="5" t="s">
        <v>14</v>
      </c>
      <c r="B29" s="22">
        <v>141</v>
      </c>
      <c r="C29" s="14">
        <v>128</v>
      </c>
      <c r="D29" s="18">
        <v>269</v>
      </c>
    </row>
    <row r="30" spans="1:4" ht="18" customHeight="1" x14ac:dyDescent="0.15">
      <c r="A30" s="5">
        <v>20</v>
      </c>
      <c r="B30" s="22">
        <v>28</v>
      </c>
      <c r="C30" s="14">
        <v>22</v>
      </c>
      <c r="D30" s="18">
        <v>50</v>
      </c>
    </row>
    <row r="31" spans="1:4" ht="18" customHeight="1" x14ac:dyDescent="0.15">
      <c r="A31" s="5">
        <v>21</v>
      </c>
      <c r="B31" s="22">
        <v>34</v>
      </c>
      <c r="C31" s="14">
        <v>35</v>
      </c>
      <c r="D31" s="18">
        <v>69</v>
      </c>
    </row>
    <row r="32" spans="1:4" ht="18" customHeight="1" x14ac:dyDescent="0.15">
      <c r="A32" s="5">
        <v>22</v>
      </c>
      <c r="B32" s="22">
        <v>30</v>
      </c>
      <c r="C32" s="14">
        <v>28</v>
      </c>
      <c r="D32" s="18">
        <v>58</v>
      </c>
    </row>
    <row r="33" spans="1:4" ht="18" customHeight="1" x14ac:dyDescent="0.15">
      <c r="A33" s="5">
        <v>23</v>
      </c>
      <c r="B33" s="22">
        <v>35</v>
      </c>
      <c r="C33" s="14">
        <v>25</v>
      </c>
      <c r="D33" s="18">
        <v>60</v>
      </c>
    </row>
    <row r="34" spans="1:4" ht="18" customHeight="1" x14ac:dyDescent="0.15">
      <c r="A34" s="5">
        <v>24</v>
      </c>
      <c r="B34" s="22">
        <v>29</v>
      </c>
      <c r="C34" s="14">
        <v>29</v>
      </c>
      <c r="D34" s="18">
        <v>58</v>
      </c>
    </row>
    <row r="35" spans="1:4" ht="18" customHeight="1" x14ac:dyDescent="0.15">
      <c r="A35" s="5" t="s">
        <v>9</v>
      </c>
      <c r="B35" s="22">
        <v>156</v>
      </c>
      <c r="C35" s="14">
        <v>139</v>
      </c>
      <c r="D35" s="18">
        <v>295</v>
      </c>
    </row>
    <row r="36" spans="1:4" ht="18" customHeight="1" x14ac:dyDescent="0.15">
      <c r="A36" s="5">
        <v>25</v>
      </c>
      <c r="B36" s="22">
        <v>33</v>
      </c>
      <c r="C36" s="14">
        <v>28</v>
      </c>
      <c r="D36" s="18">
        <v>61</v>
      </c>
    </row>
    <row r="37" spans="1:4" ht="18" customHeight="1" x14ac:dyDescent="0.15">
      <c r="A37" s="5">
        <v>26</v>
      </c>
      <c r="B37" s="22">
        <v>33</v>
      </c>
      <c r="C37" s="14">
        <v>21</v>
      </c>
      <c r="D37" s="18">
        <v>54</v>
      </c>
    </row>
    <row r="38" spans="1:4" ht="18" customHeight="1" x14ac:dyDescent="0.15">
      <c r="A38" s="5">
        <v>27</v>
      </c>
      <c r="B38" s="22">
        <v>28</v>
      </c>
      <c r="C38" s="14">
        <v>25</v>
      </c>
      <c r="D38" s="18">
        <v>53</v>
      </c>
    </row>
    <row r="39" spans="1:4" ht="18" customHeight="1" x14ac:dyDescent="0.15">
      <c r="A39" s="5">
        <v>28</v>
      </c>
      <c r="B39" s="22">
        <v>23</v>
      </c>
      <c r="C39" s="14">
        <v>26</v>
      </c>
      <c r="D39" s="18">
        <v>49</v>
      </c>
    </row>
    <row r="40" spans="1:4" ht="18" customHeight="1" x14ac:dyDescent="0.15">
      <c r="A40" s="5">
        <v>29</v>
      </c>
      <c r="B40" s="22">
        <v>22</v>
      </c>
      <c r="C40" s="14">
        <v>28</v>
      </c>
      <c r="D40" s="18">
        <v>50</v>
      </c>
    </row>
    <row r="41" spans="1:4" ht="18" customHeight="1" x14ac:dyDescent="0.15">
      <c r="A41" s="5" t="s">
        <v>2</v>
      </c>
      <c r="B41" s="22">
        <v>139</v>
      </c>
      <c r="C41" s="14">
        <v>128</v>
      </c>
      <c r="D41" s="18">
        <v>267</v>
      </c>
    </row>
    <row r="42" spans="1:4" ht="18" customHeight="1" x14ac:dyDescent="0.15">
      <c r="A42" s="5">
        <v>30</v>
      </c>
      <c r="B42" s="22">
        <v>23</v>
      </c>
      <c r="C42" s="14">
        <v>22</v>
      </c>
      <c r="D42" s="18">
        <v>45</v>
      </c>
    </row>
    <row r="43" spans="1:4" ht="18" customHeight="1" x14ac:dyDescent="0.15">
      <c r="A43" s="5">
        <v>31</v>
      </c>
      <c r="B43" s="22">
        <v>30</v>
      </c>
      <c r="C43" s="14">
        <v>22</v>
      </c>
      <c r="D43" s="18">
        <v>52</v>
      </c>
    </row>
    <row r="44" spans="1:4" ht="18" customHeight="1" x14ac:dyDescent="0.15">
      <c r="A44" s="5">
        <v>32</v>
      </c>
      <c r="B44" s="22">
        <v>27</v>
      </c>
      <c r="C44" s="14">
        <v>27</v>
      </c>
      <c r="D44" s="18">
        <v>54</v>
      </c>
    </row>
    <row r="45" spans="1:4" ht="18" customHeight="1" x14ac:dyDescent="0.15">
      <c r="A45" s="5">
        <v>33</v>
      </c>
      <c r="B45" s="22">
        <v>21</v>
      </c>
      <c r="C45" s="14">
        <v>25</v>
      </c>
      <c r="D45" s="18">
        <v>46</v>
      </c>
    </row>
    <row r="46" spans="1:4" ht="18" customHeight="1" x14ac:dyDescent="0.15">
      <c r="A46" s="5">
        <v>34</v>
      </c>
      <c r="B46" s="22">
        <v>28</v>
      </c>
      <c r="C46" s="14">
        <v>21</v>
      </c>
      <c r="D46" s="18">
        <v>49</v>
      </c>
    </row>
    <row r="47" spans="1:4" ht="18" customHeight="1" x14ac:dyDescent="0.15">
      <c r="A47" s="5" t="s">
        <v>15</v>
      </c>
      <c r="B47" s="22">
        <v>129</v>
      </c>
      <c r="C47" s="14">
        <v>117</v>
      </c>
      <c r="D47" s="18">
        <v>246</v>
      </c>
    </row>
    <row r="48" spans="1:4" ht="18" customHeight="1" x14ac:dyDescent="0.15">
      <c r="A48" s="5">
        <v>35</v>
      </c>
      <c r="B48" s="22">
        <v>33</v>
      </c>
      <c r="C48" s="14">
        <v>26</v>
      </c>
      <c r="D48" s="18">
        <v>59</v>
      </c>
    </row>
    <row r="49" spans="1:4" ht="18" customHeight="1" x14ac:dyDescent="0.15">
      <c r="A49" s="5">
        <v>36</v>
      </c>
      <c r="B49" s="22">
        <v>27</v>
      </c>
      <c r="C49" s="14">
        <v>33</v>
      </c>
      <c r="D49" s="18">
        <v>60</v>
      </c>
    </row>
    <row r="50" spans="1:4" ht="18" customHeight="1" x14ac:dyDescent="0.15">
      <c r="A50" s="5">
        <v>37</v>
      </c>
      <c r="B50" s="22">
        <v>36</v>
      </c>
      <c r="C50" s="14">
        <v>28</v>
      </c>
      <c r="D50" s="18">
        <v>64</v>
      </c>
    </row>
    <row r="51" spans="1:4" ht="18" customHeight="1" x14ac:dyDescent="0.15">
      <c r="A51" s="5">
        <v>38</v>
      </c>
      <c r="B51" s="22">
        <v>26</v>
      </c>
      <c r="C51" s="14">
        <v>35</v>
      </c>
      <c r="D51" s="18">
        <v>61</v>
      </c>
    </row>
    <row r="52" spans="1:4" ht="18" customHeight="1" x14ac:dyDescent="0.15">
      <c r="A52" s="5">
        <v>39</v>
      </c>
      <c r="B52" s="22">
        <v>31</v>
      </c>
      <c r="C52" s="14">
        <v>33</v>
      </c>
      <c r="D52" s="18">
        <v>64</v>
      </c>
    </row>
    <row r="53" spans="1:4" ht="18" customHeight="1" x14ac:dyDescent="0.15">
      <c r="A53" s="5" t="s">
        <v>18</v>
      </c>
      <c r="B53" s="22">
        <v>153</v>
      </c>
      <c r="C53" s="14">
        <v>155</v>
      </c>
      <c r="D53" s="18">
        <v>308</v>
      </c>
    </row>
    <row r="54" spans="1:4" ht="18" customHeight="1" x14ac:dyDescent="0.15">
      <c r="A54" s="5">
        <v>40</v>
      </c>
      <c r="B54" s="22">
        <v>27</v>
      </c>
      <c r="C54" s="14">
        <v>27</v>
      </c>
      <c r="D54" s="18">
        <v>54</v>
      </c>
    </row>
    <row r="55" spans="1:4" ht="18" customHeight="1" x14ac:dyDescent="0.15">
      <c r="A55" s="5">
        <v>41</v>
      </c>
      <c r="B55" s="22">
        <v>35</v>
      </c>
      <c r="C55" s="14">
        <v>35</v>
      </c>
      <c r="D55" s="18">
        <v>70</v>
      </c>
    </row>
    <row r="56" spans="1:4" ht="18" customHeight="1" x14ac:dyDescent="0.15">
      <c r="A56" s="5">
        <v>42</v>
      </c>
      <c r="B56" s="22">
        <v>35</v>
      </c>
      <c r="C56" s="14">
        <v>27</v>
      </c>
      <c r="D56" s="18">
        <v>62</v>
      </c>
    </row>
    <row r="57" spans="1:4" ht="18" customHeight="1" x14ac:dyDescent="0.15">
      <c r="A57" s="5">
        <v>43</v>
      </c>
      <c r="B57" s="22">
        <v>29</v>
      </c>
      <c r="C57" s="14">
        <v>42</v>
      </c>
      <c r="D57" s="18">
        <v>71</v>
      </c>
    </row>
    <row r="58" spans="1:4" ht="18" customHeight="1" x14ac:dyDescent="0.15">
      <c r="A58" s="5">
        <v>44</v>
      </c>
      <c r="B58" s="22">
        <v>31</v>
      </c>
      <c r="C58" s="14">
        <v>37</v>
      </c>
      <c r="D58" s="18">
        <v>68</v>
      </c>
    </row>
    <row r="59" spans="1:4" ht="18" customHeight="1" x14ac:dyDescent="0.15">
      <c r="A59" s="5" t="s">
        <v>21</v>
      </c>
      <c r="B59" s="22">
        <v>157</v>
      </c>
      <c r="C59" s="14">
        <v>168</v>
      </c>
      <c r="D59" s="18">
        <v>325</v>
      </c>
    </row>
    <row r="60" spans="1:4" ht="18" customHeight="1" x14ac:dyDescent="0.15">
      <c r="A60" s="5">
        <v>45</v>
      </c>
      <c r="B60" s="22">
        <v>30</v>
      </c>
      <c r="C60" s="14">
        <v>26</v>
      </c>
      <c r="D60" s="18">
        <v>56</v>
      </c>
    </row>
    <row r="61" spans="1:4" ht="18" customHeight="1" x14ac:dyDescent="0.15">
      <c r="A61" s="5">
        <v>46</v>
      </c>
      <c r="B61" s="22">
        <v>33</v>
      </c>
      <c r="C61" s="14">
        <v>34</v>
      </c>
      <c r="D61" s="18">
        <v>67</v>
      </c>
    </row>
    <row r="62" spans="1:4" ht="18" customHeight="1" x14ac:dyDescent="0.15">
      <c r="A62" s="5">
        <v>47</v>
      </c>
      <c r="B62" s="22">
        <v>29</v>
      </c>
      <c r="C62" s="14">
        <v>36</v>
      </c>
      <c r="D62" s="18">
        <v>65</v>
      </c>
    </row>
    <row r="63" spans="1:4" ht="18" customHeight="1" x14ac:dyDescent="0.15">
      <c r="A63" s="5">
        <v>48</v>
      </c>
      <c r="B63" s="22">
        <v>42</v>
      </c>
      <c r="C63" s="14">
        <v>38</v>
      </c>
      <c r="D63" s="18">
        <v>80</v>
      </c>
    </row>
    <row r="64" spans="1:4" ht="18" customHeight="1" x14ac:dyDescent="0.15">
      <c r="A64" s="5">
        <v>49</v>
      </c>
      <c r="B64" s="22">
        <v>41</v>
      </c>
      <c r="C64" s="14">
        <v>37</v>
      </c>
      <c r="D64" s="18">
        <v>78</v>
      </c>
    </row>
    <row r="65" spans="1:4" ht="18" customHeight="1" x14ac:dyDescent="0.15">
      <c r="A65" s="5" t="s">
        <v>17</v>
      </c>
      <c r="B65" s="22">
        <v>175</v>
      </c>
      <c r="C65" s="14">
        <v>171</v>
      </c>
      <c r="D65" s="18">
        <v>346</v>
      </c>
    </row>
    <row r="66" spans="1:4" ht="18" customHeight="1" x14ac:dyDescent="0.15">
      <c r="A66" s="5">
        <v>50</v>
      </c>
      <c r="B66" s="22">
        <v>46</v>
      </c>
      <c r="C66" s="14">
        <v>42</v>
      </c>
      <c r="D66" s="18">
        <v>88</v>
      </c>
    </row>
    <row r="67" spans="1:4" ht="18" customHeight="1" x14ac:dyDescent="0.15">
      <c r="A67" s="5">
        <v>51</v>
      </c>
      <c r="B67" s="22">
        <v>47</v>
      </c>
      <c r="C67" s="14">
        <v>43</v>
      </c>
      <c r="D67" s="18">
        <v>90</v>
      </c>
    </row>
    <row r="68" spans="1:4" ht="18" customHeight="1" x14ac:dyDescent="0.15">
      <c r="A68" s="5">
        <v>52</v>
      </c>
      <c r="B68" s="22">
        <v>50</v>
      </c>
      <c r="C68" s="14">
        <v>50</v>
      </c>
      <c r="D68" s="18">
        <v>100</v>
      </c>
    </row>
    <row r="69" spans="1:4" ht="18" customHeight="1" x14ac:dyDescent="0.15">
      <c r="A69" s="5">
        <v>53</v>
      </c>
      <c r="B69" s="22">
        <v>53</v>
      </c>
      <c r="C69" s="14">
        <v>54</v>
      </c>
      <c r="D69" s="18">
        <v>107</v>
      </c>
    </row>
    <row r="70" spans="1:4" ht="18" customHeight="1" x14ac:dyDescent="0.15">
      <c r="A70" s="5">
        <v>54</v>
      </c>
      <c r="B70" s="22">
        <v>43</v>
      </c>
      <c r="C70" s="14">
        <v>35</v>
      </c>
      <c r="D70" s="18">
        <v>78</v>
      </c>
    </row>
    <row r="71" spans="1:4" ht="18" customHeight="1" x14ac:dyDescent="0.15">
      <c r="A71" s="5" t="s">
        <v>22</v>
      </c>
      <c r="B71" s="22">
        <v>239</v>
      </c>
      <c r="C71" s="14">
        <v>224</v>
      </c>
      <c r="D71" s="18">
        <v>463</v>
      </c>
    </row>
    <row r="72" spans="1:4" ht="18" customHeight="1" x14ac:dyDescent="0.15">
      <c r="A72" s="5">
        <v>55</v>
      </c>
      <c r="B72" s="22">
        <v>56</v>
      </c>
      <c r="C72" s="14">
        <v>37</v>
      </c>
      <c r="D72" s="18">
        <v>93</v>
      </c>
    </row>
    <row r="73" spans="1:4" ht="18" customHeight="1" x14ac:dyDescent="0.15">
      <c r="A73" s="5">
        <v>56</v>
      </c>
      <c r="B73" s="22">
        <v>37</v>
      </c>
      <c r="C73" s="14">
        <v>43</v>
      </c>
      <c r="D73" s="18">
        <v>80</v>
      </c>
    </row>
    <row r="74" spans="1:4" ht="18" customHeight="1" x14ac:dyDescent="0.15">
      <c r="A74" s="5">
        <v>57</v>
      </c>
      <c r="B74" s="22">
        <v>37</v>
      </c>
      <c r="C74" s="14">
        <v>38</v>
      </c>
      <c r="D74" s="18">
        <v>75</v>
      </c>
    </row>
    <row r="75" spans="1:4" ht="18" customHeight="1" x14ac:dyDescent="0.15">
      <c r="A75" s="5">
        <v>58</v>
      </c>
      <c r="B75" s="22">
        <v>36</v>
      </c>
      <c r="C75" s="14">
        <v>46</v>
      </c>
      <c r="D75" s="18">
        <v>82</v>
      </c>
    </row>
    <row r="76" spans="1:4" ht="18" customHeight="1" x14ac:dyDescent="0.15">
      <c r="A76" s="5">
        <v>59</v>
      </c>
      <c r="B76" s="22">
        <v>28</v>
      </c>
      <c r="C76" s="14">
        <v>20</v>
      </c>
      <c r="D76" s="18">
        <v>48</v>
      </c>
    </row>
    <row r="77" spans="1:4" ht="18" customHeight="1" x14ac:dyDescent="0.15">
      <c r="A77" s="5" t="s">
        <v>27</v>
      </c>
      <c r="B77" s="22">
        <v>194</v>
      </c>
      <c r="C77" s="14">
        <v>184</v>
      </c>
      <c r="D77" s="18">
        <v>378</v>
      </c>
    </row>
    <row r="78" spans="1:4" ht="18" customHeight="1" x14ac:dyDescent="0.15">
      <c r="A78" s="5">
        <v>60</v>
      </c>
      <c r="B78" s="22">
        <v>42</v>
      </c>
      <c r="C78" s="14">
        <v>41</v>
      </c>
      <c r="D78" s="18">
        <v>83</v>
      </c>
    </row>
    <row r="79" spans="1:4" ht="18" customHeight="1" x14ac:dyDescent="0.15">
      <c r="A79" s="5">
        <v>61</v>
      </c>
      <c r="B79" s="22">
        <v>30</v>
      </c>
      <c r="C79" s="14">
        <v>42</v>
      </c>
      <c r="D79" s="18">
        <v>72</v>
      </c>
    </row>
    <row r="80" spans="1:4" ht="18" customHeight="1" x14ac:dyDescent="0.15">
      <c r="A80" s="5">
        <v>62</v>
      </c>
      <c r="B80" s="22">
        <v>35</v>
      </c>
      <c r="C80" s="14">
        <v>32</v>
      </c>
      <c r="D80" s="18">
        <v>67</v>
      </c>
    </row>
    <row r="81" spans="1:4" ht="18" customHeight="1" x14ac:dyDescent="0.15">
      <c r="A81" s="5">
        <v>63</v>
      </c>
      <c r="B81" s="22">
        <v>39</v>
      </c>
      <c r="C81" s="14">
        <v>25</v>
      </c>
      <c r="D81" s="18">
        <v>64</v>
      </c>
    </row>
    <row r="82" spans="1:4" ht="18" customHeight="1" x14ac:dyDescent="0.15">
      <c r="A82" s="5">
        <v>64</v>
      </c>
      <c r="B82" s="22">
        <v>35</v>
      </c>
      <c r="C82" s="14">
        <v>27</v>
      </c>
      <c r="D82" s="18">
        <v>62</v>
      </c>
    </row>
    <row r="83" spans="1:4" ht="18" customHeight="1" x14ac:dyDescent="0.15">
      <c r="A83" s="5" t="s">
        <v>28</v>
      </c>
      <c r="B83" s="22">
        <v>181</v>
      </c>
      <c r="C83" s="14">
        <v>167</v>
      </c>
      <c r="D83" s="18">
        <v>348</v>
      </c>
    </row>
    <row r="84" spans="1:4" ht="18" customHeight="1" x14ac:dyDescent="0.15">
      <c r="A84" s="5" t="s">
        <v>31</v>
      </c>
      <c r="B84" s="22">
        <v>1664</v>
      </c>
      <c r="C84" s="14">
        <v>1581</v>
      </c>
      <c r="D84" s="18">
        <v>3245</v>
      </c>
    </row>
    <row r="85" spans="1:4" ht="18" customHeight="1" x14ac:dyDescent="0.15">
      <c r="A85" s="5">
        <v>65</v>
      </c>
      <c r="B85" s="22">
        <v>40</v>
      </c>
      <c r="C85" s="14">
        <v>29</v>
      </c>
      <c r="D85" s="18">
        <v>69</v>
      </c>
    </row>
    <row r="86" spans="1:4" ht="18" customHeight="1" x14ac:dyDescent="0.15">
      <c r="A86" s="5">
        <v>66</v>
      </c>
      <c r="B86" s="22">
        <v>27</v>
      </c>
      <c r="C86" s="14">
        <v>40</v>
      </c>
      <c r="D86" s="18">
        <v>67</v>
      </c>
    </row>
    <row r="87" spans="1:4" ht="18" customHeight="1" x14ac:dyDescent="0.15">
      <c r="A87" s="5">
        <v>67</v>
      </c>
      <c r="B87" s="22">
        <v>30</v>
      </c>
      <c r="C87" s="14">
        <v>30</v>
      </c>
      <c r="D87" s="18">
        <v>60</v>
      </c>
    </row>
    <row r="88" spans="1:4" ht="18" customHeight="1" x14ac:dyDescent="0.15">
      <c r="A88" s="5">
        <v>68</v>
      </c>
      <c r="B88" s="22">
        <v>28</v>
      </c>
      <c r="C88" s="14">
        <v>32</v>
      </c>
      <c r="D88" s="18">
        <v>60</v>
      </c>
    </row>
    <row r="89" spans="1:4" ht="18" customHeight="1" x14ac:dyDescent="0.15">
      <c r="A89" s="5">
        <v>69</v>
      </c>
      <c r="B89" s="22">
        <v>21</v>
      </c>
      <c r="C89" s="14">
        <v>33</v>
      </c>
      <c r="D89" s="18">
        <v>54</v>
      </c>
    </row>
    <row r="90" spans="1:4" ht="18" customHeight="1" x14ac:dyDescent="0.15">
      <c r="A90" s="5" t="s">
        <v>20</v>
      </c>
      <c r="B90" s="22">
        <v>146</v>
      </c>
      <c r="C90" s="14">
        <v>164</v>
      </c>
      <c r="D90" s="18">
        <v>310</v>
      </c>
    </row>
    <row r="91" spans="1:4" ht="18" customHeight="1" x14ac:dyDescent="0.15">
      <c r="A91" s="5">
        <v>70</v>
      </c>
      <c r="B91" s="22">
        <v>38</v>
      </c>
      <c r="C91" s="14">
        <v>39</v>
      </c>
      <c r="D91" s="18">
        <v>77</v>
      </c>
    </row>
    <row r="92" spans="1:4" ht="18" customHeight="1" x14ac:dyDescent="0.15">
      <c r="A92" s="5">
        <v>71</v>
      </c>
      <c r="B92" s="22">
        <v>36</v>
      </c>
      <c r="C92" s="14">
        <v>31</v>
      </c>
      <c r="D92" s="18">
        <v>67</v>
      </c>
    </row>
    <row r="93" spans="1:4" ht="18" customHeight="1" x14ac:dyDescent="0.15">
      <c r="A93" s="5">
        <v>72</v>
      </c>
      <c r="B93" s="22">
        <v>33</v>
      </c>
      <c r="C93" s="14">
        <v>28</v>
      </c>
      <c r="D93" s="18">
        <v>61</v>
      </c>
    </row>
    <row r="94" spans="1:4" ht="18" customHeight="1" x14ac:dyDescent="0.15">
      <c r="A94" s="5">
        <v>73</v>
      </c>
      <c r="B94" s="22">
        <v>31</v>
      </c>
      <c r="C94" s="14">
        <v>38</v>
      </c>
      <c r="D94" s="18">
        <v>69</v>
      </c>
    </row>
    <row r="95" spans="1:4" ht="18" customHeight="1" x14ac:dyDescent="0.15">
      <c r="A95" s="5">
        <v>74</v>
      </c>
      <c r="B95" s="22">
        <v>33</v>
      </c>
      <c r="C95" s="14">
        <v>35</v>
      </c>
      <c r="D95" s="18">
        <v>68</v>
      </c>
    </row>
    <row r="96" spans="1:4" ht="18" customHeight="1" x14ac:dyDescent="0.15">
      <c r="A96" s="5" t="s">
        <v>33</v>
      </c>
      <c r="B96" s="22">
        <v>171</v>
      </c>
      <c r="C96" s="14">
        <v>171</v>
      </c>
      <c r="D96" s="18">
        <v>342</v>
      </c>
    </row>
    <row r="97" spans="1:4" ht="18" customHeight="1" x14ac:dyDescent="0.15">
      <c r="A97" s="5">
        <v>75</v>
      </c>
      <c r="B97" s="22">
        <v>23</v>
      </c>
      <c r="C97" s="14">
        <v>44</v>
      </c>
      <c r="D97" s="18">
        <v>67</v>
      </c>
    </row>
    <row r="98" spans="1:4" ht="18" customHeight="1" x14ac:dyDescent="0.15">
      <c r="A98" s="5">
        <v>76</v>
      </c>
      <c r="B98" s="22">
        <v>33</v>
      </c>
      <c r="C98" s="14">
        <v>38</v>
      </c>
      <c r="D98" s="18">
        <v>71</v>
      </c>
    </row>
    <row r="99" spans="1:4" ht="18" customHeight="1" x14ac:dyDescent="0.15">
      <c r="A99" s="5">
        <v>77</v>
      </c>
      <c r="B99" s="22">
        <v>29</v>
      </c>
      <c r="C99" s="14">
        <v>43</v>
      </c>
      <c r="D99" s="18">
        <v>72</v>
      </c>
    </row>
    <row r="100" spans="1:4" ht="18" customHeight="1" x14ac:dyDescent="0.15">
      <c r="A100" s="5">
        <v>78</v>
      </c>
      <c r="B100" s="22">
        <v>35</v>
      </c>
      <c r="C100" s="14">
        <v>60</v>
      </c>
      <c r="D100" s="18">
        <v>95</v>
      </c>
    </row>
    <row r="101" spans="1:4" ht="18" customHeight="1" x14ac:dyDescent="0.15">
      <c r="A101" s="5">
        <v>79</v>
      </c>
      <c r="B101" s="22">
        <v>25</v>
      </c>
      <c r="C101" s="14">
        <v>25</v>
      </c>
      <c r="D101" s="18">
        <v>50</v>
      </c>
    </row>
    <row r="102" spans="1:4" ht="18" customHeight="1" x14ac:dyDescent="0.15">
      <c r="A102" s="5" t="s">
        <v>0</v>
      </c>
      <c r="B102" s="22">
        <v>145</v>
      </c>
      <c r="C102" s="14">
        <v>210</v>
      </c>
      <c r="D102" s="18">
        <v>355</v>
      </c>
    </row>
    <row r="103" spans="1:4" ht="18" customHeight="1" x14ac:dyDescent="0.15">
      <c r="A103" s="5">
        <v>80</v>
      </c>
      <c r="B103" s="22">
        <v>24</v>
      </c>
      <c r="C103" s="14">
        <v>22</v>
      </c>
      <c r="D103" s="18">
        <v>46</v>
      </c>
    </row>
    <row r="104" spans="1:4" ht="18" customHeight="1" x14ac:dyDescent="0.15">
      <c r="A104" s="5">
        <v>81</v>
      </c>
      <c r="B104" s="22">
        <v>22</v>
      </c>
      <c r="C104" s="14">
        <v>34</v>
      </c>
      <c r="D104" s="18">
        <v>56</v>
      </c>
    </row>
    <row r="105" spans="1:4" ht="18" customHeight="1" x14ac:dyDescent="0.15">
      <c r="A105" s="5">
        <v>82</v>
      </c>
      <c r="B105" s="22">
        <v>25</v>
      </c>
      <c r="C105" s="14">
        <v>36</v>
      </c>
      <c r="D105" s="18">
        <v>61</v>
      </c>
    </row>
    <row r="106" spans="1:4" ht="18" customHeight="1" x14ac:dyDescent="0.15">
      <c r="A106" s="5">
        <v>83</v>
      </c>
      <c r="B106" s="22">
        <v>27</v>
      </c>
      <c r="C106" s="14">
        <v>29</v>
      </c>
      <c r="D106" s="18">
        <v>56</v>
      </c>
    </row>
    <row r="107" spans="1:4" ht="18" customHeight="1" x14ac:dyDescent="0.15">
      <c r="A107" s="5">
        <v>84</v>
      </c>
      <c r="B107" s="22">
        <v>25</v>
      </c>
      <c r="C107" s="14">
        <v>24</v>
      </c>
      <c r="D107" s="18">
        <v>49</v>
      </c>
    </row>
    <row r="108" spans="1:4" ht="18" customHeight="1" x14ac:dyDescent="0.15">
      <c r="A108" s="5" t="s">
        <v>35</v>
      </c>
      <c r="B108" s="22">
        <v>123</v>
      </c>
      <c r="C108" s="14">
        <v>145</v>
      </c>
      <c r="D108" s="18">
        <v>268</v>
      </c>
    </row>
    <row r="109" spans="1:4" ht="18" customHeight="1" x14ac:dyDescent="0.15">
      <c r="A109" s="5">
        <v>85</v>
      </c>
      <c r="B109" s="22">
        <v>14</v>
      </c>
      <c r="C109" s="14">
        <v>36</v>
      </c>
      <c r="D109" s="18">
        <v>50</v>
      </c>
    </row>
    <row r="110" spans="1:4" ht="18" customHeight="1" x14ac:dyDescent="0.15">
      <c r="A110" s="5">
        <v>86</v>
      </c>
      <c r="B110" s="22">
        <v>16</v>
      </c>
      <c r="C110" s="14">
        <v>25</v>
      </c>
      <c r="D110" s="18">
        <v>41</v>
      </c>
    </row>
    <row r="111" spans="1:4" ht="18" customHeight="1" x14ac:dyDescent="0.15">
      <c r="A111" s="5">
        <v>87</v>
      </c>
      <c r="B111" s="22">
        <v>8</v>
      </c>
      <c r="C111" s="14">
        <v>19</v>
      </c>
      <c r="D111" s="18">
        <v>27</v>
      </c>
    </row>
    <row r="112" spans="1:4" ht="18" customHeight="1" x14ac:dyDescent="0.15">
      <c r="A112" s="5">
        <v>88</v>
      </c>
      <c r="B112" s="22">
        <v>9</v>
      </c>
      <c r="C112" s="14">
        <v>19</v>
      </c>
      <c r="D112" s="18">
        <v>28</v>
      </c>
    </row>
    <row r="113" spans="1:4" ht="18" customHeight="1" x14ac:dyDescent="0.15">
      <c r="A113" s="5">
        <v>89</v>
      </c>
      <c r="B113" s="22">
        <v>9</v>
      </c>
      <c r="C113" s="14">
        <v>24</v>
      </c>
      <c r="D113" s="18">
        <v>33</v>
      </c>
    </row>
    <row r="114" spans="1:4" ht="18" customHeight="1" x14ac:dyDescent="0.15">
      <c r="A114" s="5" t="s">
        <v>37</v>
      </c>
      <c r="B114" s="22">
        <v>56</v>
      </c>
      <c r="C114" s="14">
        <v>123</v>
      </c>
      <c r="D114" s="18">
        <v>179</v>
      </c>
    </row>
    <row r="115" spans="1:4" ht="18" customHeight="1" x14ac:dyDescent="0.15">
      <c r="A115" s="5">
        <v>90</v>
      </c>
      <c r="B115" s="22">
        <v>6</v>
      </c>
      <c r="C115" s="14">
        <v>19</v>
      </c>
      <c r="D115" s="18">
        <v>25</v>
      </c>
    </row>
    <row r="116" spans="1:4" ht="18" customHeight="1" x14ac:dyDescent="0.15">
      <c r="A116" s="5">
        <v>91</v>
      </c>
      <c r="B116" s="22">
        <v>2</v>
      </c>
      <c r="C116" s="14">
        <v>18</v>
      </c>
      <c r="D116" s="18">
        <v>20</v>
      </c>
    </row>
    <row r="117" spans="1:4" ht="18" customHeight="1" x14ac:dyDescent="0.15">
      <c r="A117" s="5">
        <v>92</v>
      </c>
      <c r="B117" s="22">
        <v>4</v>
      </c>
      <c r="C117" s="14">
        <v>18</v>
      </c>
      <c r="D117" s="18">
        <v>22</v>
      </c>
    </row>
    <row r="118" spans="1:4" ht="18" customHeight="1" x14ac:dyDescent="0.15">
      <c r="A118" s="5">
        <v>93</v>
      </c>
      <c r="B118" s="22">
        <v>7</v>
      </c>
      <c r="C118" s="14">
        <v>12</v>
      </c>
      <c r="D118" s="18">
        <v>19</v>
      </c>
    </row>
    <row r="119" spans="1:4" ht="18" customHeight="1" x14ac:dyDescent="0.15">
      <c r="A119" s="5">
        <v>94</v>
      </c>
      <c r="B119" s="22">
        <v>4</v>
      </c>
      <c r="C119" s="14">
        <v>7</v>
      </c>
      <c r="D119" s="18">
        <v>11</v>
      </c>
    </row>
    <row r="120" spans="1:4" ht="18" customHeight="1" x14ac:dyDescent="0.15">
      <c r="A120" s="5" t="s">
        <v>39</v>
      </c>
      <c r="B120" s="22">
        <v>23</v>
      </c>
      <c r="C120" s="14">
        <v>74</v>
      </c>
      <c r="D120" s="18">
        <v>97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24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670</v>
      </c>
      <c r="C130" s="14">
        <v>916</v>
      </c>
      <c r="D130" s="18">
        <v>1586</v>
      </c>
    </row>
    <row r="131" spans="1:4" ht="18" customHeight="1" x14ac:dyDescent="0.15">
      <c r="A131" s="7" t="s">
        <v>45</v>
      </c>
      <c r="B131" s="23">
        <v>2681</v>
      </c>
      <c r="C131" s="15">
        <v>2865</v>
      </c>
      <c r="D131" s="19">
        <v>55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4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2</v>
      </c>
      <c r="C5" s="13">
        <v>29</v>
      </c>
      <c r="D5" s="17">
        <v>51</v>
      </c>
    </row>
    <row r="6" spans="1:4" ht="18" customHeight="1" x14ac:dyDescent="0.15">
      <c r="A6" s="5">
        <v>1</v>
      </c>
      <c r="B6" s="22">
        <v>27</v>
      </c>
      <c r="C6" s="14">
        <v>27</v>
      </c>
      <c r="D6" s="18">
        <v>54</v>
      </c>
    </row>
    <row r="7" spans="1:4" ht="18" customHeight="1" x14ac:dyDescent="0.15">
      <c r="A7" s="5">
        <v>2</v>
      </c>
      <c r="B7" s="22">
        <v>38</v>
      </c>
      <c r="C7" s="14">
        <v>22</v>
      </c>
      <c r="D7" s="18">
        <v>60</v>
      </c>
    </row>
    <row r="8" spans="1:4" ht="18" customHeight="1" x14ac:dyDescent="0.15">
      <c r="A8" s="5">
        <v>3</v>
      </c>
      <c r="B8" s="22">
        <v>24</v>
      </c>
      <c r="C8" s="14">
        <v>30</v>
      </c>
      <c r="D8" s="18">
        <v>54</v>
      </c>
    </row>
    <row r="9" spans="1:4" ht="18" customHeight="1" x14ac:dyDescent="0.15">
      <c r="A9" s="5">
        <v>4</v>
      </c>
      <c r="B9" s="22">
        <v>37</v>
      </c>
      <c r="C9" s="14">
        <v>29</v>
      </c>
      <c r="D9" s="18">
        <v>66</v>
      </c>
    </row>
    <row r="10" spans="1:4" ht="18" customHeight="1" x14ac:dyDescent="0.15">
      <c r="A10" s="5" t="s">
        <v>7</v>
      </c>
      <c r="B10" s="22">
        <v>148</v>
      </c>
      <c r="C10" s="14">
        <v>137</v>
      </c>
      <c r="D10" s="18">
        <v>285</v>
      </c>
    </row>
    <row r="11" spans="1:4" ht="18" customHeight="1" x14ac:dyDescent="0.15">
      <c r="A11" s="5">
        <v>5</v>
      </c>
      <c r="B11" s="22">
        <v>27</v>
      </c>
      <c r="C11" s="14">
        <v>25</v>
      </c>
      <c r="D11" s="18">
        <v>52</v>
      </c>
    </row>
    <row r="12" spans="1:4" ht="18" customHeight="1" x14ac:dyDescent="0.15">
      <c r="A12" s="5">
        <v>6</v>
      </c>
      <c r="B12" s="22">
        <v>35</v>
      </c>
      <c r="C12" s="14">
        <v>23</v>
      </c>
      <c r="D12" s="18">
        <v>58</v>
      </c>
    </row>
    <row r="13" spans="1:4" ht="18" customHeight="1" x14ac:dyDescent="0.15">
      <c r="A13" s="5">
        <v>7</v>
      </c>
      <c r="B13" s="22">
        <v>27</v>
      </c>
      <c r="C13" s="14">
        <v>40</v>
      </c>
      <c r="D13" s="18">
        <v>67</v>
      </c>
    </row>
    <row r="14" spans="1:4" ht="18" customHeight="1" x14ac:dyDescent="0.15">
      <c r="A14" s="5">
        <v>8</v>
      </c>
      <c r="B14" s="22">
        <v>27</v>
      </c>
      <c r="C14" s="14">
        <v>40</v>
      </c>
      <c r="D14" s="18">
        <v>67</v>
      </c>
    </row>
    <row r="15" spans="1:4" ht="18" customHeight="1" x14ac:dyDescent="0.15">
      <c r="A15" s="5">
        <v>9</v>
      </c>
      <c r="B15" s="22">
        <v>28</v>
      </c>
      <c r="C15" s="14">
        <v>28</v>
      </c>
      <c r="D15" s="18">
        <v>56</v>
      </c>
    </row>
    <row r="16" spans="1:4" ht="18" customHeight="1" x14ac:dyDescent="0.15">
      <c r="A16" s="5" t="s">
        <v>11</v>
      </c>
      <c r="B16" s="22">
        <v>144</v>
      </c>
      <c r="C16" s="14">
        <v>156</v>
      </c>
      <c r="D16" s="18">
        <v>300</v>
      </c>
    </row>
    <row r="17" spans="1:4" ht="18" customHeight="1" x14ac:dyDescent="0.15">
      <c r="A17" s="5">
        <v>10</v>
      </c>
      <c r="B17" s="22">
        <v>29</v>
      </c>
      <c r="C17" s="14">
        <v>26</v>
      </c>
      <c r="D17" s="18">
        <v>55</v>
      </c>
    </row>
    <row r="18" spans="1:4" ht="18" customHeight="1" x14ac:dyDescent="0.15">
      <c r="A18" s="5">
        <v>11</v>
      </c>
      <c r="B18" s="22">
        <v>29</v>
      </c>
      <c r="C18" s="14">
        <v>34</v>
      </c>
      <c r="D18" s="18">
        <v>63</v>
      </c>
    </row>
    <row r="19" spans="1:4" ht="18" customHeight="1" x14ac:dyDescent="0.15">
      <c r="A19" s="5">
        <v>12</v>
      </c>
      <c r="B19" s="22">
        <v>33</v>
      </c>
      <c r="C19" s="14">
        <v>36</v>
      </c>
      <c r="D19" s="18">
        <v>69</v>
      </c>
    </row>
    <row r="20" spans="1:4" ht="18" customHeight="1" x14ac:dyDescent="0.15">
      <c r="A20" s="5">
        <v>13</v>
      </c>
      <c r="B20" s="22">
        <v>37</v>
      </c>
      <c r="C20" s="14">
        <v>30</v>
      </c>
      <c r="D20" s="18">
        <v>67</v>
      </c>
    </row>
    <row r="21" spans="1:4" ht="18" customHeight="1" x14ac:dyDescent="0.15">
      <c r="A21" s="5">
        <v>14</v>
      </c>
      <c r="B21" s="22">
        <v>31</v>
      </c>
      <c r="C21" s="14">
        <v>44</v>
      </c>
      <c r="D21" s="18">
        <v>75</v>
      </c>
    </row>
    <row r="22" spans="1:4" ht="18" customHeight="1" x14ac:dyDescent="0.15">
      <c r="A22" s="5" t="s">
        <v>12</v>
      </c>
      <c r="B22" s="22">
        <v>159</v>
      </c>
      <c r="C22" s="14">
        <v>170</v>
      </c>
      <c r="D22" s="18">
        <v>329</v>
      </c>
    </row>
    <row r="23" spans="1:4" ht="18" customHeight="1" x14ac:dyDescent="0.15">
      <c r="A23" s="5" t="s">
        <v>6</v>
      </c>
      <c r="B23" s="22">
        <v>451</v>
      </c>
      <c r="C23" s="14">
        <v>463</v>
      </c>
      <c r="D23" s="18">
        <v>914</v>
      </c>
    </row>
    <row r="24" spans="1:4" ht="18" customHeight="1" x14ac:dyDescent="0.15">
      <c r="A24" s="5">
        <v>15</v>
      </c>
      <c r="B24" s="22">
        <v>35</v>
      </c>
      <c r="C24" s="14">
        <v>37</v>
      </c>
      <c r="D24" s="18">
        <v>72</v>
      </c>
    </row>
    <row r="25" spans="1:4" ht="18" customHeight="1" x14ac:dyDescent="0.15">
      <c r="A25" s="5">
        <v>16</v>
      </c>
      <c r="B25" s="22">
        <v>39</v>
      </c>
      <c r="C25" s="14">
        <v>42</v>
      </c>
      <c r="D25" s="18">
        <v>81</v>
      </c>
    </row>
    <row r="26" spans="1:4" ht="18" customHeight="1" x14ac:dyDescent="0.15">
      <c r="A26" s="5">
        <v>17</v>
      </c>
      <c r="B26" s="22">
        <v>43</v>
      </c>
      <c r="C26" s="14">
        <v>38</v>
      </c>
      <c r="D26" s="18">
        <v>81</v>
      </c>
    </row>
    <row r="27" spans="1:4" ht="18" customHeight="1" x14ac:dyDescent="0.15">
      <c r="A27" s="5">
        <v>18</v>
      </c>
      <c r="B27" s="22">
        <v>61</v>
      </c>
      <c r="C27" s="14">
        <v>50</v>
      </c>
      <c r="D27" s="18">
        <v>111</v>
      </c>
    </row>
    <row r="28" spans="1:4" ht="18" customHeight="1" x14ac:dyDescent="0.15">
      <c r="A28" s="5">
        <v>19</v>
      </c>
      <c r="B28" s="22">
        <v>176</v>
      </c>
      <c r="C28" s="14">
        <v>112</v>
      </c>
      <c r="D28" s="18">
        <v>288</v>
      </c>
    </row>
    <row r="29" spans="1:4" ht="18" customHeight="1" x14ac:dyDescent="0.15">
      <c r="A29" s="5" t="s">
        <v>14</v>
      </c>
      <c r="B29" s="22">
        <v>354</v>
      </c>
      <c r="C29" s="14">
        <v>279</v>
      </c>
      <c r="D29" s="18">
        <v>633</v>
      </c>
    </row>
    <row r="30" spans="1:4" ht="18" customHeight="1" x14ac:dyDescent="0.15">
      <c r="A30" s="5">
        <v>20</v>
      </c>
      <c r="B30" s="22">
        <v>187</v>
      </c>
      <c r="C30" s="14">
        <v>110</v>
      </c>
      <c r="D30" s="18">
        <v>297</v>
      </c>
    </row>
    <row r="31" spans="1:4" ht="18" customHeight="1" x14ac:dyDescent="0.15">
      <c r="A31" s="5">
        <v>21</v>
      </c>
      <c r="B31" s="22">
        <v>228</v>
      </c>
      <c r="C31" s="14">
        <v>145</v>
      </c>
      <c r="D31" s="18">
        <v>373</v>
      </c>
    </row>
    <row r="32" spans="1:4" ht="18" customHeight="1" x14ac:dyDescent="0.15">
      <c r="A32" s="5">
        <v>22</v>
      </c>
      <c r="B32" s="22">
        <v>194</v>
      </c>
      <c r="C32" s="14">
        <v>116</v>
      </c>
      <c r="D32" s="18">
        <v>310</v>
      </c>
    </row>
    <row r="33" spans="1:4" ht="18" customHeight="1" x14ac:dyDescent="0.15">
      <c r="A33" s="5">
        <v>23</v>
      </c>
      <c r="B33" s="22">
        <v>177</v>
      </c>
      <c r="C33" s="14">
        <v>87</v>
      </c>
      <c r="D33" s="18">
        <v>264</v>
      </c>
    </row>
    <row r="34" spans="1:4" ht="18" customHeight="1" x14ac:dyDescent="0.15">
      <c r="A34" s="5">
        <v>24</v>
      </c>
      <c r="B34" s="22">
        <v>139</v>
      </c>
      <c r="C34" s="14">
        <v>78</v>
      </c>
      <c r="D34" s="18">
        <v>217</v>
      </c>
    </row>
    <row r="35" spans="1:4" ht="18" customHeight="1" x14ac:dyDescent="0.15">
      <c r="A35" s="5" t="s">
        <v>9</v>
      </c>
      <c r="B35" s="22">
        <v>925</v>
      </c>
      <c r="C35" s="14">
        <v>536</v>
      </c>
      <c r="D35" s="18">
        <v>1461</v>
      </c>
    </row>
    <row r="36" spans="1:4" ht="18" customHeight="1" x14ac:dyDescent="0.15">
      <c r="A36" s="5">
        <v>25</v>
      </c>
      <c r="B36" s="22">
        <v>116</v>
      </c>
      <c r="C36" s="14">
        <v>52</v>
      </c>
      <c r="D36" s="18">
        <v>168</v>
      </c>
    </row>
    <row r="37" spans="1:4" ht="18" customHeight="1" x14ac:dyDescent="0.15">
      <c r="A37" s="5">
        <v>26</v>
      </c>
      <c r="B37" s="22">
        <v>99</v>
      </c>
      <c r="C37" s="14">
        <v>62</v>
      </c>
      <c r="D37" s="18">
        <v>161</v>
      </c>
    </row>
    <row r="38" spans="1:4" ht="18" customHeight="1" x14ac:dyDescent="0.15">
      <c r="A38" s="5">
        <v>27</v>
      </c>
      <c r="B38" s="22">
        <v>74</v>
      </c>
      <c r="C38" s="14">
        <v>48</v>
      </c>
      <c r="D38" s="18">
        <v>122</v>
      </c>
    </row>
    <row r="39" spans="1:4" ht="18" customHeight="1" x14ac:dyDescent="0.15">
      <c r="A39" s="5">
        <v>28</v>
      </c>
      <c r="B39" s="22">
        <v>55</v>
      </c>
      <c r="C39" s="14">
        <v>47</v>
      </c>
      <c r="D39" s="18">
        <v>102</v>
      </c>
    </row>
    <row r="40" spans="1:4" ht="18" customHeight="1" x14ac:dyDescent="0.15">
      <c r="A40" s="5">
        <v>29</v>
      </c>
      <c r="B40" s="22">
        <v>62</v>
      </c>
      <c r="C40" s="14">
        <v>50</v>
      </c>
      <c r="D40" s="18">
        <v>112</v>
      </c>
    </row>
    <row r="41" spans="1:4" ht="18" customHeight="1" x14ac:dyDescent="0.15">
      <c r="A41" s="5" t="s">
        <v>2</v>
      </c>
      <c r="B41" s="22">
        <v>406</v>
      </c>
      <c r="C41" s="14">
        <v>259</v>
      </c>
      <c r="D41" s="18">
        <v>665</v>
      </c>
    </row>
    <row r="42" spans="1:4" ht="18" customHeight="1" x14ac:dyDescent="0.15">
      <c r="A42" s="5">
        <v>30</v>
      </c>
      <c r="B42" s="22">
        <v>63</v>
      </c>
      <c r="C42" s="14">
        <v>65</v>
      </c>
      <c r="D42" s="18">
        <v>128</v>
      </c>
    </row>
    <row r="43" spans="1:4" ht="18" customHeight="1" x14ac:dyDescent="0.15">
      <c r="A43" s="5">
        <v>31</v>
      </c>
      <c r="B43" s="22">
        <v>56</v>
      </c>
      <c r="C43" s="14">
        <v>50</v>
      </c>
      <c r="D43" s="18">
        <v>106</v>
      </c>
    </row>
    <row r="44" spans="1:4" ht="18" customHeight="1" x14ac:dyDescent="0.15">
      <c r="A44" s="5">
        <v>32</v>
      </c>
      <c r="B44" s="22">
        <v>54</v>
      </c>
      <c r="C44" s="14">
        <v>36</v>
      </c>
      <c r="D44" s="18">
        <v>90</v>
      </c>
    </row>
    <row r="45" spans="1:4" ht="18" customHeight="1" x14ac:dyDescent="0.15">
      <c r="A45" s="5">
        <v>33</v>
      </c>
      <c r="B45" s="22">
        <v>48</v>
      </c>
      <c r="C45" s="14">
        <v>57</v>
      </c>
      <c r="D45" s="18">
        <v>105</v>
      </c>
    </row>
    <row r="46" spans="1:4" ht="18" customHeight="1" x14ac:dyDescent="0.15">
      <c r="A46" s="5">
        <v>34</v>
      </c>
      <c r="B46" s="22">
        <v>63</v>
      </c>
      <c r="C46" s="14">
        <v>37</v>
      </c>
      <c r="D46" s="18">
        <v>100</v>
      </c>
    </row>
    <row r="47" spans="1:4" ht="18" customHeight="1" x14ac:dyDescent="0.15">
      <c r="A47" s="5" t="s">
        <v>15</v>
      </c>
      <c r="B47" s="22">
        <v>284</v>
      </c>
      <c r="C47" s="14">
        <v>245</v>
      </c>
      <c r="D47" s="18">
        <v>529</v>
      </c>
    </row>
    <row r="48" spans="1:4" ht="18" customHeight="1" x14ac:dyDescent="0.15">
      <c r="A48" s="5">
        <v>35</v>
      </c>
      <c r="B48" s="22">
        <v>45</v>
      </c>
      <c r="C48" s="14">
        <v>53</v>
      </c>
      <c r="D48" s="18">
        <v>98</v>
      </c>
    </row>
    <row r="49" spans="1:4" ht="18" customHeight="1" x14ac:dyDescent="0.15">
      <c r="A49" s="5">
        <v>36</v>
      </c>
      <c r="B49" s="22">
        <v>65</v>
      </c>
      <c r="C49" s="14">
        <v>37</v>
      </c>
      <c r="D49" s="18">
        <v>102</v>
      </c>
    </row>
    <row r="50" spans="1:4" ht="18" customHeight="1" x14ac:dyDescent="0.15">
      <c r="A50" s="5">
        <v>37</v>
      </c>
      <c r="B50" s="22">
        <v>53</v>
      </c>
      <c r="C50" s="14">
        <v>51</v>
      </c>
      <c r="D50" s="18">
        <v>104</v>
      </c>
    </row>
    <row r="51" spans="1:4" ht="18" customHeight="1" x14ac:dyDescent="0.15">
      <c r="A51" s="5">
        <v>38</v>
      </c>
      <c r="B51" s="22">
        <v>61</v>
      </c>
      <c r="C51" s="14">
        <v>37</v>
      </c>
      <c r="D51" s="18">
        <v>98</v>
      </c>
    </row>
    <row r="52" spans="1:4" ht="18" customHeight="1" x14ac:dyDescent="0.15">
      <c r="A52" s="5">
        <v>39</v>
      </c>
      <c r="B52" s="22">
        <v>41</v>
      </c>
      <c r="C52" s="14">
        <v>42</v>
      </c>
      <c r="D52" s="18">
        <v>83</v>
      </c>
    </row>
    <row r="53" spans="1:4" ht="18" customHeight="1" x14ac:dyDescent="0.15">
      <c r="A53" s="5" t="s">
        <v>18</v>
      </c>
      <c r="B53" s="22">
        <v>265</v>
      </c>
      <c r="C53" s="14">
        <v>220</v>
      </c>
      <c r="D53" s="18">
        <v>485</v>
      </c>
    </row>
    <row r="54" spans="1:4" ht="18" customHeight="1" x14ac:dyDescent="0.15">
      <c r="A54" s="5">
        <v>40</v>
      </c>
      <c r="B54" s="22">
        <v>48</v>
      </c>
      <c r="C54" s="14">
        <v>46</v>
      </c>
      <c r="D54" s="18">
        <v>94</v>
      </c>
    </row>
    <row r="55" spans="1:4" ht="18" customHeight="1" x14ac:dyDescent="0.15">
      <c r="A55" s="5">
        <v>41</v>
      </c>
      <c r="B55" s="22">
        <v>60</v>
      </c>
      <c r="C55" s="14">
        <v>52</v>
      </c>
      <c r="D55" s="18">
        <v>112</v>
      </c>
    </row>
    <row r="56" spans="1:4" ht="18" customHeight="1" x14ac:dyDescent="0.15">
      <c r="A56" s="5">
        <v>42</v>
      </c>
      <c r="B56" s="22">
        <v>54</v>
      </c>
      <c r="C56" s="14">
        <v>49</v>
      </c>
      <c r="D56" s="18">
        <v>103</v>
      </c>
    </row>
    <row r="57" spans="1:4" ht="18" customHeight="1" x14ac:dyDescent="0.15">
      <c r="A57" s="5">
        <v>43</v>
      </c>
      <c r="B57" s="22">
        <v>60</v>
      </c>
      <c r="C57" s="14">
        <v>51</v>
      </c>
      <c r="D57" s="18">
        <v>111</v>
      </c>
    </row>
    <row r="58" spans="1:4" ht="18" customHeight="1" x14ac:dyDescent="0.15">
      <c r="A58" s="5">
        <v>44</v>
      </c>
      <c r="B58" s="22">
        <v>41</v>
      </c>
      <c r="C58" s="14">
        <v>52</v>
      </c>
      <c r="D58" s="18">
        <v>93</v>
      </c>
    </row>
    <row r="59" spans="1:4" ht="18" customHeight="1" x14ac:dyDescent="0.15">
      <c r="A59" s="5" t="s">
        <v>21</v>
      </c>
      <c r="B59" s="22">
        <v>263</v>
      </c>
      <c r="C59" s="14">
        <v>250</v>
      </c>
      <c r="D59" s="18">
        <v>513</v>
      </c>
    </row>
    <row r="60" spans="1:4" ht="18" customHeight="1" x14ac:dyDescent="0.15">
      <c r="A60" s="5">
        <v>45</v>
      </c>
      <c r="B60" s="22">
        <v>64</v>
      </c>
      <c r="C60" s="14">
        <v>45</v>
      </c>
      <c r="D60" s="18">
        <v>109</v>
      </c>
    </row>
    <row r="61" spans="1:4" ht="18" customHeight="1" x14ac:dyDescent="0.15">
      <c r="A61" s="5">
        <v>46</v>
      </c>
      <c r="B61" s="22">
        <v>71</v>
      </c>
      <c r="C61" s="14">
        <v>61</v>
      </c>
      <c r="D61" s="18">
        <v>132</v>
      </c>
    </row>
    <row r="62" spans="1:4" ht="18" customHeight="1" x14ac:dyDescent="0.15">
      <c r="A62" s="5">
        <v>47</v>
      </c>
      <c r="B62" s="22">
        <v>75</v>
      </c>
      <c r="C62" s="14">
        <v>68</v>
      </c>
      <c r="D62" s="18">
        <v>143</v>
      </c>
    </row>
    <row r="63" spans="1:4" ht="18" customHeight="1" x14ac:dyDescent="0.15">
      <c r="A63" s="5">
        <v>48</v>
      </c>
      <c r="B63" s="22">
        <v>66</v>
      </c>
      <c r="C63" s="14">
        <v>58</v>
      </c>
      <c r="D63" s="18">
        <v>124</v>
      </c>
    </row>
    <row r="64" spans="1:4" ht="18" customHeight="1" x14ac:dyDescent="0.15">
      <c r="A64" s="5">
        <v>49</v>
      </c>
      <c r="B64" s="22">
        <v>66</v>
      </c>
      <c r="C64" s="14">
        <v>58</v>
      </c>
      <c r="D64" s="18">
        <v>124</v>
      </c>
    </row>
    <row r="65" spans="1:4" ht="18" customHeight="1" x14ac:dyDescent="0.15">
      <c r="A65" s="5" t="s">
        <v>17</v>
      </c>
      <c r="B65" s="22">
        <v>342</v>
      </c>
      <c r="C65" s="14">
        <v>290</v>
      </c>
      <c r="D65" s="18">
        <v>632</v>
      </c>
    </row>
    <row r="66" spans="1:4" ht="18" customHeight="1" x14ac:dyDescent="0.15">
      <c r="A66" s="5">
        <v>50</v>
      </c>
      <c r="B66" s="22">
        <v>74</v>
      </c>
      <c r="C66" s="14">
        <v>63</v>
      </c>
      <c r="D66" s="18">
        <v>137</v>
      </c>
    </row>
    <row r="67" spans="1:4" ht="18" customHeight="1" x14ac:dyDescent="0.15">
      <c r="A67" s="5">
        <v>51</v>
      </c>
      <c r="B67" s="22">
        <v>76</v>
      </c>
      <c r="C67" s="14">
        <v>75</v>
      </c>
      <c r="D67" s="18">
        <v>151</v>
      </c>
    </row>
    <row r="68" spans="1:4" ht="18" customHeight="1" x14ac:dyDescent="0.15">
      <c r="A68" s="5">
        <v>52</v>
      </c>
      <c r="B68" s="22">
        <v>86</v>
      </c>
      <c r="C68" s="14">
        <v>85</v>
      </c>
      <c r="D68" s="18">
        <v>171</v>
      </c>
    </row>
    <row r="69" spans="1:4" ht="18" customHeight="1" x14ac:dyDescent="0.15">
      <c r="A69" s="5">
        <v>53</v>
      </c>
      <c r="B69" s="22">
        <v>93</v>
      </c>
      <c r="C69" s="14">
        <v>84</v>
      </c>
      <c r="D69" s="18">
        <v>177</v>
      </c>
    </row>
    <row r="70" spans="1:4" ht="18" customHeight="1" x14ac:dyDescent="0.15">
      <c r="A70" s="5">
        <v>54</v>
      </c>
      <c r="B70" s="22">
        <v>79</v>
      </c>
      <c r="C70" s="14">
        <v>65</v>
      </c>
      <c r="D70" s="18">
        <v>144</v>
      </c>
    </row>
    <row r="71" spans="1:4" ht="18" customHeight="1" x14ac:dyDescent="0.15">
      <c r="A71" s="5" t="s">
        <v>22</v>
      </c>
      <c r="B71" s="22">
        <v>408</v>
      </c>
      <c r="C71" s="14">
        <v>372</v>
      </c>
      <c r="D71" s="18">
        <v>780</v>
      </c>
    </row>
    <row r="72" spans="1:4" ht="18" customHeight="1" x14ac:dyDescent="0.15">
      <c r="A72" s="5">
        <v>55</v>
      </c>
      <c r="B72" s="22">
        <v>80</v>
      </c>
      <c r="C72" s="14">
        <v>67</v>
      </c>
      <c r="D72" s="18">
        <v>147</v>
      </c>
    </row>
    <row r="73" spans="1:4" ht="18" customHeight="1" x14ac:dyDescent="0.15">
      <c r="A73" s="5">
        <v>56</v>
      </c>
      <c r="B73" s="22">
        <v>64</v>
      </c>
      <c r="C73" s="14">
        <v>69</v>
      </c>
      <c r="D73" s="18">
        <v>133</v>
      </c>
    </row>
    <row r="74" spans="1:4" ht="18" customHeight="1" x14ac:dyDescent="0.15">
      <c r="A74" s="5">
        <v>57</v>
      </c>
      <c r="B74" s="22">
        <v>57</v>
      </c>
      <c r="C74" s="14">
        <v>69</v>
      </c>
      <c r="D74" s="18">
        <v>126</v>
      </c>
    </row>
    <row r="75" spans="1:4" ht="18" customHeight="1" x14ac:dyDescent="0.15">
      <c r="A75" s="5">
        <v>58</v>
      </c>
      <c r="B75" s="22">
        <v>62</v>
      </c>
      <c r="C75" s="14">
        <v>72</v>
      </c>
      <c r="D75" s="18">
        <v>134</v>
      </c>
    </row>
    <row r="76" spans="1:4" ht="18" customHeight="1" x14ac:dyDescent="0.15">
      <c r="A76" s="5">
        <v>59</v>
      </c>
      <c r="B76" s="22">
        <v>53</v>
      </c>
      <c r="C76" s="14">
        <v>43</v>
      </c>
      <c r="D76" s="18">
        <v>96</v>
      </c>
    </row>
    <row r="77" spans="1:4" ht="18" customHeight="1" x14ac:dyDescent="0.15">
      <c r="A77" s="5" t="s">
        <v>27</v>
      </c>
      <c r="B77" s="22">
        <v>316</v>
      </c>
      <c r="C77" s="14">
        <v>320</v>
      </c>
      <c r="D77" s="18">
        <v>636</v>
      </c>
    </row>
    <row r="78" spans="1:4" ht="18" customHeight="1" x14ac:dyDescent="0.15">
      <c r="A78" s="5">
        <v>60</v>
      </c>
      <c r="B78" s="22">
        <v>59</v>
      </c>
      <c r="C78" s="14">
        <v>43</v>
      </c>
      <c r="D78" s="18">
        <v>102</v>
      </c>
    </row>
    <row r="79" spans="1:4" ht="18" customHeight="1" x14ac:dyDescent="0.15">
      <c r="A79" s="5">
        <v>61</v>
      </c>
      <c r="B79" s="22">
        <v>57</v>
      </c>
      <c r="C79" s="14">
        <v>51</v>
      </c>
      <c r="D79" s="18">
        <v>108</v>
      </c>
    </row>
    <row r="80" spans="1:4" ht="18" customHeight="1" x14ac:dyDescent="0.15">
      <c r="A80" s="5">
        <v>62</v>
      </c>
      <c r="B80" s="22">
        <v>61</v>
      </c>
      <c r="C80" s="14">
        <v>47</v>
      </c>
      <c r="D80" s="18">
        <v>108</v>
      </c>
    </row>
    <row r="81" spans="1:4" ht="18" customHeight="1" x14ac:dyDescent="0.15">
      <c r="A81" s="5">
        <v>63</v>
      </c>
      <c r="B81" s="22">
        <v>61</v>
      </c>
      <c r="C81" s="14">
        <v>56</v>
      </c>
      <c r="D81" s="18">
        <v>117</v>
      </c>
    </row>
    <row r="82" spans="1:4" ht="18" customHeight="1" x14ac:dyDescent="0.15">
      <c r="A82" s="5">
        <v>64</v>
      </c>
      <c r="B82" s="22">
        <v>47</v>
      </c>
      <c r="C82" s="14">
        <v>55</v>
      </c>
      <c r="D82" s="18">
        <v>102</v>
      </c>
    </row>
    <row r="83" spans="1:4" ht="18" customHeight="1" x14ac:dyDescent="0.15">
      <c r="A83" s="5" t="s">
        <v>28</v>
      </c>
      <c r="B83" s="22">
        <v>285</v>
      </c>
      <c r="C83" s="14">
        <v>252</v>
      </c>
      <c r="D83" s="18">
        <v>537</v>
      </c>
    </row>
    <row r="84" spans="1:4" ht="18" customHeight="1" x14ac:dyDescent="0.15">
      <c r="A84" s="5" t="s">
        <v>31</v>
      </c>
      <c r="B84" s="22">
        <v>3848</v>
      </c>
      <c r="C84" s="14">
        <v>3023</v>
      </c>
      <c r="D84" s="18">
        <v>6871</v>
      </c>
    </row>
    <row r="85" spans="1:4" ht="18" customHeight="1" x14ac:dyDescent="0.15">
      <c r="A85" s="5">
        <v>65</v>
      </c>
      <c r="B85" s="22">
        <v>50</v>
      </c>
      <c r="C85" s="14">
        <v>54</v>
      </c>
      <c r="D85" s="18">
        <v>104</v>
      </c>
    </row>
    <row r="86" spans="1:4" ht="18" customHeight="1" x14ac:dyDescent="0.15">
      <c r="A86" s="5">
        <v>66</v>
      </c>
      <c r="B86" s="22">
        <v>52</v>
      </c>
      <c r="C86" s="14">
        <v>51</v>
      </c>
      <c r="D86" s="18">
        <v>103</v>
      </c>
    </row>
    <row r="87" spans="1:4" ht="18" customHeight="1" x14ac:dyDescent="0.15">
      <c r="A87" s="5">
        <v>67</v>
      </c>
      <c r="B87" s="22">
        <v>54</v>
      </c>
      <c r="C87" s="14">
        <v>47</v>
      </c>
      <c r="D87" s="18">
        <v>101</v>
      </c>
    </row>
    <row r="88" spans="1:4" ht="18" customHeight="1" x14ac:dyDescent="0.15">
      <c r="A88" s="5">
        <v>68</v>
      </c>
      <c r="B88" s="22">
        <v>46</v>
      </c>
      <c r="C88" s="14">
        <v>32</v>
      </c>
      <c r="D88" s="18">
        <v>78</v>
      </c>
    </row>
    <row r="89" spans="1:4" ht="18" customHeight="1" x14ac:dyDescent="0.15">
      <c r="A89" s="5">
        <v>69</v>
      </c>
      <c r="B89" s="22">
        <v>50</v>
      </c>
      <c r="C89" s="14">
        <v>47</v>
      </c>
      <c r="D89" s="18">
        <v>97</v>
      </c>
    </row>
    <row r="90" spans="1:4" ht="18" customHeight="1" x14ac:dyDescent="0.15">
      <c r="A90" s="5" t="s">
        <v>20</v>
      </c>
      <c r="B90" s="22">
        <v>252</v>
      </c>
      <c r="C90" s="14">
        <v>231</v>
      </c>
      <c r="D90" s="18">
        <v>483</v>
      </c>
    </row>
    <row r="91" spans="1:4" ht="18" customHeight="1" x14ac:dyDescent="0.15">
      <c r="A91" s="5">
        <v>70</v>
      </c>
      <c r="B91" s="22">
        <v>43</v>
      </c>
      <c r="C91" s="14">
        <v>47</v>
      </c>
      <c r="D91" s="18">
        <v>90</v>
      </c>
    </row>
    <row r="92" spans="1:4" ht="18" customHeight="1" x14ac:dyDescent="0.15">
      <c r="A92" s="5">
        <v>71</v>
      </c>
      <c r="B92" s="22">
        <v>32</v>
      </c>
      <c r="C92" s="14">
        <v>45</v>
      </c>
      <c r="D92" s="18">
        <v>77</v>
      </c>
    </row>
    <row r="93" spans="1:4" ht="18" customHeight="1" x14ac:dyDescent="0.15">
      <c r="A93" s="5">
        <v>72</v>
      </c>
      <c r="B93" s="22">
        <v>51</v>
      </c>
      <c r="C93" s="14">
        <v>52</v>
      </c>
      <c r="D93" s="18">
        <v>103</v>
      </c>
    </row>
    <row r="94" spans="1:4" ht="18" customHeight="1" x14ac:dyDescent="0.15">
      <c r="A94" s="5">
        <v>73</v>
      </c>
      <c r="B94" s="22">
        <v>39</v>
      </c>
      <c r="C94" s="14">
        <v>56</v>
      </c>
      <c r="D94" s="18">
        <v>95</v>
      </c>
    </row>
    <row r="95" spans="1:4" ht="18" customHeight="1" x14ac:dyDescent="0.15">
      <c r="A95" s="5">
        <v>74</v>
      </c>
      <c r="B95" s="22">
        <v>46</v>
      </c>
      <c r="C95" s="14">
        <v>56</v>
      </c>
      <c r="D95" s="18">
        <v>102</v>
      </c>
    </row>
    <row r="96" spans="1:4" ht="18" customHeight="1" x14ac:dyDescent="0.15">
      <c r="A96" s="5" t="s">
        <v>33</v>
      </c>
      <c r="B96" s="22">
        <v>211</v>
      </c>
      <c r="C96" s="14">
        <v>256</v>
      </c>
      <c r="D96" s="18">
        <v>467</v>
      </c>
    </row>
    <row r="97" spans="1:4" ht="18" customHeight="1" x14ac:dyDescent="0.15">
      <c r="A97" s="5">
        <v>75</v>
      </c>
      <c r="B97" s="22">
        <v>46</v>
      </c>
      <c r="C97" s="14">
        <v>53</v>
      </c>
      <c r="D97" s="18">
        <v>99</v>
      </c>
    </row>
    <row r="98" spans="1:4" ht="18" customHeight="1" x14ac:dyDescent="0.15">
      <c r="A98" s="5">
        <v>76</v>
      </c>
      <c r="B98" s="22">
        <v>66</v>
      </c>
      <c r="C98" s="14">
        <v>68</v>
      </c>
      <c r="D98" s="18">
        <v>134</v>
      </c>
    </row>
    <row r="99" spans="1:4" ht="18" customHeight="1" x14ac:dyDescent="0.15">
      <c r="A99" s="5">
        <v>77</v>
      </c>
      <c r="B99" s="22">
        <v>64</v>
      </c>
      <c r="C99" s="14">
        <v>79</v>
      </c>
      <c r="D99" s="18">
        <v>143</v>
      </c>
    </row>
    <row r="100" spans="1:4" ht="18" customHeight="1" x14ac:dyDescent="0.15">
      <c r="A100" s="5">
        <v>78</v>
      </c>
      <c r="B100" s="22">
        <v>76</v>
      </c>
      <c r="C100" s="14">
        <v>73</v>
      </c>
      <c r="D100" s="18">
        <v>149</v>
      </c>
    </row>
    <row r="101" spans="1:4" ht="18" customHeight="1" x14ac:dyDescent="0.15">
      <c r="A101" s="5">
        <v>79</v>
      </c>
      <c r="B101" s="22">
        <v>44</v>
      </c>
      <c r="C101" s="14">
        <v>52</v>
      </c>
      <c r="D101" s="18">
        <v>96</v>
      </c>
    </row>
    <row r="102" spans="1:4" ht="18" customHeight="1" x14ac:dyDescent="0.15">
      <c r="A102" s="5" t="s">
        <v>0</v>
      </c>
      <c r="B102" s="22">
        <v>296</v>
      </c>
      <c r="C102" s="14">
        <v>325</v>
      </c>
      <c r="D102" s="18">
        <v>621</v>
      </c>
    </row>
    <row r="103" spans="1:4" ht="18" customHeight="1" x14ac:dyDescent="0.15">
      <c r="A103" s="5">
        <v>80</v>
      </c>
      <c r="B103" s="22">
        <v>37</v>
      </c>
      <c r="C103" s="14">
        <v>25</v>
      </c>
      <c r="D103" s="18">
        <v>62</v>
      </c>
    </row>
    <row r="104" spans="1:4" ht="18" customHeight="1" x14ac:dyDescent="0.15">
      <c r="A104" s="5">
        <v>81</v>
      </c>
      <c r="B104" s="22">
        <v>36</v>
      </c>
      <c r="C104" s="14">
        <v>59</v>
      </c>
      <c r="D104" s="18">
        <v>95</v>
      </c>
    </row>
    <row r="105" spans="1:4" ht="18" customHeight="1" x14ac:dyDescent="0.15">
      <c r="A105" s="5">
        <v>82</v>
      </c>
      <c r="B105" s="22">
        <v>30</v>
      </c>
      <c r="C105" s="14">
        <v>44</v>
      </c>
      <c r="D105" s="18">
        <v>74</v>
      </c>
    </row>
    <row r="106" spans="1:4" ht="18" customHeight="1" x14ac:dyDescent="0.15">
      <c r="A106" s="5">
        <v>83</v>
      </c>
      <c r="B106" s="22">
        <v>34</v>
      </c>
      <c r="C106" s="14">
        <v>45</v>
      </c>
      <c r="D106" s="18">
        <v>79</v>
      </c>
    </row>
    <row r="107" spans="1:4" ht="18" customHeight="1" x14ac:dyDescent="0.15">
      <c r="A107" s="5">
        <v>84</v>
      </c>
      <c r="B107" s="22">
        <v>36</v>
      </c>
      <c r="C107" s="14">
        <v>33</v>
      </c>
      <c r="D107" s="18">
        <v>69</v>
      </c>
    </row>
    <row r="108" spans="1:4" ht="18" customHeight="1" x14ac:dyDescent="0.15">
      <c r="A108" s="5" t="s">
        <v>35</v>
      </c>
      <c r="B108" s="22">
        <v>173</v>
      </c>
      <c r="C108" s="14">
        <v>206</v>
      </c>
      <c r="D108" s="18">
        <v>379</v>
      </c>
    </row>
    <row r="109" spans="1:4" ht="18" customHeight="1" x14ac:dyDescent="0.15">
      <c r="A109" s="5">
        <v>85</v>
      </c>
      <c r="B109" s="22">
        <v>24</v>
      </c>
      <c r="C109" s="14">
        <v>32</v>
      </c>
      <c r="D109" s="18">
        <v>56</v>
      </c>
    </row>
    <row r="110" spans="1:4" ht="18" customHeight="1" x14ac:dyDescent="0.15">
      <c r="A110" s="5">
        <v>86</v>
      </c>
      <c r="B110" s="22">
        <v>16</v>
      </c>
      <c r="C110" s="14">
        <v>23</v>
      </c>
      <c r="D110" s="18">
        <v>39</v>
      </c>
    </row>
    <row r="111" spans="1:4" ht="18" customHeight="1" x14ac:dyDescent="0.15">
      <c r="A111" s="5">
        <v>87</v>
      </c>
      <c r="B111" s="22">
        <v>8</v>
      </c>
      <c r="C111" s="14">
        <v>33</v>
      </c>
      <c r="D111" s="18">
        <v>41</v>
      </c>
    </row>
    <row r="112" spans="1:4" ht="18" customHeight="1" x14ac:dyDescent="0.15">
      <c r="A112" s="5">
        <v>88</v>
      </c>
      <c r="B112" s="22">
        <v>11</v>
      </c>
      <c r="C112" s="14">
        <v>33</v>
      </c>
      <c r="D112" s="18">
        <v>44</v>
      </c>
    </row>
    <row r="113" spans="1:4" ht="18" customHeight="1" x14ac:dyDescent="0.15">
      <c r="A113" s="5">
        <v>89</v>
      </c>
      <c r="B113" s="22">
        <v>10</v>
      </c>
      <c r="C113" s="14">
        <v>34</v>
      </c>
      <c r="D113" s="18">
        <v>44</v>
      </c>
    </row>
    <row r="114" spans="1:4" ht="18" customHeight="1" x14ac:dyDescent="0.15">
      <c r="A114" s="5" t="s">
        <v>37</v>
      </c>
      <c r="B114" s="22">
        <v>69</v>
      </c>
      <c r="C114" s="14">
        <v>155</v>
      </c>
      <c r="D114" s="18">
        <v>224</v>
      </c>
    </row>
    <row r="115" spans="1:4" ht="18" customHeight="1" x14ac:dyDescent="0.15">
      <c r="A115" s="5">
        <v>90</v>
      </c>
      <c r="B115" s="22">
        <v>3</v>
      </c>
      <c r="C115" s="14">
        <v>31</v>
      </c>
      <c r="D115" s="18">
        <v>34</v>
      </c>
    </row>
    <row r="116" spans="1:4" ht="18" customHeight="1" x14ac:dyDescent="0.15">
      <c r="A116" s="5">
        <v>91</v>
      </c>
      <c r="B116" s="22">
        <v>3</v>
      </c>
      <c r="C116" s="14">
        <v>22</v>
      </c>
      <c r="D116" s="18">
        <v>25</v>
      </c>
    </row>
    <row r="117" spans="1:4" ht="18" customHeight="1" x14ac:dyDescent="0.15">
      <c r="A117" s="5">
        <v>92</v>
      </c>
      <c r="B117" s="22">
        <v>5</v>
      </c>
      <c r="C117" s="14">
        <v>26</v>
      </c>
      <c r="D117" s="18">
        <v>31</v>
      </c>
    </row>
    <row r="118" spans="1:4" ht="18" customHeight="1" x14ac:dyDescent="0.15">
      <c r="A118" s="5">
        <v>93</v>
      </c>
      <c r="B118" s="22">
        <v>8</v>
      </c>
      <c r="C118" s="14">
        <v>22</v>
      </c>
      <c r="D118" s="18">
        <v>30</v>
      </c>
    </row>
    <row r="119" spans="1:4" ht="18" customHeight="1" x14ac:dyDescent="0.15">
      <c r="A119" s="5">
        <v>94</v>
      </c>
      <c r="B119" s="22">
        <v>5</v>
      </c>
      <c r="C119" s="14">
        <v>10</v>
      </c>
      <c r="D119" s="18">
        <v>15</v>
      </c>
    </row>
    <row r="120" spans="1:4" ht="18" customHeight="1" x14ac:dyDescent="0.15">
      <c r="A120" s="5" t="s">
        <v>39</v>
      </c>
      <c r="B120" s="22">
        <v>24</v>
      </c>
      <c r="C120" s="14">
        <v>111</v>
      </c>
      <c r="D120" s="18">
        <v>135</v>
      </c>
    </row>
    <row r="121" spans="1:4" ht="18" customHeight="1" x14ac:dyDescent="0.15">
      <c r="A121" s="5">
        <v>95</v>
      </c>
      <c r="B121" s="22">
        <v>2</v>
      </c>
      <c r="C121" s="14">
        <v>8</v>
      </c>
      <c r="D121" s="18">
        <v>10</v>
      </c>
    </row>
    <row r="122" spans="1:4" ht="18" customHeight="1" x14ac:dyDescent="0.15">
      <c r="A122" s="5">
        <v>96</v>
      </c>
      <c r="B122" s="22">
        <v>4</v>
      </c>
      <c r="C122" s="14">
        <v>4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9</v>
      </c>
      <c r="C126" s="14">
        <v>24</v>
      </c>
      <c r="D126" s="18">
        <v>33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7</v>
      </c>
      <c r="D128" s="18">
        <v>8</v>
      </c>
    </row>
    <row r="129" spans="1:4" ht="18" customHeight="1" x14ac:dyDescent="0.15">
      <c r="A129" s="5" t="s">
        <v>44</v>
      </c>
      <c r="B129" s="22">
        <v>1</v>
      </c>
      <c r="C129" s="14">
        <v>11</v>
      </c>
      <c r="D129" s="18">
        <v>12</v>
      </c>
    </row>
    <row r="130" spans="1:4" ht="18" customHeight="1" x14ac:dyDescent="0.15">
      <c r="A130" s="5" t="s">
        <v>46</v>
      </c>
      <c r="B130" s="22">
        <v>1035</v>
      </c>
      <c r="C130" s="14">
        <v>1319</v>
      </c>
      <c r="D130" s="18">
        <v>2354</v>
      </c>
    </row>
    <row r="131" spans="1:4" ht="18" customHeight="1" x14ac:dyDescent="0.15">
      <c r="A131" s="7" t="s">
        <v>45</v>
      </c>
      <c r="B131" s="23">
        <v>5334</v>
      </c>
      <c r="C131" s="15">
        <v>4805</v>
      </c>
      <c r="D131" s="19">
        <v>101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6</v>
      </c>
      <c r="D5" s="17">
        <v>22</v>
      </c>
    </row>
    <row r="6" spans="1:4" ht="18" customHeight="1" x14ac:dyDescent="0.15">
      <c r="A6" s="5">
        <v>1</v>
      </c>
      <c r="B6" s="22">
        <v>7</v>
      </c>
      <c r="C6" s="14">
        <v>15</v>
      </c>
      <c r="D6" s="18">
        <v>22</v>
      </c>
    </row>
    <row r="7" spans="1:4" ht="18" customHeight="1" x14ac:dyDescent="0.15">
      <c r="A7" s="5">
        <v>2</v>
      </c>
      <c r="B7" s="22">
        <v>7</v>
      </c>
      <c r="C7" s="14">
        <v>12</v>
      </c>
      <c r="D7" s="18">
        <v>19</v>
      </c>
    </row>
    <row r="8" spans="1:4" ht="18" customHeight="1" x14ac:dyDescent="0.15">
      <c r="A8" s="5">
        <v>3</v>
      </c>
      <c r="B8" s="22">
        <v>6</v>
      </c>
      <c r="C8" s="14">
        <v>15</v>
      </c>
      <c r="D8" s="18">
        <v>21</v>
      </c>
    </row>
    <row r="9" spans="1:4" ht="18" customHeight="1" x14ac:dyDescent="0.15">
      <c r="A9" s="5">
        <v>4</v>
      </c>
      <c r="B9" s="22">
        <v>13</v>
      </c>
      <c r="C9" s="14">
        <v>14</v>
      </c>
      <c r="D9" s="18">
        <v>27</v>
      </c>
    </row>
    <row r="10" spans="1:4" ht="18" customHeight="1" x14ac:dyDescent="0.15">
      <c r="A10" s="5" t="s">
        <v>7</v>
      </c>
      <c r="B10" s="22">
        <v>49</v>
      </c>
      <c r="C10" s="14">
        <v>62</v>
      </c>
      <c r="D10" s="18">
        <v>111</v>
      </c>
    </row>
    <row r="11" spans="1:4" ht="18" customHeight="1" x14ac:dyDescent="0.15">
      <c r="A11" s="5">
        <v>5</v>
      </c>
      <c r="B11" s="22">
        <v>17</v>
      </c>
      <c r="C11" s="14">
        <v>10</v>
      </c>
      <c r="D11" s="18">
        <v>27</v>
      </c>
    </row>
    <row r="12" spans="1:4" ht="18" customHeight="1" x14ac:dyDescent="0.15">
      <c r="A12" s="5">
        <v>6</v>
      </c>
      <c r="B12" s="22">
        <v>9</v>
      </c>
      <c r="C12" s="14">
        <v>12</v>
      </c>
      <c r="D12" s="18">
        <v>21</v>
      </c>
    </row>
    <row r="13" spans="1:4" ht="18" customHeight="1" x14ac:dyDescent="0.15">
      <c r="A13" s="5">
        <v>7</v>
      </c>
      <c r="B13" s="22">
        <v>12</v>
      </c>
      <c r="C13" s="14">
        <v>16</v>
      </c>
      <c r="D13" s="18">
        <v>28</v>
      </c>
    </row>
    <row r="14" spans="1:4" ht="18" customHeight="1" x14ac:dyDescent="0.15">
      <c r="A14" s="5">
        <v>8</v>
      </c>
      <c r="B14" s="22">
        <v>10</v>
      </c>
      <c r="C14" s="14">
        <v>13</v>
      </c>
      <c r="D14" s="18">
        <v>23</v>
      </c>
    </row>
    <row r="15" spans="1:4" ht="18" customHeight="1" x14ac:dyDescent="0.15">
      <c r="A15" s="5">
        <v>9</v>
      </c>
      <c r="B15" s="22">
        <v>13</v>
      </c>
      <c r="C15" s="14">
        <v>17</v>
      </c>
      <c r="D15" s="18">
        <v>30</v>
      </c>
    </row>
    <row r="16" spans="1:4" ht="18" customHeight="1" x14ac:dyDescent="0.15">
      <c r="A16" s="5" t="s">
        <v>11</v>
      </c>
      <c r="B16" s="22">
        <v>61</v>
      </c>
      <c r="C16" s="14">
        <v>68</v>
      </c>
      <c r="D16" s="18">
        <v>129</v>
      </c>
    </row>
    <row r="17" spans="1:4" ht="18" customHeight="1" x14ac:dyDescent="0.15">
      <c r="A17" s="5">
        <v>10</v>
      </c>
      <c r="B17" s="22">
        <v>9</v>
      </c>
      <c r="C17" s="14">
        <v>16</v>
      </c>
      <c r="D17" s="18">
        <v>25</v>
      </c>
    </row>
    <row r="18" spans="1:4" ht="18" customHeight="1" x14ac:dyDescent="0.15">
      <c r="A18" s="5">
        <v>11</v>
      </c>
      <c r="B18" s="22">
        <v>19</v>
      </c>
      <c r="C18" s="14">
        <v>10</v>
      </c>
      <c r="D18" s="18">
        <v>29</v>
      </c>
    </row>
    <row r="19" spans="1:4" ht="18" customHeight="1" x14ac:dyDescent="0.15">
      <c r="A19" s="5">
        <v>12</v>
      </c>
      <c r="B19" s="22">
        <v>10</v>
      </c>
      <c r="C19" s="14">
        <v>17</v>
      </c>
      <c r="D19" s="18">
        <v>27</v>
      </c>
    </row>
    <row r="20" spans="1:4" ht="18" customHeight="1" x14ac:dyDescent="0.15">
      <c r="A20" s="5">
        <v>13</v>
      </c>
      <c r="B20" s="22">
        <v>21</v>
      </c>
      <c r="C20" s="14">
        <v>18</v>
      </c>
      <c r="D20" s="18">
        <v>39</v>
      </c>
    </row>
    <row r="21" spans="1:4" ht="18" customHeight="1" x14ac:dyDescent="0.15">
      <c r="A21" s="5">
        <v>14</v>
      </c>
      <c r="B21" s="22">
        <v>13</v>
      </c>
      <c r="C21" s="14">
        <v>17</v>
      </c>
      <c r="D21" s="18">
        <v>30</v>
      </c>
    </row>
    <row r="22" spans="1:4" ht="18" customHeight="1" x14ac:dyDescent="0.15">
      <c r="A22" s="5" t="s">
        <v>12</v>
      </c>
      <c r="B22" s="22">
        <v>72</v>
      </c>
      <c r="C22" s="14">
        <v>78</v>
      </c>
      <c r="D22" s="18">
        <v>150</v>
      </c>
    </row>
    <row r="23" spans="1:4" ht="18" customHeight="1" x14ac:dyDescent="0.15">
      <c r="A23" s="5" t="s">
        <v>6</v>
      </c>
      <c r="B23" s="22">
        <v>182</v>
      </c>
      <c r="C23" s="14">
        <v>208</v>
      </c>
      <c r="D23" s="18">
        <v>390</v>
      </c>
    </row>
    <row r="24" spans="1:4" ht="18" customHeight="1" x14ac:dyDescent="0.15">
      <c r="A24" s="5">
        <v>15</v>
      </c>
      <c r="B24" s="22">
        <v>19</v>
      </c>
      <c r="C24" s="14">
        <v>14</v>
      </c>
      <c r="D24" s="18">
        <v>33</v>
      </c>
    </row>
    <row r="25" spans="1:4" ht="18" customHeight="1" x14ac:dyDescent="0.15">
      <c r="A25" s="5">
        <v>16</v>
      </c>
      <c r="B25" s="22">
        <v>12</v>
      </c>
      <c r="C25" s="14">
        <v>18</v>
      </c>
      <c r="D25" s="18">
        <v>30</v>
      </c>
    </row>
    <row r="26" spans="1:4" ht="18" customHeight="1" x14ac:dyDescent="0.15">
      <c r="A26" s="5">
        <v>17</v>
      </c>
      <c r="B26" s="22">
        <v>16</v>
      </c>
      <c r="C26" s="14">
        <v>19</v>
      </c>
      <c r="D26" s="18">
        <v>35</v>
      </c>
    </row>
    <row r="27" spans="1:4" ht="18" customHeight="1" x14ac:dyDescent="0.15">
      <c r="A27" s="5">
        <v>18</v>
      </c>
      <c r="B27" s="22">
        <v>26</v>
      </c>
      <c r="C27" s="14">
        <v>14</v>
      </c>
      <c r="D27" s="18">
        <v>40</v>
      </c>
    </row>
    <row r="28" spans="1:4" ht="18" customHeight="1" x14ac:dyDescent="0.15">
      <c r="A28" s="5">
        <v>19</v>
      </c>
      <c r="B28" s="22">
        <v>20</v>
      </c>
      <c r="C28" s="14">
        <v>23</v>
      </c>
      <c r="D28" s="18">
        <v>43</v>
      </c>
    </row>
    <row r="29" spans="1:4" ht="18" customHeight="1" x14ac:dyDescent="0.15">
      <c r="A29" s="5" t="s">
        <v>14</v>
      </c>
      <c r="B29" s="22">
        <v>93</v>
      </c>
      <c r="C29" s="14">
        <v>88</v>
      </c>
      <c r="D29" s="18">
        <v>181</v>
      </c>
    </row>
    <row r="30" spans="1:4" ht="18" customHeight="1" x14ac:dyDescent="0.15">
      <c r="A30" s="5">
        <v>20</v>
      </c>
      <c r="B30" s="22">
        <v>15</v>
      </c>
      <c r="C30" s="14">
        <v>19</v>
      </c>
      <c r="D30" s="18">
        <v>34</v>
      </c>
    </row>
    <row r="31" spans="1:4" ht="18" customHeight="1" x14ac:dyDescent="0.15">
      <c r="A31" s="5">
        <v>21</v>
      </c>
      <c r="B31" s="22">
        <v>24</v>
      </c>
      <c r="C31" s="14">
        <v>19</v>
      </c>
      <c r="D31" s="18">
        <v>43</v>
      </c>
    </row>
    <row r="32" spans="1:4" ht="18" customHeight="1" x14ac:dyDescent="0.15">
      <c r="A32" s="5">
        <v>22</v>
      </c>
      <c r="B32" s="22">
        <v>22</v>
      </c>
      <c r="C32" s="14">
        <v>22</v>
      </c>
      <c r="D32" s="18">
        <v>44</v>
      </c>
    </row>
    <row r="33" spans="1:4" ht="18" customHeight="1" x14ac:dyDescent="0.15">
      <c r="A33" s="5">
        <v>23</v>
      </c>
      <c r="B33" s="22">
        <v>23</v>
      </c>
      <c r="C33" s="14">
        <v>24</v>
      </c>
      <c r="D33" s="18">
        <v>47</v>
      </c>
    </row>
    <row r="34" spans="1:4" ht="18" customHeight="1" x14ac:dyDescent="0.15">
      <c r="A34" s="5">
        <v>24</v>
      </c>
      <c r="B34" s="22">
        <v>17</v>
      </c>
      <c r="C34" s="14">
        <v>13</v>
      </c>
      <c r="D34" s="18">
        <v>30</v>
      </c>
    </row>
    <row r="35" spans="1:4" ht="18" customHeight="1" x14ac:dyDescent="0.15">
      <c r="A35" s="5" t="s">
        <v>9</v>
      </c>
      <c r="B35" s="22">
        <v>101</v>
      </c>
      <c r="C35" s="14">
        <v>97</v>
      </c>
      <c r="D35" s="18">
        <v>198</v>
      </c>
    </row>
    <row r="36" spans="1:4" ht="18" customHeight="1" x14ac:dyDescent="0.15">
      <c r="A36" s="5">
        <v>25</v>
      </c>
      <c r="B36" s="22">
        <v>27</v>
      </c>
      <c r="C36" s="14">
        <v>38</v>
      </c>
      <c r="D36" s="18">
        <v>65</v>
      </c>
    </row>
    <row r="37" spans="1:4" ht="18" customHeight="1" x14ac:dyDescent="0.15">
      <c r="A37" s="5">
        <v>26</v>
      </c>
      <c r="B37" s="22">
        <v>17</v>
      </c>
      <c r="C37" s="14">
        <v>24</v>
      </c>
      <c r="D37" s="18">
        <v>41</v>
      </c>
    </row>
    <row r="38" spans="1:4" ht="18" customHeight="1" x14ac:dyDescent="0.15">
      <c r="A38" s="5">
        <v>27</v>
      </c>
      <c r="B38" s="22">
        <v>17</v>
      </c>
      <c r="C38" s="14">
        <v>32</v>
      </c>
      <c r="D38" s="18">
        <v>49</v>
      </c>
    </row>
    <row r="39" spans="1:4" ht="18" customHeight="1" x14ac:dyDescent="0.15">
      <c r="A39" s="5">
        <v>28</v>
      </c>
      <c r="B39" s="22">
        <v>22</v>
      </c>
      <c r="C39" s="14">
        <v>20</v>
      </c>
      <c r="D39" s="18">
        <v>42</v>
      </c>
    </row>
    <row r="40" spans="1:4" ht="18" customHeight="1" x14ac:dyDescent="0.15">
      <c r="A40" s="5">
        <v>29</v>
      </c>
      <c r="B40" s="22">
        <v>25</v>
      </c>
      <c r="C40" s="14">
        <v>15</v>
      </c>
      <c r="D40" s="18">
        <v>40</v>
      </c>
    </row>
    <row r="41" spans="1:4" ht="18" customHeight="1" x14ac:dyDescent="0.15">
      <c r="A41" s="5" t="s">
        <v>2</v>
      </c>
      <c r="B41" s="22">
        <v>108</v>
      </c>
      <c r="C41" s="14">
        <v>129</v>
      </c>
      <c r="D41" s="18">
        <v>237</v>
      </c>
    </row>
    <row r="42" spans="1:4" ht="18" customHeight="1" x14ac:dyDescent="0.15">
      <c r="A42" s="5">
        <v>30</v>
      </c>
      <c r="B42" s="22">
        <v>23</v>
      </c>
      <c r="C42" s="14">
        <v>21</v>
      </c>
      <c r="D42" s="18">
        <v>44</v>
      </c>
    </row>
    <row r="43" spans="1:4" ht="18" customHeight="1" x14ac:dyDescent="0.15">
      <c r="A43" s="5">
        <v>31</v>
      </c>
      <c r="B43" s="22">
        <v>15</v>
      </c>
      <c r="C43" s="14">
        <v>23</v>
      </c>
      <c r="D43" s="18">
        <v>38</v>
      </c>
    </row>
    <row r="44" spans="1:4" ht="18" customHeight="1" x14ac:dyDescent="0.15">
      <c r="A44" s="5">
        <v>32</v>
      </c>
      <c r="B44" s="22">
        <v>15</v>
      </c>
      <c r="C44" s="14">
        <v>14</v>
      </c>
      <c r="D44" s="18">
        <v>29</v>
      </c>
    </row>
    <row r="45" spans="1:4" ht="18" customHeight="1" x14ac:dyDescent="0.15">
      <c r="A45" s="5">
        <v>33</v>
      </c>
      <c r="B45" s="22">
        <v>18</v>
      </c>
      <c r="C45" s="14">
        <v>14</v>
      </c>
      <c r="D45" s="18">
        <v>32</v>
      </c>
    </row>
    <row r="46" spans="1:4" ht="18" customHeight="1" x14ac:dyDescent="0.15">
      <c r="A46" s="5">
        <v>34</v>
      </c>
      <c r="B46" s="22">
        <v>20</v>
      </c>
      <c r="C46" s="14">
        <v>12</v>
      </c>
      <c r="D46" s="18">
        <v>32</v>
      </c>
    </row>
    <row r="47" spans="1:4" ht="18" customHeight="1" x14ac:dyDescent="0.15">
      <c r="A47" s="5" t="s">
        <v>15</v>
      </c>
      <c r="B47" s="22">
        <v>91</v>
      </c>
      <c r="C47" s="14">
        <v>84</v>
      </c>
      <c r="D47" s="18">
        <v>175</v>
      </c>
    </row>
    <row r="48" spans="1:4" ht="18" customHeight="1" x14ac:dyDescent="0.15">
      <c r="A48" s="5">
        <v>35</v>
      </c>
      <c r="B48" s="22">
        <v>20</v>
      </c>
      <c r="C48" s="14">
        <v>15</v>
      </c>
      <c r="D48" s="18">
        <v>35</v>
      </c>
    </row>
    <row r="49" spans="1:4" ht="18" customHeight="1" x14ac:dyDescent="0.15">
      <c r="A49" s="5">
        <v>36</v>
      </c>
      <c r="B49" s="22">
        <v>19</v>
      </c>
      <c r="C49" s="14">
        <v>18</v>
      </c>
      <c r="D49" s="18">
        <v>37</v>
      </c>
    </row>
    <row r="50" spans="1:4" ht="18" customHeight="1" x14ac:dyDescent="0.15">
      <c r="A50" s="5">
        <v>37</v>
      </c>
      <c r="B50" s="22">
        <v>21</v>
      </c>
      <c r="C50" s="14">
        <v>12</v>
      </c>
      <c r="D50" s="18">
        <v>33</v>
      </c>
    </row>
    <row r="51" spans="1:4" ht="18" customHeight="1" x14ac:dyDescent="0.15">
      <c r="A51" s="5">
        <v>38</v>
      </c>
      <c r="B51" s="22">
        <v>23</v>
      </c>
      <c r="C51" s="14">
        <v>11</v>
      </c>
      <c r="D51" s="18">
        <v>34</v>
      </c>
    </row>
    <row r="52" spans="1:4" ht="18" customHeight="1" x14ac:dyDescent="0.15">
      <c r="A52" s="5">
        <v>39</v>
      </c>
      <c r="B52" s="22">
        <v>16</v>
      </c>
      <c r="C52" s="14">
        <v>23</v>
      </c>
      <c r="D52" s="18">
        <v>39</v>
      </c>
    </row>
    <row r="53" spans="1:4" ht="18" customHeight="1" x14ac:dyDescent="0.15">
      <c r="A53" s="5" t="s">
        <v>18</v>
      </c>
      <c r="B53" s="22">
        <v>99</v>
      </c>
      <c r="C53" s="14">
        <v>79</v>
      </c>
      <c r="D53" s="18">
        <v>178</v>
      </c>
    </row>
    <row r="54" spans="1:4" ht="18" customHeight="1" x14ac:dyDescent="0.15">
      <c r="A54" s="5">
        <v>40</v>
      </c>
      <c r="B54" s="22">
        <v>18</v>
      </c>
      <c r="C54" s="14">
        <v>30</v>
      </c>
      <c r="D54" s="18">
        <v>48</v>
      </c>
    </row>
    <row r="55" spans="1:4" ht="18" customHeight="1" x14ac:dyDescent="0.15">
      <c r="A55" s="5">
        <v>41</v>
      </c>
      <c r="B55" s="22">
        <v>20</v>
      </c>
      <c r="C55" s="14">
        <v>19</v>
      </c>
      <c r="D55" s="18">
        <v>39</v>
      </c>
    </row>
    <row r="56" spans="1:4" ht="18" customHeight="1" x14ac:dyDescent="0.15">
      <c r="A56" s="5">
        <v>42</v>
      </c>
      <c r="B56" s="22">
        <v>21</v>
      </c>
      <c r="C56" s="14">
        <v>20</v>
      </c>
      <c r="D56" s="18">
        <v>41</v>
      </c>
    </row>
    <row r="57" spans="1:4" ht="18" customHeight="1" x14ac:dyDescent="0.15">
      <c r="A57" s="5">
        <v>43</v>
      </c>
      <c r="B57" s="22">
        <v>19</v>
      </c>
      <c r="C57" s="14">
        <v>18</v>
      </c>
      <c r="D57" s="18">
        <v>37</v>
      </c>
    </row>
    <row r="58" spans="1:4" ht="18" customHeight="1" x14ac:dyDescent="0.15">
      <c r="A58" s="5">
        <v>44</v>
      </c>
      <c r="B58" s="22">
        <v>18</v>
      </c>
      <c r="C58" s="14">
        <v>23</v>
      </c>
      <c r="D58" s="18">
        <v>41</v>
      </c>
    </row>
    <row r="59" spans="1:4" ht="18" customHeight="1" x14ac:dyDescent="0.15">
      <c r="A59" s="5" t="s">
        <v>21</v>
      </c>
      <c r="B59" s="22">
        <v>96</v>
      </c>
      <c r="C59" s="14">
        <v>110</v>
      </c>
      <c r="D59" s="18">
        <v>206</v>
      </c>
    </row>
    <row r="60" spans="1:4" ht="18" customHeight="1" x14ac:dyDescent="0.15">
      <c r="A60" s="5">
        <v>45</v>
      </c>
      <c r="B60" s="22">
        <v>22</v>
      </c>
      <c r="C60" s="14">
        <v>21</v>
      </c>
      <c r="D60" s="18">
        <v>43</v>
      </c>
    </row>
    <row r="61" spans="1:4" ht="18" customHeight="1" x14ac:dyDescent="0.15">
      <c r="A61" s="5">
        <v>46</v>
      </c>
      <c r="B61" s="22">
        <v>23</v>
      </c>
      <c r="C61" s="14">
        <v>28</v>
      </c>
      <c r="D61" s="18">
        <v>51</v>
      </c>
    </row>
    <row r="62" spans="1:4" ht="18" customHeight="1" x14ac:dyDescent="0.15">
      <c r="A62" s="5">
        <v>47</v>
      </c>
      <c r="B62" s="22">
        <v>27</v>
      </c>
      <c r="C62" s="14">
        <v>19</v>
      </c>
      <c r="D62" s="18">
        <v>46</v>
      </c>
    </row>
    <row r="63" spans="1:4" ht="18" customHeight="1" x14ac:dyDescent="0.15">
      <c r="A63" s="5">
        <v>48</v>
      </c>
      <c r="B63" s="22">
        <v>24</v>
      </c>
      <c r="C63" s="14">
        <v>28</v>
      </c>
      <c r="D63" s="18">
        <v>52</v>
      </c>
    </row>
    <row r="64" spans="1:4" ht="18" customHeight="1" x14ac:dyDescent="0.15">
      <c r="A64" s="5">
        <v>49</v>
      </c>
      <c r="B64" s="22">
        <v>33</v>
      </c>
      <c r="C64" s="14">
        <v>33</v>
      </c>
      <c r="D64" s="18">
        <v>66</v>
      </c>
    </row>
    <row r="65" spans="1:4" ht="18" customHeight="1" x14ac:dyDescent="0.15">
      <c r="A65" s="5" t="s">
        <v>17</v>
      </c>
      <c r="B65" s="22">
        <v>129</v>
      </c>
      <c r="C65" s="14">
        <v>129</v>
      </c>
      <c r="D65" s="18">
        <v>258</v>
      </c>
    </row>
    <row r="66" spans="1:4" ht="18" customHeight="1" x14ac:dyDescent="0.15">
      <c r="A66" s="5">
        <v>50</v>
      </c>
      <c r="B66" s="22">
        <v>26</v>
      </c>
      <c r="C66" s="14">
        <v>31</v>
      </c>
      <c r="D66" s="18">
        <v>57</v>
      </c>
    </row>
    <row r="67" spans="1:4" ht="18" customHeight="1" x14ac:dyDescent="0.15">
      <c r="A67" s="5">
        <v>51</v>
      </c>
      <c r="B67" s="22">
        <v>37</v>
      </c>
      <c r="C67" s="14">
        <v>42</v>
      </c>
      <c r="D67" s="18">
        <v>79</v>
      </c>
    </row>
    <row r="68" spans="1:4" ht="18" customHeight="1" x14ac:dyDescent="0.15">
      <c r="A68" s="5">
        <v>52</v>
      </c>
      <c r="B68" s="22">
        <v>40</v>
      </c>
      <c r="C68" s="14">
        <v>36</v>
      </c>
      <c r="D68" s="18">
        <v>76</v>
      </c>
    </row>
    <row r="69" spans="1:4" ht="18" customHeight="1" x14ac:dyDescent="0.15">
      <c r="A69" s="5">
        <v>53</v>
      </c>
      <c r="B69" s="22">
        <v>30</v>
      </c>
      <c r="C69" s="14">
        <v>45</v>
      </c>
      <c r="D69" s="18">
        <v>75</v>
      </c>
    </row>
    <row r="70" spans="1:4" ht="18" customHeight="1" x14ac:dyDescent="0.15">
      <c r="A70" s="5">
        <v>54</v>
      </c>
      <c r="B70" s="22">
        <v>37</v>
      </c>
      <c r="C70" s="14">
        <v>30</v>
      </c>
      <c r="D70" s="18">
        <v>67</v>
      </c>
    </row>
    <row r="71" spans="1:4" ht="18" customHeight="1" x14ac:dyDescent="0.15">
      <c r="A71" s="5" t="s">
        <v>22</v>
      </c>
      <c r="B71" s="22">
        <v>170</v>
      </c>
      <c r="C71" s="14">
        <v>184</v>
      </c>
      <c r="D71" s="18">
        <v>354</v>
      </c>
    </row>
    <row r="72" spans="1:4" ht="18" customHeight="1" x14ac:dyDescent="0.15">
      <c r="A72" s="5">
        <v>55</v>
      </c>
      <c r="B72" s="22">
        <v>24</v>
      </c>
      <c r="C72" s="14">
        <v>36</v>
      </c>
      <c r="D72" s="18">
        <v>60</v>
      </c>
    </row>
    <row r="73" spans="1:4" ht="18" customHeight="1" x14ac:dyDescent="0.15">
      <c r="A73" s="5">
        <v>56</v>
      </c>
      <c r="B73" s="22">
        <v>30</v>
      </c>
      <c r="C73" s="14">
        <v>32</v>
      </c>
      <c r="D73" s="18">
        <v>62</v>
      </c>
    </row>
    <row r="74" spans="1:4" ht="18" customHeight="1" x14ac:dyDescent="0.15">
      <c r="A74" s="5">
        <v>57</v>
      </c>
      <c r="B74" s="22">
        <v>23</v>
      </c>
      <c r="C74" s="14">
        <v>32</v>
      </c>
      <c r="D74" s="18">
        <v>55</v>
      </c>
    </row>
    <row r="75" spans="1:4" ht="18" customHeight="1" x14ac:dyDescent="0.15">
      <c r="A75" s="5">
        <v>58</v>
      </c>
      <c r="B75" s="22">
        <v>27</v>
      </c>
      <c r="C75" s="14">
        <v>28</v>
      </c>
      <c r="D75" s="18">
        <v>55</v>
      </c>
    </row>
    <row r="76" spans="1:4" ht="18" customHeight="1" x14ac:dyDescent="0.15">
      <c r="A76" s="5">
        <v>59</v>
      </c>
      <c r="B76" s="22">
        <v>40</v>
      </c>
      <c r="C76" s="14">
        <v>32</v>
      </c>
      <c r="D76" s="18">
        <v>72</v>
      </c>
    </row>
    <row r="77" spans="1:4" ht="18" customHeight="1" x14ac:dyDescent="0.15">
      <c r="A77" s="5" t="s">
        <v>27</v>
      </c>
      <c r="B77" s="22">
        <v>144</v>
      </c>
      <c r="C77" s="14">
        <v>160</v>
      </c>
      <c r="D77" s="18">
        <v>304</v>
      </c>
    </row>
    <row r="78" spans="1:4" ht="18" customHeight="1" x14ac:dyDescent="0.15">
      <c r="A78" s="5">
        <v>60</v>
      </c>
      <c r="B78" s="22">
        <v>30</v>
      </c>
      <c r="C78" s="14">
        <v>34</v>
      </c>
      <c r="D78" s="18">
        <v>64</v>
      </c>
    </row>
    <row r="79" spans="1:4" ht="18" customHeight="1" x14ac:dyDescent="0.15">
      <c r="A79" s="5">
        <v>61</v>
      </c>
      <c r="B79" s="22">
        <v>26</v>
      </c>
      <c r="C79" s="14">
        <v>34</v>
      </c>
      <c r="D79" s="18">
        <v>60</v>
      </c>
    </row>
    <row r="80" spans="1:4" ht="18" customHeight="1" x14ac:dyDescent="0.15">
      <c r="A80" s="5">
        <v>62</v>
      </c>
      <c r="B80" s="22">
        <v>28</v>
      </c>
      <c r="C80" s="14">
        <v>18</v>
      </c>
      <c r="D80" s="18">
        <v>46</v>
      </c>
    </row>
    <row r="81" spans="1:4" ht="18" customHeight="1" x14ac:dyDescent="0.15">
      <c r="A81" s="5">
        <v>63</v>
      </c>
      <c r="B81" s="22">
        <v>30</v>
      </c>
      <c r="C81" s="14">
        <v>23</v>
      </c>
      <c r="D81" s="18">
        <v>53</v>
      </c>
    </row>
    <row r="82" spans="1:4" ht="18" customHeight="1" x14ac:dyDescent="0.15">
      <c r="A82" s="5">
        <v>64</v>
      </c>
      <c r="B82" s="22">
        <v>18</v>
      </c>
      <c r="C82" s="14">
        <v>21</v>
      </c>
      <c r="D82" s="18">
        <v>39</v>
      </c>
    </row>
    <row r="83" spans="1:4" ht="18" customHeight="1" x14ac:dyDescent="0.15">
      <c r="A83" s="5" t="s">
        <v>28</v>
      </c>
      <c r="B83" s="22">
        <v>132</v>
      </c>
      <c r="C83" s="14">
        <v>130</v>
      </c>
      <c r="D83" s="18">
        <v>262</v>
      </c>
    </row>
    <row r="84" spans="1:4" ht="18" customHeight="1" x14ac:dyDescent="0.15">
      <c r="A84" s="5" t="s">
        <v>31</v>
      </c>
      <c r="B84" s="22">
        <v>1163</v>
      </c>
      <c r="C84" s="14">
        <v>1190</v>
      </c>
      <c r="D84" s="18">
        <v>2353</v>
      </c>
    </row>
    <row r="85" spans="1:4" ht="18" customHeight="1" x14ac:dyDescent="0.15">
      <c r="A85" s="5">
        <v>65</v>
      </c>
      <c r="B85" s="22">
        <v>36</v>
      </c>
      <c r="C85" s="14">
        <v>29</v>
      </c>
      <c r="D85" s="18">
        <v>65</v>
      </c>
    </row>
    <row r="86" spans="1:4" ht="18" customHeight="1" x14ac:dyDescent="0.15">
      <c r="A86" s="5">
        <v>66</v>
      </c>
      <c r="B86" s="22">
        <v>24</v>
      </c>
      <c r="C86" s="14">
        <v>22</v>
      </c>
      <c r="D86" s="18">
        <v>46</v>
      </c>
    </row>
    <row r="87" spans="1:4" ht="18" customHeight="1" x14ac:dyDescent="0.15">
      <c r="A87" s="5">
        <v>67</v>
      </c>
      <c r="B87" s="22">
        <v>18</v>
      </c>
      <c r="C87" s="14">
        <v>27</v>
      </c>
      <c r="D87" s="18">
        <v>45</v>
      </c>
    </row>
    <row r="88" spans="1:4" ht="18" customHeight="1" x14ac:dyDescent="0.15">
      <c r="A88" s="5">
        <v>68</v>
      </c>
      <c r="B88" s="22">
        <v>17</v>
      </c>
      <c r="C88" s="14">
        <v>27</v>
      </c>
      <c r="D88" s="18">
        <v>44</v>
      </c>
    </row>
    <row r="89" spans="1:4" ht="18" customHeight="1" x14ac:dyDescent="0.15">
      <c r="A89" s="5">
        <v>69</v>
      </c>
      <c r="B89" s="22">
        <v>17</v>
      </c>
      <c r="C89" s="14">
        <v>16</v>
      </c>
      <c r="D89" s="18">
        <v>33</v>
      </c>
    </row>
    <row r="90" spans="1:4" ht="18" customHeight="1" x14ac:dyDescent="0.15">
      <c r="A90" s="5" t="s">
        <v>20</v>
      </c>
      <c r="B90" s="22">
        <v>112</v>
      </c>
      <c r="C90" s="14">
        <v>121</v>
      </c>
      <c r="D90" s="18">
        <v>233</v>
      </c>
    </row>
    <row r="91" spans="1:4" ht="18" customHeight="1" x14ac:dyDescent="0.15">
      <c r="A91" s="5">
        <v>70</v>
      </c>
      <c r="B91" s="22">
        <v>21</v>
      </c>
      <c r="C91" s="14">
        <v>29</v>
      </c>
      <c r="D91" s="18">
        <v>50</v>
      </c>
    </row>
    <row r="92" spans="1:4" ht="18" customHeight="1" x14ac:dyDescent="0.15">
      <c r="A92" s="5">
        <v>71</v>
      </c>
      <c r="B92" s="22">
        <v>23</v>
      </c>
      <c r="C92" s="14">
        <v>26</v>
      </c>
      <c r="D92" s="18">
        <v>49</v>
      </c>
    </row>
    <row r="93" spans="1:4" ht="18" customHeight="1" x14ac:dyDescent="0.15">
      <c r="A93" s="5">
        <v>72</v>
      </c>
      <c r="B93" s="22">
        <v>29</v>
      </c>
      <c r="C93" s="14">
        <v>23</v>
      </c>
      <c r="D93" s="18">
        <v>52</v>
      </c>
    </row>
    <row r="94" spans="1:4" ht="18" customHeight="1" x14ac:dyDescent="0.15">
      <c r="A94" s="5">
        <v>73</v>
      </c>
      <c r="B94" s="22">
        <v>16</v>
      </c>
      <c r="C94" s="14">
        <v>29</v>
      </c>
      <c r="D94" s="18">
        <v>45</v>
      </c>
    </row>
    <row r="95" spans="1:4" ht="18" customHeight="1" x14ac:dyDescent="0.15">
      <c r="A95" s="5">
        <v>74</v>
      </c>
      <c r="B95" s="22">
        <v>25</v>
      </c>
      <c r="C95" s="14">
        <v>24</v>
      </c>
      <c r="D95" s="18">
        <v>49</v>
      </c>
    </row>
    <row r="96" spans="1:4" ht="18" customHeight="1" x14ac:dyDescent="0.15">
      <c r="A96" s="5" t="s">
        <v>33</v>
      </c>
      <c r="B96" s="22">
        <v>114</v>
      </c>
      <c r="C96" s="14">
        <v>131</v>
      </c>
      <c r="D96" s="18">
        <v>245</v>
      </c>
    </row>
    <row r="97" spans="1:4" ht="18" customHeight="1" x14ac:dyDescent="0.15">
      <c r="A97" s="5">
        <v>75</v>
      </c>
      <c r="B97" s="22">
        <v>27</v>
      </c>
      <c r="C97" s="14">
        <v>34</v>
      </c>
      <c r="D97" s="18">
        <v>61</v>
      </c>
    </row>
    <row r="98" spans="1:4" ht="18" customHeight="1" x14ac:dyDescent="0.15">
      <c r="A98" s="5">
        <v>76</v>
      </c>
      <c r="B98" s="22">
        <v>37</v>
      </c>
      <c r="C98" s="14">
        <v>46</v>
      </c>
      <c r="D98" s="18">
        <v>83</v>
      </c>
    </row>
    <row r="99" spans="1:4" ht="18" customHeight="1" x14ac:dyDescent="0.15">
      <c r="A99" s="5">
        <v>77</v>
      </c>
      <c r="B99" s="22">
        <v>23</v>
      </c>
      <c r="C99" s="14">
        <v>29</v>
      </c>
      <c r="D99" s="18">
        <v>52</v>
      </c>
    </row>
    <row r="100" spans="1:4" ht="18" customHeight="1" x14ac:dyDescent="0.15">
      <c r="A100" s="5">
        <v>78</v>
      </c>
      <c r="B100" s="22">
        <v>24</v>
      </c>
      <c r="C100" s="14">
        <v>37</v>
      </c>
      <c r="D100" s="18">
        <v>61</v>
      </c>
    </row>
    <row r="101" spans="1:4" ht="18" customHeight="1" x14ac:dyDescent="0.15">
      <c r="A101" s="5">
        <v>79</v>
      </c>
      <c r="B101" s="22">
        <v>14</v>
      </c>
      <c r="C101" s="14">
        <v>25</v>
      </c>
      <c r="D101" s="18">
        <v>39</v>
      </c>
    </row>
    <row r="102" spans="1:4" ht="18" customHeight="1" x14ac:dyDescent="0.15">
      <c r="A102" s="5" t="s">
        <v>0</v>
      </c>
      <c r="B102" s="22">
        <v>125</v>
      </c>
      <c r="C102" s="14">
        <v>171</v>
      </c>
      <c r="D102" s="18">
        <v>296</v>
      </c>
    </row>
    <row r="103" spans="1:4" ht="18" customHeight="1" x14ac:dyDescent="0.15">
      <c r="A103" s="5">
        <v>80</v>
      </c>
      <c r="B103" s="22">
        <v>16</v>
      </c>
      <c r="C103" s="14">
        <v>17</v>
      </c>
      <c r="D103" s="18">
        <v>33</v>
      </c>
    </row>
    <row r="104" spans="1:4" ht="18" customHeight="1" x14ac:dyDescent="0.15">
      <c r="A104" s="5">
        <v>81</v>
      </c>
      <c r="B104" s="22">
        <v>15</v>
      </c>
      <c r="C104" s="14">
        <v>29</v>
      </c>
      <c r="D104" s="18">
        <v>44</v>
      </c>
    </row>
    <row r="105" spans="1:4" ht="18" customHeight="1" x14ac:dyDescent="0.15">
      <c r="A105" s="5">
        <v>82</v>
      </c>
      <c r="B105" s="22">
        <v>13</v>
      </c>
      <c r="C105" s="14">
        <v>31</v>
      </c>
      <c r="D105" s="18">
        <v>44</v>
      </c>
    </row>
    <row r="106" spans="1:4" ht="18" customHeight="1" x14ac:dyDescent="0.15">
      <c r="A106" s="5">
        <v>83</v>
      </c>
      <c r="B106" s="22">
        <v>20</v>
      </c>
      <c r="C106" s="14">
        <v>22</v>
      </c>
      <c r="D106" s="18">
        <v>42</v>
      </c>
    </row>
    <row r="107" spans="1:4" ht="18" customHeight="1" x14ac:dyDescent="0.15">
      <c r="A107" s="5">
        <v>84</v>
      </c>
      <c r="B107" s="22">
        <v>14</v>
      </c>
      <c r="C107" s="14">
        <v>35</v>
      </c>
      <c r="D107" s="18">
        <v>49</v>
      </c>
    </row>
    <row r="108" spans="1:4" ht="18" customHeight="1" x14ac:dyDescent="0.15">
      <c r="A108" s="5" t="s">
        <v>35</v>
      </c>
      <c r="B108" s="22">
        <v>78</v>
      </c>
      <c r="C108" s="14">
        <v>134</v>
      </c>
      <c r="D108" s="18">
        <v>212</v>
      </c>
    </row>
    <row r="109" spans="1:4" ht="18" customHeight="1" x14ac:dyDescent="0.15">
      <c r="A109" s="5">
        <v>85</v>
      </c>
      <c r="B109" s="22">
        <v>18</v>
      </c>
      <c r="C109" s="14">
        <v>23</v>
      </c>
      <c r="D109" s="18">
        <v>41</v>
      </c>
    </row>
    <row r="110" spans="1:4" ht="18" customHeight="1" x14ac:dyDescent="0.15">
      <c r="A110" s="5">
        <v>86</v>
      </c>
      <c r="B110" s="22">
        <v>16</v>
      </c>
      <c r="C110" s="14">
        <v>15</v>
      </c>
      <c r="D110" s="18">
        <v>31</v>
      </c>
    </row>
    <row r="111" spans="1:4" ht="18" customHeight="1" x14ac:dyDescent="0.15">
      <c r="A111" s="5">
        <v>87</v>
      </c>
      <c r="B111" s="22">
        <v>8</v>
      </c>
      <c r="C111" s="14">
        <v>21</v>
      </c>
      <c r="D111" s="18">
        <v>29</v>
      </c>
    </row>
    <row r="112" spans="1:4" ht="18" customHeight="1" x14ac:dyDescent="0.15">
      <c r="A112" s="5">
        <v>88</v>
      </c>
      <c r="B112" s="22">
        <v>12</v>
      </c>
      <c r="C112" s="14">
        <v>13</v>
      </c>
      <c r="D112" s="18">
        <v>25</v>
      </c>
    </row>
    <row r="113" spans="1:4" ht="18" customHeight="1" x14ac:dyDescent="0.15">
      <c r="A113" s="5">
        <v>89</v>
      </c>
      <c r="B113" s="22">
        <v>3</v>
      </c>
      <c r="C113" s="14">
        <v>15</v>
      </c>
      <c r="D113" s="18">
        <v>18</v>
      </c>
    </row>
    <row r="114" spans="1:4" ht="18" customHeight="1" x14ac:dyDescent="0.15">
      <c r="A114" s="5" t="s">
        <v>37</v>
      </c>
      <c r="B114" s="22">
        <v>57</v>
      </c>
      <c r="C114" s="14">
        <v>87</v>
      </c>
      <c r="D114" s="18">
        <v>144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5</v>
      </c>
      <c r="C117" s="14">
        <v>7</v>
      </c>
      <c r="D117" s="18">
        <v>12</v>
      </c>
    </row>
    <row r="118" spans="1:4" ht="18" customHeight="1" x14ac:dyDescent="0.15">
      <c r="A118" s="5">
        <v>93</v>
      </c>
      <c r="B118" s="22">
        <v>4</v>
      </c>
      <c r="C118" s="14">
        <v>11</v>
      </c>
      <c r="D118" s="18">
        <v>15</v>
      </c>
    </row>
    <row r="119" spans="1:4" ht="18" customHeight="1" x14ac:dyDescent="0.15">
      <c r="A119" s="5">
        <v>94</v>
      </c>
      <c r="B119" s="22">
        <v>3</v>
      </c>
      <c r="C119" s="14">
        <v>6</v>
      </c>
      <c r="D119" s="18">
        <v>9</v>
      </c>
    </row>
    <row r="120" spans="1:4" ht="18" customHeight="1" x14ac:dyDescent="0.15">
      <c r="A120" s="5" t="s">
        <v>39</v>
      </c>
      <c r="B120" s="22">
        <v>22</v>
      </c>
      <c r="C120" s="14">
        <v>40</v>
      </c>
      <c r="D120" s="18">
        <v>62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9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09</v>
      </c>
      <c r="C130" s="14">
        <v>695</v>
      </c>
      <c r="D130" s="18">
        <v>1204</v>
      </c>
    </row>
    <row r="131" spans="1:4" ht="18" customHeight="1" x14ac:dyDescent="0.15">
      <c r="A131" s="7" t="s">
        <v>45</v>
      </c>
      <c r="B131" s="23">
        <v>1854</v>
      </c>
      <c r="C131" s="15">
        <v>2093</v>
      </c>
      <c r="D131" s="19">
        <v>39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8</v>
      </c>
      <c r="D5" s="17">
        <v>14</v>
      </c>
    </row>
    <row r="6" spans="1:4" ht="18" customHeight="1" x14ac:dyDescent="0.15">
      <c r="A6" s="5">
        <v>1</v>
      </c>
      <c r="B6" s="22">
        <v>3</v>
      </c>
      <c r="C6" s="14">
        <v>8</v>
      </c>
      <c r="D6" s="18">
        <v>11</v>
      </c>
    </row>
    <row r="7" spans="1:4" ht="18" customHeight="1" x14ac:dyDescent="0.15">
      <c r="A7" s="5">
        <v>2</v>
      </c>
      <c r="B7" s="22">
        <v>8</v>
      </c>
      <c r="C7" s="14">
        <v>6</v>
      </c>
      <c r="D7" s="18">
        <v>14</v>
      </c>
    </row>
    <row r="8" spans="1:4" ht="18" customHeight="1" x14ac:dyDescent="0.15">
      <c r="A8" s="5">
        <v>3</v>
      </c>
      <c r="B8" s="22">
        <v>8</v>
      </c>
      <c r="C8" s="14">
        <v>7</v>
      </c>
      <c r="D8" s="18">
        <v>15</v>
      </c>
    </row>
    <row r="9" spans="1:4" ht="18" customHeight="1" x14ac:dyDescent="0.15">
      <c r="A9" s="5">
        <v>4</v>
      </c>
      <c r="B9" s="22">
        <v>8</v>
      </c>
      <c r="C9" s="14">
        <v>5</v>
      </c>
      <c r="D9" s="18">
        <v>13</v>
      </c>
    </row>
    <row r="10" spans="1:4" ht="18" customHeight="1" x14ac:dyDescent="0.15">
      <c r="A10" s="5" t="s">
        <v>7</v>
      </c>
      <c r="B10" s="22">
        <v>33</v>
      </c>
      <c r="C10" s="14">
        <v>34</v>
      </c>
      <c r="D10" s="18">
        <v>67</v>
      </c>
    </row>
    <row r="11" spans="1:4" ht="18" customHeight="1" x14ac:dyDescent="0.15">
      <c r="A11" s="5">
        <v>5</v>
      </c>
      <c r="B11" s="22">
        <v>3</v>
      </c>
      <c r="C11" s="14">
        <v>9</v>
      </c>
      <c r="D11" s="18">
        <v>12</v>
      </c>
    </row>
    <row r="12" spans="1:4" ht="18" customHeight="1" x14ac:dyDescent="0.15">
      <c r="A12" s="5">
        <v>6</v>
      </c>
      <c r="B12" s="22">
        <v>12</v>
      </c>
      <c r="C12" s="14">
        <v>8</v>
      </c>
      <c r="D12" s="18">
        <v>20</v>
      </c>
    </row>
    <row r="13" spans="1:4" ht="18" customHeight="1" x14ac:dyDescent="0.15">
      <c r="A13" s="5">
        <v>7</v>
      </c>
      <c r="B13" s="22">
        <v>3</v>
      </c>
      <c r="C13" s="14">
        <v>5</v>
      </c>
      <c r="D13" s="18">
        <v>8</v>
      </c>
    </row>
    <row r="14" spans="1:4" ht="18" customHeight="1" x14ac:dyDescent="0.15">
      <c r="A14" s="5">
        <v>8</v>
      </c>
      <c r="B14" s="22">
        <v>6</v>
      </c>
      <c r="C14" s="14">
        <v>9</v>
      </c>
      <c r="D14" s="18">
        <v>15</v>
      </c>
    </row>
    <row r="15" spans="1:4" ht="18" customHeight="1" x14ac:dyDescent="0.15">
      <c r="A15" s="5">
        <v>9</v>
      </c>
      <c r="B15" s="22">
        <v>7</v>
      </c>
      <c r="C15" s="14">
        <v>17</v>
      </c>
      <c r="D15" s="18">
        <v>24</v>
      </c>
    </row>
    <row r="16" spans="1:4" ht="18" customHeight="1" x14ac:dyDescent="0.15">
      <c r="A16" s="5" t="s">
        <v>11</v>
      </c>
      <c r="B16" s="22">
        <v>31</v>
      </c>
      <c r="C16" s="14">
        <v>48</v>
      </c>
      <c r="D16" s="18">
        <v>79</v>
      </c>
    </row>
    <row r="17" spans="1:4" ht="18" customHeight="1" x14ac:dyDescent="0.15">
      <c r="A17" s="5">
        <v>10</v>
      </c>
      <c r="B17" s="22">
        <v>8</v>
      </c>
      <c r="C17" s="14">
        <v>6</v>
      </c>
      <c r="D17" s="18">
        <v>14</v>
      </c>
    </row>
    <row r="18" spans="1:4" ht="18" customHeight="1" x14ac:dyDescent="0.15">
      <c r="A18" s="5">
        <v>11</v>
      </c>
      <c r="B18" s="22">
        <v>9</v>
      </c>
      <c r="C18" s="14">
        <v>6</v>
      </c>
      <c r="D18" s="18">
        <v>15</v>
      </c>
    </row>
    <row r="19" spans="1:4" ht="18" customHeight="1" x14ac:dyDescent="0.15">
      <c r="A19" s="5">
        <v>12</v>
      </c>
      <c r="B19" s="22">
        <v>4</v>
      </c>
      <c r="C19" s="14">
        <v>6</v>
      </c>
      <c r="D19" s="18">
        <v>10</v>
      </c>
    </row>
    <row r="20" spans="1:4" ht="18" customHeight="1" x14ac:dyDescent="0.15">
      <c r="A20" s="5">
        <v>13</v>
      </c>
      <c r="B20" s="22">
        <v>10</v>
      </c>
      <c r="C20" s="14">
        <v>9</v>
      </c>
      <c r="D20" s="18">
        <v>19</v>
      </c>
    </row>
    <row r="21" spans="1:4" ht="18" customHeight="1" x14ac:dyDescent="0.15">
      <c r="A21" s="5">
        <v>14</v>
      </c>
      <c r="B21" s="22">
        <v>11</v>
      </c>
      <c r="C21" s="14">
        <v>16</v>
      </c>
      <c r="D21" s="18">
        <v>27</v>
      </c>
    </row>
    <row r="22" spans="1:4" ht="18" customHeight="1" x14ac:dyDescent="0.15">
      <c r="A22" s="5" t="s">
        <v>12</v>
      </c>
      <c r="B22" s="22">
        <v>42</v>
      </c>
      <c r="C22" s="14">
        <v>43</v>
      </c>
      <c r="D22" s="18">
        <v>85</v>
      </c>
    </row>
    <row r="23" spans="1:4" ht="18" customHeight="1" x14ac:dyDescent="0.15">
      <c r="A23" s="5" t="s">
        <v>6</v>
      </c>
      <c r="B23" s="22">
        <v>106</v>
      </c>
      <c r="C23" s="14">
        <v>125</v>
      </c>
      <c r="D23" s="18">
        <v>231</v>
      </c>
    </row>
    <row r="24" spans="1:4" ht="18" customHeight="1" x14ac:dyDescent="0.15">
      <c r="A24" s="5">
        <v>15</v>
      </c>
      <c r="B24" s="22">
        <v>14</v>
      </c>
      <c r="C24" s="14">
        <v>12</v>
      </c>
      <c r="D24" s="18">
        <v>26</v>
      </c>
    </row>
    <row r="25" spans="1:4" ht="18" customHeight="1" x14ac:dyDescent="0.15">
      <c r="A25" s="5">
        <v>16</v>
      </c>
      <c r="B25" s="22">
        <v>6</v>
      </c>
      <c r="C25" s="14">
        <v>7</v>
      </c>
      <c r="D25" s="18">
        <v>13</v>
      </c>
    </row>
    <row r="26" spans="1:4" ht="18" customHeight="1" x14ac:dyDescent="0.15">
      <c r="A26" s="5">
        <v>17</v>
      </c>
      <c r="B26" s="22">
        <v>9</v>
      </c>
      <c r="C26" s="14">
        <v>11</v>
      </c>
      <c r="D26" s="18">
        <v>20</v>
      </c>
    </row>
    <row r="27" spans="1:4" ht="18" customHeight="1" x14ac:dyDescent="0.15">
      <c r="A27" s="5">
        <v>18</v>
      </c>
      <c r="B27" s="22">
        <v>7</v>
      </c>
      <c r="C27" s="14">
        <v>8</v>
      </c>
      <c r="D27" s="18">
        <v>15</v>
      </c>
    </row>
    <row r="28" spans="1:4" ht="18" customHeight="1" x14ac:dyDescent="0.15">
      <c r="A28" s="5">
        <v>19</v>
      </c>
      <c r="B28" s="22">
        <v>15</v>
      </c>
      <c r="C28" s="14">
        <v>11</v>
      </c>
      <c r="D28" s="18">
        <v>26</v>
      </c>
    </row>
    <row r="29" spans="1:4" ht="18" customHeight="1" x14ac:dyDescent="0.15">
      <c r="A29" s="5" t="s">
        <v>14</v>
      </c>
      <c r="B29" s="22">
        <v>51</v>
      </c>
      <c r="C29" s="14">
        <v>49</v>
      </c>
      <c r="D29" s="18">
        <v>100</v>
      </c>
    </row>
    <row r="30" spans="1:4" ht="18" customHeight="1" x14ac:dyDescent="0.15">
      <c r="A30" s="5">
        <v>20</v>
      </c>
      <c r="B30" s="22">
        <v>9</v>
      </c>
      <c r="C30" s="14">
        <v>7</v>
      </c>
      <c r="D30" s="18">
        <v>16</v>
      </c>
    </row>
    <row r="31" spans="1:4" ht="18" customHeight="1" x14ac:dyDescent="0.15">
      <c r="A31" s="5">
        <v>21</v>
      </c>
      <c r="B31" s="22">
        <v>10</v>
      </c>
      <c r="C31" s="14">
        <v>10</v>
      </c>
      <c r="D31" s="18">
        <v>20</v>
      </c>
    </row>
    <row r="32" spans="1:4" ht="18" customHeight="1" x14ac:dyDescent="0.15">
      <c r="A32" s="5">
        <v>22</v>
      </c>
      <c r="B32" s="22">
        <v>13</v>
      </c>
      <c r="C32" s="14">
        <v>13</v>
      </c>
      <c r="D32" s="18">
        <v>26</v>
      </c>
    </row>
    <row r="33" spans="1:4" ht="18" customHeight="1" x14ac:dyDescent="0.15">
      <c r="A33" s="5">
        <v>23</v>
      </c>
      <c r="B33" s="22">
        <v>11</v>
      </c>
      <c r="C33" s="14">
        <v>9</v>
      </c>
      <c r="D33" s="18">
        <v>20</v>
      </c>
    </row>
    <row r="34" spans="1:4" ht="18" customHeight="1" x14ac:dyDescent="0.15">
      <c r="A34" s="5">
        <v>24</v>
      </c>
      <c r="B34" s="22">
        <v>13</v>
      </c>
      <c r="C34" s="14">
        <v>17</v>
      </c>
      <c r="D34" s="18">
        <v>30</v>
      </c>
    </row>
    <row r="35" spans="1:4" ht="18" customHeight="1" x14ac:dyDescent="0.15">
      <c r="A35" s="5" t="s">
        <v>9</v>
      </c>
      <c r="B35" s="22">
        <v>56</v>
      </c>
      <c r="C35" s="14">
        <v>56</v>
      </c>
      <c r="D35" s="18">
        <v>112</v>
      </c>
    </row>
    <row r="36" spans="1:4" ht="18" customHeight="1" x14ac:dyDescent="0.15">
      <c r="A36" s="5">
        <v>25</v>
      </c>
      <c r="B36" s="22">
        <v>15</v>
      </c>
      <c r="C36" s="14">
        <v>14</v>
      </c>
      <c r="D36" s="18">
        <v>29</v>
      </c>
    </row>
    <row r="37" spans="1:4" ht="18" customHeight="1" x14ac:dyDescent="0.15">
      <c r="A37" s="5">
        <v>26</v>
      </c>
      <c r="B37" s="22">
        <v>16</v>
      </c>
      <c r="C37" s="14">
        <v>9</v>
      </c>
      <c r="D37" s="18">
        <v>25</v>
      </c>
    </row>
    <row r="38" spans="1:4" ht="18" customHeight="1" x14ac:dyDescent="0.15">
      <c r="A38" s="5">
        <v>27</v>
      </c>
      <c r="B38" s="22">
        <v>9</v>
      </c>
      <c r="C38" s="14">
        <v>9</v>
      </c>
      <c r="D38" s="18">
        <v>18</v>
      </c>
    </row>
    <row r="39" spans="1:4" ht="18" customHeight="1" x14ac:dyDescent="0.15">
      <c r="A39" s="5">
        <v>28</v>
      </c>
      <c r="B39" s="22">
        <v>11</v>
      </c>
      <c r="C39" s="14">
        <v>7</v>
      </c>
      <c r="D39" s="18">
        <v>18</v>
      </c>
    </row>
    <row r="40" spans="1:4" ht="18" customHeight="1" x14ac:dyDescent="0.15">
      <c r="A40" s="5">
        <v>29</v>
      </c>
      <c r="B40" s="22">
        <v>14</v>
      </c>
      <c r="C40" s="14">
        <v>13</v>
      </c>
      <c r="D40" s="18">
        <v>27</v>
      </c>
    </row>
    <row r="41" spans="1:4" ht="18" customHeight="1" x14ac:dyDescent="0.15">
      <c r="A41" s="5" t="s">
        <v>2</v>
      </c>
      <c r="B41" s="22">
        <v>65</v>
      </c>
      <c r="C41" s="14">
        <v>52</v>
      </c>
      <c r="D41" s="18">
        <v>117</v>
      </c>
    </row>
    <row r="42" spans="1:4" ht="18" customHeight="1" x14ac:dyDescent="0.15">
      <c r="A42" s="5">
        <v>30</v>
      </c>
      <c r="B42" s="22">
        <v>12</v>
      </c>
      <c r="C42" s="14">
        <v>7</v>
      </c>
      <c r="D42" s="18">
        <v>19</v>
      </c>
    </row>
    <row r="43" spans="1:4" ht="18" customHeight="1" x14ac:dyDescent="0.15">
      <c r="A43" s="5">
        <v>31</v>
      </c>
      <c r="B43" s="22">
        <v>13</v>
      </c>
      <c r="C43" s="14">
        <v>10</v>
      </c>
      <c r="D43" s="18">
        <v>23</v>
      </c>
    </row>
    <row r="44" spans="1:4" ht="18" customHeight="1" x14ac:dyDescent="0.15">
      <c r="A44" s="5">
        <v>32</v>
      </c>
      <c r="B44" s="22">
        <v>10</v>
      </c>
      <c r="C44" s="14">
        <v>6</v>
      </c>
      <c r="D44" s="18">
        <v>16</v>
      </c>
    </row>
    <row r="45" spans="1:4" ht="18" customHeight="1" x14ac:dyDescent="0.15">
      <c r="A45" s="5">
        <v>33</v>
      </c>
      <c r="B45" s="22">
        <v>10</v>
      </c>
      <c r="C45" s="14">
        <v>8</v>
      </c>
      <c r="D45" s="18">
        <v>18</v>
      </c>
    </row>
    <row r="46" spans="1:4" ht="18" customHeight="1" x14ac:dyDescent="0.15">
      <c r="A46" s="5">
        <v>34</v>
      </c>
      <c r="B46" s="22">
        <v>20</v>
      </c>
      <c r="C46" s="14">
        <v>12</v>
      </c>
      <c r="D46" s="18">
        <v>32</v>
      </c>
    </row>
    <row r="47" spans="1:4" ht="18" customHeight="1" x14ac:dyDescent="0.15">
      <c r="A47" s="5" t="s">
        <v>15</v>
      </c>
      <c r="B47" s="22">
        <v>65</v>
      </c>
      <c r="C47" s="14">
        <v>43</v>
      </c>
      <c r="D47" s="18">
        <v>108</v>
      </c>
    </row>
    <row r="48" spans="1:4" ht="18" customHeight="1" x14ac:dyDescent="0.15">
      <c r="A48" s="5">
        <v>35</v>
      </c>
      <c r="B48" s="22">
        <v>10</v>
      </c>
      <c r="C48" s="14">
        <v>8</v>
      </c>
      <c r="D48" s="18">
        <v>18</v>
      </c>
    </row>
    <row r="49" spans="1:4" ht="18" customHeight="1" x14ac:dyDescent="0.15">
      <c r="A49" s="5">
        <v>36</v>
      </c>
      <c r="B49" s="22">
        <v>12</v>
      </c>
      <c r="C49" s="14">
        <v>9</v>
      </c>
      <c r="D49" s="18">
        <v>21</v>
      </c>
    </row>
    <row r="50" spans="1:4" ht="18" customHeight="1" x14ac:dyDescent="0.15">
      <c r="A50" s="5">
        <v>37</v>
      </c>
      <c r="B50" s="22">
        <v>12</v>
      </c>
      <c r="C50" s="14">
        <v>9</v>
      </c>
      <c r="D50" s="18">
        <v>21</v>
      </c>
    </row>
    <row r="51" spans="1:4" ht="18" customHeight="1" x14ac:dyDescent="0.15">
      <c r="A51" s="5">
        <v>38</v>
      </c>
      <c r="B51" s="22">
        <v>10</v>
      </c>
      <c r="C51" s="14">
        <v>14</v>
      </c>
      <c r="D51" s="18">
        <v>24</v>
      </c>
    </row>
    <row r="52" spans="1:4" ht="18" customHeight="1" x14ac:dyDescent="0.15">
      <c r="A52" s="5">
        <v>39</v>
      </c>
      <c r="B52" s="22">
        <v>10</v>
      </c>
      <c r="C52" s="14">
        <v>14</v>
      </c>
      <c r="D52" s="18">
        <v>24</v>
      </c>
    </row>
    <row r="53" spans="1:4" ht="18" customHeight="1" x14ac:dyDescent="0.15">
      <c r="A53" s="5" t="s">
        <v>18</v>
      </c>
      <c r="B53" s="22">
        <v>54</v>
      </c>
      <c r="C53" s="14">
        <v>54</v>
      </c>
      <c r="D53" s="18">
        <v>108</v>
      </c>
    </row>
    <row r="54" spans="1:4" ht="18" customHeight="1" x14ac:dyDescent="0.15">
      <c r="A54" s="5">
        <v>40</v>
      </c>
      <c r="B54" s="22">
        <v>11</v>
      </c>
      <c r="C54" s="14">
        <v>12</v>
      </c>
      <c r="D54" s="18">
        <v>23</v>
      </c>
    </row>
    <row r="55" spans="1:4" ht="18" customHeight="1" x14ac:dyDescent="0.15">
      <c r="A55" s="5">
        <v>41</v>
      </c>
      <c r="B55" s="22">
        <v>11</v>
      </c>
      <c r="C55" s="14">
        <v>13</v>
      </c>
      <c r="D55" s="18">
        <v>24</v>
      </c>
    </row>
    <row r="56" spans="1:4" ht="18" customHeight="1" x14ac:dyDescent="0.15">
      <c r="A56" s="5">
        <v>42</v>
      </c>
      <c r="B56" s="22">
        <v>11</v>
      </c>
      <c r="C56" s="14">
        <v>12</v>
      </c>
      <c r="D56" s="18">
        <v>23</v>
      </c>
    </row>
    <row r="57" spans="1:4" ht="18" customHeight="1" x14ac:dyDescent="0.15">
      <c r="A57" s="5">
        <v>43</v>
      </c>
      <c r="B57" s="22">
        <v>14</v>
      </c>
      <c r="C57" s="14">
        <v>6</v>
      </c>
      <c r="D57" s="18">
        <v>20</v>
      </c>
    </row>
    <row r="58" spans="1:4" ht="18" customHeight="1" x14ac:dyDescent="0.15">
      <c r="A58" s="5">
        <v>44</v>
      </c>
      <c r="B58" s="22">
        <v>14</v>
      </c>
      <c r="C58" s="14">
        <v>10</v>
      </c>
      <c r="D58" s="18">
        <v>24</v>
      </c>
    </row>
    <row r="59" spans="1:4" ht="18" customHeight="1" x14ac:dyDescent="0.15">
      <c r="A59" s="5" t="s">
        <v>21</v>
      </c>
      <c r="B59" s="22">
        <v>61</v>
      </c>
      <c r="C59" s="14">
        <v>53</v>
      </c>
      <c r="D59" s="18">
        <v>114</v>
      </c>
    </row>
    <row r="60" spans="1:4" ht="18" customHeight="1" x14ac:dyDescent="0.15">
      <c r="A60" s="5">
        <v>45</v>
      </c>
      <c r="B60" s="22">
        <v>15</v>
      </c>
      <c r="C60" s="14">
        <v>15</v>
      </c>
      <c r="D60" s="18">
        <v>30</v>
      </c>
    </row>
    <row r="61" spans="1:4" ht="18" customHeight="1" x14ac:dyDescent="0.15">
      <c r="A61" s="5">
        <v>46</v>
      </c>
      <c r="B61" s="22">
        <v>17</v>
      </c>
      <c r="C61" s="14">
        <v>15</v>
      </c>
      <c r="D61" s="18">
        <v>32</v>
      </c>
    </row>
    <row r="62" spans="1:4" ht="18" customHeight="1" x14ac:dyDescent="0.15">
      <c r="A62" s="5">
        <v>47</v>
      </c>
      <c r="B62" s="22">
        <v>27</v>
      </c>
      <c r="C62" s="14">
        <v>17</v>
      </c>
      <c r="D62" s="18">
        <v>44</v>
      </c>
    </row>
    <row r="63" spans="1:4" ht="18" customHeight="1" x14ac:dyDescent="0.15">
      <c r="A63" s="5">
        <v>48</v>
      </c>
      <c r="B63" s="22">
        <v>23</v>
      </c>
      <c r="C63" s="14">
        <v>25</v>
      </c>
      <c r="D63" s="18">
        <v>48</v>
      </c>
    </row>
    <row r="64" spans="1:4" ht="18" customHeight="1" x14ac:dyDescent="0.15">
      <c r="A64" s="5">
        <v>49</v>
      </c>
      <c r="B64" s="22">
        <v>20</v>
      </c>
      <c r="C64" s="14">
        <v>18</v>
      </c>
      <c r="D64" s="18">
        <v>38</v>
      </c>
    </row>
    <row r="65" spans="1:4" ht="18" customHeight="1" x14ac:dyDescent="0.15">
      <c r="A65" s="5" t="s">
        <v>17</v>
      </c>
      <c r="B65" s="22">
        <v>102</v>
      </c>
      <c r="C65" s="14">
        <v>90</v>
      </c>
      <c r="D65" s="18">
        <v>192</v>
      </c>
    </row>
    <row r="66" spans="1:4" ht="18" customHeight="1" x14ac:dyDescent="0.15">
      <c r="A66" s="5">
        <v>50</v>
      </c>
      <c r="B66" s="22">
        <v>22</v>
      </c>
      <c r="C66" s="14">
        <v>19</v>
      </c>
      <c r="D66" s="18">
        <v>41</v>
      </c>
    </row>
    <row r="67" spans="1:4" ht="18" customHeight="1" x14ac:dyDescent="0.15">
      <c r="A67" s="5">
        <v>51</v>
      </c>
      <c r="B67" s="22">
        <v>29</v>
      </c>
      <c r="C67" s="14">
        <v>24</v>
      </c>
      <c r="D67" s="18">
        <v>53</v>
      </c>
    </row>
    <row r="68" spans="1:4" ht="18" customHeight="1" x14ac:dyDescent="0.15">
      <c r="A68" s="5">
        <v>52</v>
      </c>
      <c r="B68" s="22">
        <v>19</v>
      </c>
      <c r="C68" s="14">
        <v>18</v>
      </c>
      <c r="D68" s="18">
        <v>37</v>
      </c>
    </row>
    <row r="69" spans="1:4" ht="18" customHeight="1" x14ac:dyDescent="0.15">
      <c r="A69" s="5">
        <v>53</v>
      </c>
      <c r="B69" s="22">
        <v>22</v>
      </c>
      <c r="C69" s="14">
        <v>20</v>
      </c>
      <c r="D69" s="18">
        <v>42</v>
      </c>
    </row>
    <row r="70" spans="1:4" ht="18" customHeight="1" x14ac:dyDescent="0.15">
      <c r="A70" s="5">
        <v>54</v>
      </c>
      <c r="B70" s="22">
        <v>20</v>
      </c>
      <c r="C70" s="14">
        <v>23</v>
      </c>
      <c r="D70" s="18">
        <v>43</v>
      </c>
    </row>
    <row r="71" spans="1:4" ht="18" customHeight="1" x14ac:dyDescent="0.15">
      <c r="A71" s="5" t="s">
        <v>22</v>
      </c>
      <c r="B71" s="22">
        <v>112</v>
      </c>
      <c r="C71" s="14">
        <v>104</v>
      </c>
      <c r="D71" s="18">
        <v>216</v>
      </c>
    </row>
    <row r="72" spans="1:4" ht="18" customHeight="1" x14ac:dyDescent="0.15">
      <c r="A72" s="5">
        <v>55</v>
      </c>
      <c r="B72" s="22">
        <v>24</v>
      </c>
      <c r="C72" s="14">
        <v>23</v>
      </c>
      <c r="D72" s="18">
        <v>47</v>
      </c>
    </row>
    <row r="73" spans="1:4" ht="18" customHeight="1" x14ac:dyDescent="0.15">
      <c r="A73" s="5">
        <v>56</v>
      </c>
      <c r="B73" s="22">
        <v>21</v>
      </c>
      <c r="C73" s="14">
        <v>18</v>
      </c>
      <c r="D73" s="18">
        <v>39</v>
      </c>
    </row>
    <row r="74" spans="1:4" ht="18" customHeight="1" x14ac:dyDescent="0.15">
      <c r="A74" s="5">
        <v>57</v>
      </c>
      <c r="B74" s="22">
        <v>33</v>
      </c>
      <c r="C74" s="14">
        <v>23</v>
      </c>
      <c r="D74" s="18">
        <v>56</v>
      </c>
    </row>
    <row r="75" spans="1:4" ht="18" customHeight="1" x14ac:dyDescent="0.15">
      <c r="A75" s="5">
        <v>58</v>
      </c>
      <c r="B75" s="22">
        <v>19</v>
      </c>
      <c r="C75" s="14">
        <v>15</v>
      </c>
      <c r="D75" s="18">
        <v>34</v>
      </c>
    </row>
    <row r="76" spans="1:4" ht="18" customHeight="1" x14ac:dyDescent="0.15">
      <c r="A76" s="5">
        <v>59</v>
      </c>
      <c r="B76" s="22">
        <v>17</v>
      </c>
      <c r="C76" s="14">
        <v>15</v>
      </c>
      <c r="D76" s="18">
        <v>32</v>
      </c>
    </row>
    <row r="77" spans="1:4" ht="18" customHeight="1" x14ac:dyDescent="0.15">
      <c r="A77" s="5" t="s">
        <v>27</v>
      </c>
      <c r="B77" s="22">
        <v>114</v>
      </c>
      <c r="C77" s="14">
        <v>94</v>
      </c>
      <c r="D77" s="18">
        <v>208</v>
      </c>
    </row>
    <row r="78" spans="1:4" ht="18" customHeight="1" x14ac:dyDescent="0.15">
      <c r="A78" s="5">
        <v>60</v>
      </c>
      <c r="B78" s="22">
        <v>25</v>
      </c>
      <c r="C78" s="14">
        <v>26</v>
      </c>
      <c r="D78" s="18">
        <v>51</v>
      </c>
    </row>
    <row r="79" spans="1:4" ht="18" customHeight="1" x14ac:dyDescent="0.15">
      <c r="A79" s="5">
        <v>61</v>
      </c>
      <c r="B79" s="22">
        <v>29</v>
      </c>
      <c r="C79" s="14">
        <v>13</v>
      </c>
      <c r="D79" s="18">
        <v>42</v>
      </c>
    </row>
    <row r="80" spans="1:4" ht="18" customHeight="1" x14ac:dyDescent="0.15">
      <c r="A80" s="5">
        <v>62</v>
      </c>
      <c r="B80" s="22">
        <v>19</v>
      </c>
      <c r="C80" s="14">
        <v>30</v>
      </c>
      <c r="D80" s="18">
        <v>49</v>
      </c>
    </row>
    <row r="81" spans="1:4" ht="18" customHeight="1" x14ac:dyDescent="0.15">
      <c r="A81" s="5">
        <v>63</v>
      </c>
      <c r="B81" s="22">
        <v>26</v>
      </c>
      <c r="C81" s="14">
        <v>9</v>
      </c>
      <c r="D81" s="18">
        <v>35</v>
      </c>
    </row>
    <row r="82" spans="1:4" ht="18" customHeight="1" x14ac:dyDescent="0.15">
      <c r="A82" s="5">
        <v>64</v>
      </c>
      <c r="B82" s="22">
        <v>14</v>
      </c>
      <c r="C82" s="14">
        <v>27</v>
      </c>
      <c r="D82" s="18">
        <v>41</v>
      </c>
    </row>
    <row r="83" spans="1:4" ht="18" customHeight="1" x14ac:dyDescent="0.15">
      <c r="A83" s="5" t="s">
        <v>28</v>
      </c>
      <c r="B83" s="22">
        <v>113</v>
      </c>
      <c r="C83" s="14">
        <v>105</v>
      </c>
      <c r="D83" s="18">
        <v>218</v>
      </c>
    </row>
    <row r="84" spans="1:4" ht="18" customHeight="1" x14ac:dyDescent="0.15">
      <c r="A84" s="5" t="s">
        <v>31</v>
      </c>
      <c r="B84" s="22">
        <v>793</v>
      </c>
      <c r="C84" s="14">
        <v>700</v>
      </c>
      <c r="D84" s="18">
        <v>1493</v>
      </c>
    </row>
    <row r="85" spans="1:4" ht="18" customHeight="1" x14ac:dyDescent="0.15">
      <c r="A85" s="5">
        <v>65</v>
      </c>
      <c r="B85" s="22">
        <v>15</v>
      </c>
      <c r="C85" s="14">
        <v>14</v>
      </c>
      <c r="D85" s="18">
        <v>29</v>
      </c>
    </row>
    <row r="86" spans="1:4" ht="18" customHeight="1" x14ac:dyDescent="0.15">
      <c r="A86" s="5">
        <v>66</v>
      </c>
      <c r="B86" s="22">
        <v>15</v>
      </c>
      <c r="C86" s="14">
        <v>15</v>
      </c>
      <c r="D86" s="18">
        <v>30</v>
      </c>
    </row>
    <row r="87" spans="1:4" ht="18" customHeight="1" x14ac:dyDescent="0.15">
      <c r="A87" s="5">
        <v>67</v>
      </c>
      <c r="B87" s="22">
        <v>12</v>
      </c>
      <c r="C87" s="14">
        <v>17</v>
      </c>
      <c r="D87" s="18">
        <v>29</v>
      </c>
    </row>
    <row r="88" spans="1:4" ht="18" customHeight="1" x14ac:dyDescent="0.15">
      <c r="A88" s="5">
        <v>68</v>
      </c>
      <c r="B88" s="22">
        <v>11</v>
      </c>
      <c r="C88" s="14">
        <v>15</v>
      </c>
      <c r="D88" s="18">
        <v>26</v>
      </c>
    </row>
    <row r="89" spans="1:4" ht="18" customHeight="1" x14ac:dyDescent="0.15">
      <c r="A89" s="5">
        <v>69</v>
      </c>
      <c r="B89" s="22">
        <v>19</v>
      </c>
      <c r="C89" s="14">
        <v>18</v>
      </c>
      <c r="D89" s="18">
        <v>37</v>
      </c>
    </row>
    <row r="90" spans="1:4" ht="18" customHeight="1" x14ac:dyDescent="0.15">
      <c r="A90" s="5" t="s">
        <v>20</v>
      </c>
      <c r="B90" s="22">
        <v>72</v>
      </c>
      <c r="C90" s="14">
        <v>79</v>
      </c>
      <c r="D90" s="18">
        <v>151</v>
      </c>
    </row>
    <row r="91" spans="1:4" ht="18" customHeight="1" x14ac:dyDescent="0.15">
      <c r="A91" s="5">
        <v>70</v>
      </c>
      <c r="B91" s="22">
        <v>16</v>
      </c>
      <c r="C91" s="14">
        <v>15</v>
      </c>
      <c r="D91" s="18">
        <v>31</v>
      </c>
    </row>
    <row r="92" spans="1:4" ht="18" customHeight="1" x14ac:dyDescent="0.15">
      <c r="A92" s="5">
        <v>71</v>
      </c>
      <c r="B92" s="22">
        <v>16</v>
      </c>
      <c r="C92" s="14">
        <v>18</v>
      </c>
      <c r="D92" s="18">
        <v>34</v>
      </c>
    </row>
    <row r="93" spans="1:4" ht="18" customHeight="1" x14ac:dyDescent="0.15">
      <c r="A93" s="5">
        <v>72</v>
      </c>
      <c r="B93" s="22">
        <v>17</v>
      </c>
      <c r="C93" s="14">
        <v>31</v>
      </c>
      <c r="D93" s="18">
        <v>48</v>
      </c>
    </row>
    <row r="94" spans="1:4" ht="18" customHeight="1" x14ac:dyDescent="0.15">
      <c r="A94" s="5">
        <v>73</v>
      </c>
      <c r="B94" s="22">
        <v>18</v>
      </c>
      <c r="C94" s="14">
        <v>31</v>
      </c>
      <c r="D94" s="18">
        <v>49</v>
      </c>
    </row>
    <row r="95" spans="1:4" ht="18" customHeight="1" x14ac:dyDescent="0.15">
      <c r="A95" s="5">
        <v>74</v>
      </c>
      <c r="B95" s="22">
        <v>20</v>
      </c>
      <c r="C95" s="14">
        <v>28</v>
      </c>
      <c r="D95" s="18">
        <v>48</v>
      </c>
    </row>
    <row r="96" spans="1:4" ht="18" customHeight="1" x14ac:dyDescent="0.15">
      <c r="A96" s="5" t="s">
        <v>33</v>
      </c>
      <c r="B96" s="22">
        <v>87</v>
      </c>
      <c r="C96" s="14">
        <v>123</v>
      </c>
      <c r="D96" s="18">
        <v>210</v>
      </c>
    </row>
    <row r="97" spans="1:4" ht="18" customHeight="1" x14ac:dyDescent="0.15">
      <c r="A97" s="5">
        <v>75</v>
      </c>
      <c r="B97" s="22">
        <v>18</v>
      </c>
      <c r="C97" s="14">
        <v>34</v>
      </c>
      <c r="D97" s="18">
        <v>52</v>
      </c>
    </row>
    <row r="98" spans="1:4" ht="18" customHeight="1" x14ac:dyDescent="0.15">
      <c r="A98" s="5">
        <v>76</v>
      </c>
      <c r="B98" s="22">
        <v>31</v>
      </c>
      <c r="C98" s="14">
        <v>38</v>
      </c>
      <c r="D98" s="18">
        <v>69</v>
      </c>
    </row>
    <row r="99" spans="1:4" ht="18" customHeight="1" x14ac:dyDescent="0.15">
      <c r="A99" s="5">
        <v>77</v>
      </c>
      <c r="B99" s="22">
        <v>35</v>
      </c>
      <c r="C99" s="14">
        <v>42</v>
      </c>
      <c r="D99" s="18">
        <v>77</v>
      </c>
    </row>
    <row r="100" spans="1:4" ht="18" customHeight="1" x14ac:dyDescent="0.15">
      <c r="A100" s="5">
        <v>78</v>
      </c>
      <c r="B100" s="22">
        <v>40</v>
      </c>
      <c r="C100" s="14">
        <v>32</v>
      </c>
      <c r="D100" s="18">
        <v>72</v>
      </c>
    </row>
    <row r="101" spans="1:4" ht="18" customHeight="1" x14ac:dyDescent="0.15">
      <c r="A101" s="5">
        <v>79</v>
      </c>
      <c r="B101" s="22">
        <v>20</v>
      </c>
      <c r="C101" s="14">
        <v>41</v>
      </c>
      <c r="D101" s="18">
        <v>61</v>
      </c>
    </row>
    <row r="102" spans="1:4" ht="18" customHeight="1" x14ac:dyDescent="0.15">
      <c r="A102" s="5" t="s">
        <v>0</v>
      </c>
      <c r="B102" s="22">
        <v>144</v>
      </c>
      <c r="C102" s="14">
        <v>187</v>
      </c>
      <c r="D102" s="18">
        <v>331</v>
      </c>
    </row>
    <row r="103" spans="1:4" ht="18" customHeight="1" x14ac:dyDescent="0.15">
      <c r="A103" s="5">
        <v>80</v>
      </c>
      <c r="B103" s="22">
        <v>17</v>
      </c>
      <c r="C103" s="14">
        <v>30</v>
      </c>
      <c r="D103" s="18">
        <v>47</v>
      </c>
    </row>
    <row r="104" spans="1:4" ht="18" customHeight="1" x14ac:dyDescent="0.15">
      <c r="A104" s="5">
        <v>81</v>
      </c>
      <c r="B104" s="22">
        <v>19</v>
      </c>
      <c r="C104" s="14">
        <v>35</v>
      </c>
      <c r="D104" s="18">
        <v>54</v>
      </c>
    </row>
    <row r="105" spans="1:4" ht="18" customHeight="1" x14ac:dyDescent="0.15">
      <c r="A105" s="5">
        <v>82</v>
      </c>
      <c r="B105" s="22">
        <v>13</v>
      </c>
      <c r="C105" s="14">
        <v>28</v>
      </c>
      <c r="D105" s="18">
        <v>41</v>
      </c>
    </row>
    <row r="106" spans="1:4" ht="18" customHeight="1" x14ac:dyDescent="0.15">
      <c r="A106" s="5">
        <v>83</v>
      </c>
      <c r="B106" s="22">
        <v>18</v>
      </c>
      <c r="C106" s="14">
        <v>25</v>
      </c>
      <c r="D106" s="18">
        <v>43</v>
      </c>
    </row>
    <row r="107" spans="1:4" ht="18" customHeight="1" x14ac:dyDescent="0.15">
      <c r="A107" s="5">
        <v>84</v>
      </c>
      <c r="B107" s="22">
        <v>18</v>
      </c>
      <c r="C107" s="14">
        <v>31</v>
      </c>
      <c r="D107" s="18">
        <v>49</v>
      </c>
    </row>
    <row r="108" spans="1:4" ht="18" customHeight="1" x14ac:dyDescent="0.15">
      <c r="A108" s="5" t="s">
        <v>35</v>
      </c>
      <c r="B108" s="22">
        <v>85</v>
      </c>
      <c r="C108" s="14">
        <v>149</v>
      </c>
      <c r="D108" s="18">
        <v>234</v>
      </c>
    </row>
    <row r="109" spans="1:4" ht="18" customHeight="1" x14ac:dyDescent="0.15">
      <c r="A109" s="5">
        <v>85</v>
      </c>
      <c r="B109" s="22">
        <v>15</v>
      </c>
      <c r="C109" s="14">
        <v>26</v>
      </c>
      <c r="D109" s="18">
        <v>41</v>
      </c>
    </row>
    <row r="110" spans="1:4" ht="18" customHeight="1" x14ac:dyDescent="0.15">
      <c r="A110" s="5">
        <v>86</v>
      </c>
      <c r="B110" s="22">
        <v>7</v>
      </c>
      <c r="C110" s="14">
        <v>21</v>
      </c>
      <c r="D110" s="18">
        <v>28</v>
      </c>
    </row>
    <row r="111" spans="1:4" ht="18" customHeight="1" x14ac:dyDescent="0.15">
      <c r="A111" s="5">
        <v>87</v>
      </c>
      <c r="B111" s="22">
        <v>8</v>
      </c>
      <c r="C111" s="14">
        <v>20</v>
      </c>
      <c r="D111" s="18">
        <v>28</v>
      </c>
    </row>
    <row r="112" spans="1:4" ht="18" customHeight="1" x14ac:dyDescent="0.15">
      <c r="A112" s="5">
        <v>88</v>
      </c>
      <c r="B112" s="22">
        <v>9</v>
      </c>
      <c r="C112" s="14">
        <v>19</v>
      </c>
      <c r="D112" s="18">
        <v>28</v>
      </c>
    </row>
    <row r="113" spans="1:4" ht="18" customHeight="1" x14ac:dyDescent="0.15">
      <c r="A113" s="5">
        <v>89</v>
      </c>
      <c r="B113" s="22">
        <v>12</v>
      </c>
      <c r="C113" s="14">
        <v>20</v>
      </c>
      <c r="D113" s="18">
        <v>32</v>
      </c>
    </row>
    <row r="114" spans="1:4" ht="18" customHeight="1" x14ac:dyDescent="0.15">
      <c r="A114" s="5" t="s">
        <v>37</v>
      </c>
      <c r="B114" s="22">
        <v>51</v>
      </c>
      <c r="C114" s="14">
        <v>106</v>
      </c>
      <c r="D114" s="18">
        <v>157</v>
      </c>
    </row>
    <row r="115" spans="1:4" ht="18" customHeight="1" x14ac:dyDescent="0.15">
      <c r="A115" s="5">
        <v>90</v>
      </c>
      <c r="B115" s="22">
        <v>6</v>
      </c>
      <c r="C115" s="14">
        <v>20</v>
      </c>
      <c r="D115" s="18">
        <v>26</v>
      </c>
    </row>
    <row r="116" spans="1:4" ht="18" customHeight="1" x14ac:dyDescent="0.15">
      <c r="A116" s="5">
        <v>91</v>
      </c>
      <c r="B116" s="22">
        <v>6</v>
      </c>
      <c r="C116" s="14">
        <v>17</v>
      </c>
      <c r="D116" s="18">
        <v>23</v>
      </c>
    </row>
    <row r="117" spans="1:4" ht="18" customHeight="1" x14ac:dyDescent="0.15">
      <c r="A117" s="5">
        <v>92</v>
      </c>
      <c r="B117" s="22">
        <v>7</v>
      </c>
      <c r="C117" s="14">
        <v>9</v>
      </c>
      <c r="D117" s="18">
        <v>16</v>
      </c>
    </row>
    <row r="118" spans="1:4" ht="18" customHeight="1" x14ac:dyDescent="0.15">
      <c r="A118" s="5">
        <v>93</v>
      </c>
      <c r="B118" s="22">
        <v>3</v>
      </c>
      <c r="C118" s="14">
        <v>18</v>
      </c>
      <c r="D118" s="18">
        <v>21</v>
      </c>
    </row>
    <row r="119" spans="1:4" ht="18" customHeight="1" x14ac:dyDescent="0.15">
      <c r="A119" s="5">
        <v>94</v>
      </c>
      <c r="B119" s="22">
        <v>4</v>
      </c>
      <c r="C119" s="14">
        <v>5</v>
      </c>
      <c r="D119" s="18">
        <v>9</v>
      </c>
    </row>
    <row r="120" spans="1:4" ht="18" customHeight="1" x14ac:dyDescent="0.15">
      <c r="A120" s="5" t="s">
        <v>39</v>
      </c>
      <c r="B120" s="22">
        <v>26</v>
      </c>
      <c r="C120" s="14">
        <v>69</v>
      </c>
      <c r="D120" s="18">
        <v>95</v>
      </c>
    </row>
    <row r="121" spans="1:4" ht="18" customHeight="1" x14ac:dyDescent="0.15">
      <c r="A121" s="5">
        <v>95</v>
      </c>
      <c r="B121" s="22">
        <v>2</v>
      </c>
      <c r="C121" s="14">
        <v>8</v>
      </c>
      <c r="D121" s="18">
        <v>10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25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467</v>
      </c>
      <c r="C130" s="14">
        <v>744</v>
      </c>
      <c r="D130" s="18">
        <v>1211</v>
      </c>
    </row>
    <row r="131" spans="1:4" ht="18" customHeight="1" x14ac:dyDescent="0.15">
      <c r="A131" s="7" t="s">
        <v>45</v>
      </c>
      <c r="B131" s="23">
        <v>1366</v>
      </c>
      <c r="C131" s="15">
        <v>1569</v>
      </c>
      <c r="D131" s="19">
        <v>29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</v>
      </c>
      <c r="B1" s="33"/>
      <c r="C1" s="33"/>
      <c r="D1" s="33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8" t="s">
        <v>47</v>
      </c>
      <c r="C4" s="12" t="s">
        <v>50</v>
      </c>
      <c r="D4" s="16" t="s">
        <v>26</v>
      </c>
    </row>
    <row r="5" spans="1:4" ht="18" customHeight="1" x14ac:dyDescent="0.15">
      <c r="A5" s="4">
        <v>0</v>
      </c>
      <c r="B5" s="9">
        <v>10</v>
      </c>
      <c r="C5" s="13">
        <v>4</v>
      </c>
      <c r="D5" s="17">
        <v>14</v>
      </c>
    </row>
    <row r="6" spans="1:4" ht="18" customHeight="1" x14ac:dyDescent="0.15">
      <c r="A6" s="5">
        <v>1</v>
      </c>
      <c r="B6" s="10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10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10">
        <v>6</v>
      </c>
      <c r="C8" s="14">
        <v>6</v>
      </c>
      <c r="D8" s="18">
        <v>12</v>
      </c>
    </row>
    <row r="9" spans="1:4" ht="18" customHeight="1" x14ac:dyDescent="0.15">
      <c r="A9" s="5">
        <v>4</v>
      </c>
      <c r="B9" s="10">
        <v>11</v>
      </c>
      <c r="C9" s="14">
        <v>8</v>
      </c>
      <c r="D9" s="18">
        <v>19</v>
      </c>
    </row>
    <row r="10" spans="1:4" ht="18" customHeight="1" x14ac:dyDescent="0.15">
      <c r="A10" s="5" t="s">
        <v>7</v>
      </c>
      <c r="B10" s="10">
        <v>39</v>
      </c>
      <c r="C10" s="14">
        <v>32</v>
      </c>
      <c r="D10" s="18">
        <v>71</v>
      </c>
    </row>
    <row r="11" spans="1:4" ht="18" customHeight="1" x14ac:dyDescent="0.15">
      <c r="A11" s="5">
        <v>5</v>
      </c>
      <c r="B11" s="10">
        <v>15</v>
      </c>
      <c r="C11" s="14">
        <v>3</v>
      </c>
      <c r="D11" s="18">
        <v>18</v>
      </c>
    </row>
    <row r="12" spans="1:4" ht="18" customHeight="1" x14ac:dyDescent="0.15">
      <c r="A12" s="5">
        <v>6</v>
      </c>
      <c r="B12" s="10">
        <v>7</v>
      </c>
      <c r="C12" s="14">
        <v>5</v>
      </c>
      <c r="D12" s="18">
        <v>12</v>
      </c>
    </row>
    <row r="13" spans="1:4" ht="18" customHeight="1" x14ac:dyDescent="0.15">
      <c r="A13" s="5">
        <v>7</v>
      </c>
      <c r="B13" s="10">
        <v>6</v>
      </c>
      <c r="C13" s="14">
        <v>6</v>
      </c>
      <c r="D13" s="18">
        <v>12</v>
      </c>
    </row>
    <row r="14" spans="1:4" ht="18" customHeight="1" x14ac:dyDescent="0.15">
      <c r="A14" s="5">
        <v>8</v>
      </c>
      <c r="B14" s="10">
        <v>9</v>
      </c>
      <c r="C14" s="14">
        <v>6</v>
      </c>
      <c r="D14" s="18">
        <v>15</v>
      </c>
    </row>
    <row r="15" spans="1:4" ht="18" customHeight="1" x14ac:dyDescent="0.15">
      <c r="A15" s="5">
        <v>9</v>
      </c>
      <c r="B15" s="10">
        <v>8</v>
      </c>
      <c r="C15" s="14">
        <v>12</v>
      </c>
      <c r="D15" s="18">
        <v>20</v>
      </c>
    </row>
    <row r="16" spans="1:4" ht="18" customHeight="1" x14ac:dyDescent="0.15">
      <c r="A16" s="5" t="s">
        <v>11</v>
      </c>
      <c r="B16" s="10">
        <v>45</v>
      </c>
      <c r="C16" s="14">
        <v>32</v>
      </c>
      <c r="D16" s="18">
        <v>77</v>
      </c>
    </row>
    <row r="17" spans="1:4" ht="18" customHeight="1" x14ac:dyDescent="0.15">
      <c r="A17" s="5">
        <v>10</v>
      </c>
      <c r="B17" s="10">
        <v>5</v>
      </c>
      <c r="C17" s="14">
        <v>10</v>
      </c>
      <c r="D17" s="18">
        <v>15</v>
      </c>
    </row>
    <row r="18" spans="1:4" ht="18" customHeight="1" x14ac:dyDescent="0.15">
      <c r="A18" s="5">
        <v>11</v>
      </c>
      <c r="B18" s="10">
        <v>9</v>
      </c>
      <c r="C18" s="14">
        <v>10</v>
      </c>
      <c r="D18" s="18">
        <v>19</v>
      </c>
    </row>
    <row r="19" spans="1:4" ht="18" customHeight="1" x14ac:dyDescent="0.15">
      <c r="A19" s="5">
        <v>12</v>
      </c>
      <c r="B19" s="10">
        <v>10</v>
      </c>
      <c r="C19" s="14">
        <v>16</v>
      </c>
      <c r="D19" s="18">
        <v>26</v>
      </c>
    </row>
    <row r="20" spans="1:4" ht="18" customHeight="1" x14ac:dyDescent="0.15">
      <c r="A20" s="5">
        <v>13</v>
      </c>
      <c r="B20" s="10">
        <v>5</v>
      </c>
      <c r="C20" s="14">
        <v>5</v>
      </c>
      <c r="D20" s="18">
        <v>10</v>
      </c>
    </row>
    <row r="21" spans="1:4" ht="18" customHeight="1" x14ac:dyDescent="0.15">
      <c r="A21" s="5">
        <v>14</v>
      </c>
      <c r="B21" s="10">
        <v>8</v>
      </c>
      <c r="C21" s="14">
        <v>3</v>
      </c>
      <c r="D21" s="18">
        <v>11</v>
      </c>
    </row>
    <row r="22" spans="1:4" ht="18" customHeight="1" x14ac:dyDescent="0.15">
      <c r="A22" s="5" t="s">
        <v>12</v>
      </c>
      <c r="B22" s="10">
        <v>37</v>
      </c>
      <c r="C22" s="14">
        <v>44</v>
      </c>
      <c r="D22" s="18">
        <v>81</v>
      </c>
    </row>
    <row r="23" spans="1:4" ht="18" customHeight="1" x14ac:dyDescent="0.15">
      <c r="A23" s="5" t="s">
        <v>6</v>
      </c>
      <c r="B23" s="10">
        <v>121</v>
      </c>
      <c r="C23" s="14">
        <v>108</v>
      </c>
      <c r="D23" s="18">
        <v>229</v>
      </c>
    </row>
    <row r="24" spans="1:4" ht="18" customHeight="1" x14ac:dyDescent="0.15">
      <c r="A24" s="5">
        <v>15</v>
      </c>
      <c r="B24" s="10">
        <v>10</v>
      </c>
      <c r="C24" s="14">
        <v>6</v>
      </c>
      <c r="D24" s="18">
        <v>16</v>
      </c>
    </row>
    <row r="25" spans="1:4" ht="18" customHeight="1" x14ac:dyDescent="0.15">
      <c r="A25" s="5">
        <v>16</v>
      </c>
      <c r="B25" s="10">
        <v>11</v>
      </c>
      <c r="C25" s="14">
        <v>2</v>
      </c>
      <c r="D25" s="18">
        <v>13</v>
      </c>
    </row>
    <row r="26" spans="1:4" ht="18" customHeight="1" x14ac:dyDescent="0.15">
      <c r="A26" s="5">
        <v>17</v>
      </c>
      <c r="B26" s="10">
        <v>9</v>
      </c>
      <c r="C26" s="14">
        <v>11</v>
      </c>
      <c r="D26" s="18">
        <v>20</v>
      </c>
    </row>
    <row r="27" spans="1:4" ht="18" customHeight="1" x14ac:dyDescent="0.15">
      <c r="A27" s="5">
        <v>18</v>
      </c>
      <c r="B27" s="10">
        <v>9</v>
      </c>
      <c r="C27" s="14">
        <v>7</v>
      </c>
      <c r="D27" s="18">
        <v>16</v>
      </c>
    </row>
    <row r="28" spans="1:4" ht="18" customHeight="1" x14ac:dyDescent="0.15">
      <c r="A28" s="5">
        <v>19</v>
      </c>
      <c r="B28" s="10">
        <v>3</v>
      </c>
      <c r="C28" s="14">
        <v>10</v>
      </c>
      <c r="D28" s="18">
        <v>13</v>
      </c>
    </row>
    <row r="29" spans="1:4" ht="18" customHeight="1" x14ac:dyDescent="0.15">
      <c r="A29" s="5" t="s">
        <v>14</v>
      </c>
      <c r="B29" s="10">
        <v>42</v>
      </c>
      <c r="C29" s="14">
        <v>36</v>
      </c>
      <c r="D29" s="18">
        <v>78</v>
      </c>
    </row>
    <row r="30" spans="1:4" ht="18" customHeight="1" x14ac:dyDescent="0.15">
      <c r="A30" s="5">
        <v>20</v>
      </c>
      <c r="B30" s="10">
        <v>7</v>
      </c>
      <c r="C30" s="14">
        <v>5</v>
      </c>
      <c r="D30" s="18">
        <v>12</v>
      </c>
    </row>
    <row r="31" spans="1:4" ht="18" customHeight="1" x14ac:dyDescent="0.15">
      <c r="A31" s="5">
        <v>21</v>
      </c>
      <c r="B31" s="10">
        <v>8</v>
      </c>
      <c r="C31" s="14">
        <v>8</v>
      </c>
      <c r="D31" s="18">
        <v>16</v>
      </c>
    </row>
    <row r="32" spans="1:4" ht="18" customHeight="1" x14ac:dyDescent="0.15">
      <c r="A32" s="5">
        <v>22</v>
      </c>
      <c r="B32" s="10">
        <v>4</v>
      </c>
      <c r="C32" s="14">
        <v>8</v>
      </c>
      <c r="D32" s="18">
        <v>12</v>
      </c>
    </row>
    <row r="33" spans="1:4" ht="18" customHeight="1" x14ac:dyDescent="0.15">
      <c r="A33" s="5">
        <v>23</v>
      </c>
      <c r="B33" s="10">
        <v>6</v>
      </c>
      <c r="C33" s="14">
        <v>6</v>
      </c>
      <c r="D33" s="18">
        <v>12</v>
      </c>
    </row>
    <row r="34" spans="1:4" ht="18" customHeight="1" x14ac:dyDescent="0.15">
      <c r="A34" s="5">
        <v>24</v>
      </c>
      <c r="B34" s="10">
        <v>11</v>
      </c>
      <c r="C34" s="14">
        <v>7</v>
      </c>
      <c r="D34" s="18">
        <v>18</v>
      </c>
    </row>
    <row r="35" spans="1:4" ht="18" customHeight="1" x14ac:dyDescent="0.15">
      <c r="A35" s="5" t="s">
        <v>9</v>
      </c>
      <c r="B35" s="10">
        <v>36</v>
      </c>
      <c r="C35" s="14">
        <v>34</v>
      </c>
      <c r="D35" s="18">
        <v>70</v>
      </c>
    </row>
    <row r="36" spans="1:4" ht="18" customHeight="1" x14ac:dyDescent="0.15">
      <c r="A36" s="5">
        <v>25</v>
      </c>
      <c r="B36" s="10">
        <v>6</v>
      </c>
      <c r="C36" s="14">
        <v>9</v>
      </c>
      <c r="D36" s="18">
        <v>15</v>
      </c>
    </row>
    <row r="37" spans="1:4" ht="18" customHeight="1" x14ac:dyDescent="0.15">
      <c r="A37" s="5">
        <v>26</v>
      </c>
      <c r="B37" s="10">
        <v>13</v>
      </c>
      <c r="C37" s="14">
        <v>7</v>
      </c>
      <c r="D37" s="18">
        <v>20</v>
      </c>
    </row>
    <row r="38" spans="1:4" ht="18" customHeight="1" x14ac:dyDescent="0.15">
      <c r="A38" s="5">
        <v>27</v>
      </c>
      <c r="B38" s="10">
        <v>13</v>
      </c>
      <c r="C38" s="14">
        <v>5</v>
      </c>
      <c r="D38" s="18">
        <v>18</v>
      </c>
    </row>
    <row r="39" spans="1:4" ht="18" customHeight="1" x14ac:dyDescent="0.15">
      <c r="A39" s="5">
        <v>28</v>
      </c>
      <c r="B39" s="10">
        <v>6</v>
      </c>
      <c r="C39" s="14">
        <v>4</v>
      </c>
      <c r="D39" s="18">
        <v>10</v>
      </c>
    </row>
    <row r="40" spans="1:4" ht="18" customHeight="1" x14ac:dyDescent="0.15">
      <c r="A40" s="5">
        <v>29</v>
      </c>
      <c r="B40" s="10">
        <v>5</v>
      </c>
      <c r="C40" s="14">
        <v>7</v>
      </c>
      <c r="D40" s="18">
        <v>12</v>
      </c>
    </row>
    <row r="41" spans="1:4" ht="18" customHeight="1" x14ac:dyDescent="0.15">
      <c r="A41" s="5" t="s">
        <v>2</v>
      </c>
      <c r="B41" s="10">
        <v>43</v>
      </c>
      <c r="C41" s="14">
        <v>32</v>
      </c>
      <c r="D41" s="18">
        <v>75</v>
      </c>
    </row>
    <row r="42" spans="1:4" ht="18" customHeight="1" x14ac:dyDescent="0.15">
      <c r="A42" s="5">
        <v>30</v>
      </c>
      <c r="B42" s="10">
        <v>7</v>
      </c>
      <c r="C42" s="14">
        <v>5</v>
      </c>
      <c r="D42" s="18">
        <v>12</v>
      </c>
    </row>
    <row r="43" spans="1:4" ht="18" customHeight="1" x14ac:dyDescent="0.15">
      <c r="A43" s="5">
        <v>31</v>
      </c>
      <c r="B43" s="10">
        <v>8</v>
      </c>
      <c r="C43" s="14">
        <v>4</v>
      </c>
      <c r="D43" s="18">
        <v>12</v>
      </c>
    </row>
    <row r="44" spans="1:4" ht="18" customHeight="1" x14ac:dyDescent="0.15">
      <c r="A44" s="5">
        <v>32</v>
      </c>
      <c r="B44" s="10">
        <v>11</v>
      </c>
      <c r="C44" s="14">
        <v>10</v>
      </c>
      <c r="D44" s="18">
        <v>21</v>
      </c>
    </row>
    <row r="45" spans="1:4" ht="18" customHeight="1" x14ac:dyDescent="0.15">
      <c r="A45" s="5">
        <v>33</v>
      </c>
      <c r="B45" s="10">
        <v>12</v>
      </c>
      <c r="C45" s="14">
        <v>7</v>
      </c>
      <c r="D45" s="18">
        <v>19</v>
      </c>
    </row>
    <row r="46" spans="1:4" ht="18" customHeight="1" x14ac:dyDescent="0.15">
      <c r="A46" s="5">
        <v>34</v>
      </c>
      <c r="B46" s="10">
        <v>3</v>
      </c>
      <c r="C46" s="14">
        <v>13</v>
      </c>
      <c r="D46" s="18">
        <v>16</v>
      </c>
    </row>
    <row r="47" spans="1:4" ht="18" customHeight="1" x14ac:dyDescent="0.15">
      <c r="A47" s="5" t="s">
        <v>15</v>
      </c>
      <c r="B47" s="10">
        <v>41</v>
      </c>
      <c r="C47" s="14">
        <v>39</v>
      </c>
      <c r="D47" s="18">
        <v>80</v>
      </c>
    </row>
    <row r="48" spans="1:4" ht="18" customHeight="1" x14ac:dyDescent="0.15">
      <c r="A48" s="5">
        <v>35</v>
      </c>
      <c r="B48" s="10">
        <v>9</v>
      </c>
      <c r="C48" s="14">
        <v>13</v>
      </c>
      <c r="D48" s="18">
        <v>22</v>
      </c>
    </row>
    <row r="49" spans="1:4" ht="18" customHeight="1" x14ac:dyDescent="0.15">
      <c r="A49" s="5">
        <v>36</v>
      </c>
      <c r="B49" s="10">
        <v>9</v>
      </c>
      <c r="C49" s="14">
        <v>5</v>
      </c>
      <c r="D49" s="18">
        <v>14</v>
      </c>
    </row>
    <row r="50" spans="1:4" ht="18" customHeight="1" x14ac:dyDescent="0.15">
      <c r="A50" s="5">
        <v>37</v>
      </c>
      <c r="B50" s="10">
        <v>15</v>
      </c>
      <c r="C50" s="14">
        <v>12</v>
      </c>
      <c r="D50" s="18">
        <v>27</v>
      </c>
    </row>
    <row r="51" spans="1:4" ht="18" customHeight="1" x14ac:dyDescent="0.15">
      <c r="A51" s="5">
        <v>38</v>
      </c>
      <c r="B51" s="10">
        <v>14</v>
      </c>
      <c r="C51" s="14">
        <v>12</v>
      </c>
      <c r="D51" s="18">
        <v>26</v>
      </c>
    </row>
    <row r="52" spans="1:4" ht="18" customHeight="1" x14ac:dyDescent="0.15">
      <c r="A52" s="5">
        <v>39</v>
      </c>
      <c r="B52" s="10">
        <v>17</v>
      </c>
      <c r="C52" s="14">
        <v>11</v>
      </c>
      <c r="D52" s="18">
        <v>28</v>
      </c>
    </row>
    <row r="53" spans="1:4" ht="18" customHeight="1" x14ac:dyDescent="0.15">
      <c r="A53" s="5" t="s">
        <v>18</v>
      </c>
      <c r="B53" s="10">
        <v>64</v>
      </c>
      <c r="C53" s="14">
        <v>53</v>
      </c>
      <c r="D53" s="18">
        <v>117</v>
      </c>
    </row>
    <row r="54" spans="1:4" ht="18" customHeight="1" x14ac:dyDescent="0.15">
      <c r="A54" s="5">
        <v>40</v>
      </c>
      <c r="B54" s="10">
        <v>16</v>
      </c>
      <c r="C54" s="14">
        <v>18</v>
      </c>
      <c r="D54" s="18">
        <v>34</v>
      </c>
    </row>
    <row r="55" spans="1:4" ht="18" customHeight="1" x14ac:dyDescent="0.15">
      <c r="A55" s="5">
        <v>41</v>
      </c>
      <c r="B55" s="10">
        <v>14</v>
      </c>
      <c r="C55" s="14">
        <v>16</v>
      </c>
      <c r="D55" s="18">
        <v>30</v>
      </c>
    </row>
    <row r="56" spans="1:4" ht="18" customHeight="1" x14ac:dyDescent="0.15">
      <c r="A56" s="5">
        <v>42</v>
      </c>
      <c r="B56" s="10">
        <v>9</v>
      </c>
      <c r="C56" s="14">
        <v>9</v>
      </c>
      <c r="D56" s="18">
        <v>18</v>
      </c>
    </row>
    <row r="57" spans="1:4" ht="18" customHeight="1" x14ac:dyDescent="0.15">
      <c r="A57" s="5">
        <v>43</v>
      </c>
      <c r="B57" s="10">
        <v>17</v>
      </c>
      <c r="C57" s="14">
        <v>8</v>
      </c>
      <c r="D57" s="18">
        <v>25</v>
      </c>
    </row>
    <row r="58" spans="1:4" ht="18" customHeight="1" x14ac:dyDescent="0.15">
      <c r="A58" s="5">
        <v>44</v>
      </c>
      <c r="B58" s="10">
        <v>19</v>
      </c>
      <c r="C58" s="14">
        <v>15</v>
      </c>
      <c r="D58" s="18">
        <v>34</v>
      </c>
    </row>
    <row r="59" spans="1:4" ht="18" customHeight="1" x14ac:dyDescent="0.15">
      <c r="A59" s="5" t="s">
        <v>21</v>
      </c>
      <c r="B59" s="10">
        <v>75</v>
      </c>
      <c r="C59" s="14">
        <v>66</v>
      </c>
      <c r="D59" s="18">
        <v>141</v>
      </c>
    </row>
    <row r="60" spans="1:4" ht="18" customHeight="1" x14ac:dyDescent="0.15">
      <c r="A60" s="5">
        <v>45</v>
      </c>
      <c r="B60" s="10">
        <v>7</v>
      </c>
      <c r="C60" s="14">
        <v>9</v>
      </c>
      <c r="D60" s="18">
        <v>16</v>
      </c>
    </row>
    <row r="61" spans="1:4" ht="18" customHeight="1" x14ac:dyDescent="0.15">
      <c r="A61" s="5">
        <v>46</v>
      </c>
      <c r="B61" s="10">
        <v>15</v>
      </c>
      <c r="C61" s="14">
        <v>20</v>
      </c>
      <c r="D61" s="18">
        <v>35</v>
      </c>
    </row>
    <row r="62" spans="1:4" ht="18" customHeight="1" x14ac:dyDescent="0.15">
      <c r="A62" s="5">
        <v>47</v>
      </c>
      <c r="B62" s="10">
        <v>6</v>
      </c>
      <c r="C62" s="14">
        <v>18</v>
      </c>
      <c r="D62" s="18">
        <v>24</v>
      </c>
    </row>
    <row r="63" spans="1:4" ht="18" customHeight="1" x14ac:dyDescent="0.15">
      <c r="A63" s="5">
        <v>48</v>
      </c>
      <c r="B63" s="10">
        <v>20</v>
      </c>
      <c r="C63" s="14">
        <v>24</v>
      </c>
      <c r="D63" s="18">
        <v>44</v>
      </c>
    </row>
    <row r="64" spans="1:4" ht="18" customHeight="1" x14ac:dyDescent="0.15">
      <c r="A64" s="5">
        <v>49</v>
      </c>
      <c r="B64" s="10">
        <v>22</v>
      </c>
      <c r="C64" s="14">
        <v>11</v>
      </c>
      <c r="D64" s="18">
        <v>33</v>
      </c>
    </row>
    <row r="65" spans="1:4" ht="18" customHeight="1" x14ac:dyDescent="0.15">
      <c r="A65" s="5" t="s">
        <v>17</v>
      </c>
      <c r="B65" s="10">
        <v>70</v>
      </c>
      <c r="C65" s="14">
        <v>82</v>
      </c>
      <c r="D65" s="18">
        <v>152</v>
      </c>
    </row>
    <row r="66" spans="1:4" ht="18" customHeight="1" x14ac:dyDescent="0.15">
      <c r="A66" s="5">
        <v>50</v>
      </c>
      <c r="B66" s="10">
        <v>24</v>
      </c>
      <c r="C66" s="14">
        <v>17</v>
      </c>
      <c r="D66" s="18">
        <v>41</v>
      </c>
    </row>
    <row r="67" spans="1:4" ht="18" customHeight="1" x14ac:dyDescent="0.15">
      <c r="A67" s="5">
        <v>51</v>
      </c>
      <c r="B67" s="10">
        <v>17</v>
      </c>
      <c r="C67" s="14">
        <v>23</v>
      </c>
      <c r="D67" s="18">
        <v>40</v>
      </c>
    </row>
    <row r="68" spans="1:4" ht="18" customHeight="1" x14ac:dyDescent="0.15">
      <c r="A68" s="5">
        <v>52</v>
      </c>
      <c r="B68" s="10">
        <v>18</v>
      </c>
      <c r="C68" s="14">
        <v>21</v>
      </c>
      <c r="D68" s="18">
        <v>39</v>
      </c>
    </row>
    <row r="69" spans="1:4" ht="18" customHeight="1" x14ac:dyDescent="0.15">
      <c r="A69" s="5">
        <v>53</v>
      </c>
      <c r="B69" s="10">
        <v>21</v>
      </c>
      <c r="C69" s="14">
        <v>25</v>
      </c>
      <c r="D69" s="18">
        <v>46</v>
      </c>
    </row>
    <row r="70" spans="1:4" ht="18" customHeight="1" x14ac:dyDescent="0.15">
      <c r="A70" s="5">
        <v>54</v>
      </c>
      <c r="B70" s="10">
        <v>16</v>
      </c>
      <c r="C70" s="14">
        <v>20</v>
      </c>
      <c r="D70" s="18">
        <v>36</v>
      </c>
    </row>
    <row r="71" spans="1:4" ht="18" customHeight="1" x14ac:dyDescent="0.15">
      <c r="A71" s="5" t="s">
        <v>22</v>
      </c>
      <c r="B71" s="10">
        <v>96</v>
      </c>
      <c r="C71" s="14">
        <v>106</v>
      </c>
      <c r="D71" s="18">
        <v>202</v>
      </c>
    </row>
    <row r="72" spans="1:4" ht="18" customHeight="1" x14ac:dyDescent="0.15">
      <c r="A72" s="5">
        <v>55</v>
      </c>
      <c r="B72" s="10">
        <v>21</v>
      </c>
      <c r="C72" s="14">
        <v>21</v>
      </c>
      <c r="D72" s="18">
        <v>42</v>
      </c>
    </row>
    <row r="73" spans="1:4" ht="18" customHeight="1" x14ac:dyDescent="0.15">
      <c r="A73" s="5">
        <v>56</v>
      </c>
      <c r="B73" s="10">
        <v>21</v>
      </c>
      <c r="C73" s="14">
        <v>22</v>
      </c>
      <c r="D73" s="18">
        <v>43</v>
      </c>
    </row>
    <row r="74" spans="1:4" ht="18" customHeight="1" x14ac:dyDescent="0.15">
      <c r="A74" s="5">
        <v>57</v>
      </c>
      <c r="B74" s="10">
        <v>25</v>
      </c>
      <c r="C74" s="14">
        <v>28</v>
      </c>
      <c r="D74" s="18">
        <v>53</v>
      </c>
    </row>
    <row r="75" spans="1:4" ht="18" customHeight="1" x14ac:dyDescent="0.15">
      <c r="A75" s="5">
        <v>58</v>
      </c>
      <c r="B75" s="10">
        <v>16</v>
      </c>
      <c r="C75" s="14">
        <v>18</v>
      </c>
      <c r="D75" s="18">
        <v>34</v>
      </c>
    </row>
    <row r="76" spans="1:4" ht="18" customHeight="1" x14ac:dyDescent="0.15">
      <c r="A76" s="5">
        <v>59</v>
      </c>
      <c r="B76" s="10">
        <v>12</v>
      </c>
      <c r="C76" s="14">
        <v>12</v>
      </c>
      <c r="D76" s="18">
        <v>24</v>
      </c>
    </row>
    <row r="77" spans="1:4" ht="18" customHeight="1" x14ac:dyDescent="0.15">
      <c r="A77" s="5" t="s">
        <v>27</v>
      </c>
      <c r="B77" s="10">
        <v>95</v>
      </c>
      <c r="C77" s="14">
        <v>101</v>
      </c>
      <c r="D77" s="18">
        <v>196</v>
      </c>
    </row>
    <row r="78" spans="1:4" ht="18" customHeight="1" x14ac:dyDescent="0.15">
      <c r="A78" s="5">
        <v>60</v>
      </c>
      <c r="B78" s="10">
        <v>13</v>
      </c>
      <c r="C78" s="14">
        <v>12</v>
      </c>
      <c r="D78" s="18">
        <v>25</v>
      </c>
    </row>
    <row r="79" spans="1:4" ht="18" customHeight="1" x14ac:dyDescent="0.15">
      <c r="A79" s="5">
        <v>61</v>
      </c>
      <c r="B79" s="10">
        <v>21</v>
      </c>
      <c r="C79" s="14">
        <v>14</v>
      </c>
      <c r="D79" s="18">
        <v>35</v>
      </c>
    </row>
    <row r="80" spans="1:4" ht="18" customHeight="1" x14ac:dyDescent="0.15">
      <c r="A80" s="5">
        <v>62</v>
      </c>
      <c r="B80" s="10">
        <v>14</v>
      </c>
      <c r="C80" s="14">
        <v>16</v>
      </c>
      <c r="D80" s="18">
        <v>30</v>
      </c>
    </row>
    <row r="81" spans="1:4" ht="18" customHeight="1" x14ac:dyDescent="0.15">
      <c r="A81" s="5">
        <v>63</v>
      </c>
      <c r="B81" s="10">
        <v>16</v>
      </c>
      <c r="C81" s="14">
        <v>13</v>
      </c>
      <c r="D81" s="18">
        <v>29</v>
      </c>
    </row>
    <row r="82" spans="1:4" ht="18" customHeight="1" x14ac:dyDescent="0.15">
      <c r="A82" s="5">
        <v>64</v>
      </c>
      <c r="B82" s="10">
        <v>21</v>
      </c>
      <c r="C82" s="14">
        <v>20</v>
      </c>
      <c r="D82" s="18">
        <v>41</v>
      </c>
    </row>
    <row r="83" spans="1:4" ht="18" customHeight="1" x14ac:dyDescent="0.15">
      <c r="A83" s="5" t="s">
        <v>28</v>
      </c>
      <c r="B83" s="10">
        <v>85</v>
      </c>
      <c r="C83" s="14">
        <v>75</v>
      </c>
      <c r="D83" s="18">
        <v>160</v>
      </c>
    </row>
    <row r="84" spans="1:4" ht="18" customHeight="1" x14ac:dyDescent="0.15">
      <c r="A84" s="5" t="s">
        <v>31</v>
      </c>
      <c r="B84" s="10">
        <v>647</v>
      </c>
      <c r="C84" s="14">
        <v>624</v>
      </c>
      <c r="D84" s="18">
        <v>1271</v>
      </c>
    </row>
    <row r="85" spans="1:4" ht="18" customHeight="1" x14ac:dyDescent="0.15">
      <c r="A85" s="5">
        <v>65</v>
      </c>
      <c r="B85" s="10">
        <v>8</v>
      </c>
      <c r="C85" s="14">
        <v>25</v>
      </c>
      <c r="D85" s="18">
        <v>33</v>
      </c>
    </row>
    <row r="86" spans="1:4" ht="18" customHeight="1" x14ac:dyDescent="0.15">
      <c r="A86" s="5">
        <v>66</v>
      </c>
      <c r="B86" s="10">
        <v>14</v>
      </c>
      <c r="C86" s="14">
        <v>20</v>
      </c>
      <c r="D86" s="18">
        <v>34</v>
      </c>
    </row>
    <row r="87" spans="1:4" ht="18" customHeight="1" x14ac:dyDescent="0.15">
      <c r="A87" s="5">
        <v>67</v>
      </c>
      <c r="B87" s="10">
        <v>14</v>
      </c>
      <c r="C87" s="14">
        <v>16</v>
      </c>
      <c r="D87" s="18">
        <v>30</v>
      </c>
    </row>
    <row r="88" spans="1:4" ht="18" customHeight="1" x14ac:dyDescent="0.15">
      <c r="A88" s="5">
        <v>68</v>
      </c>
      <c r="B88" s="10">
        <v>11</v>
      </c>
      <c r="C88" s="14">
        <v>22</v>
      </c>
      <c r="D88" s="18">
        <v>33</v>
      </c>
    </row>
    <row r="89" spans="1:4" ht="18" customHeight="1" x14ac:dyDescent="0.15">
      <c r="A89" s="5">
        <v>69</v>
      </c>
      <c r="B89" s="10">
        <v>21</v>
      </c>
      <c r="C89" s="14">
        <v>13</v>
      </c>
      <c r="D89" s="18">
        <v>34</v>
      </c>
    </row>
    <row r="90" spans="1:4" ht="18" customHeight="1" x14ac:dyDescent="0.15">
      <c r="A90" s="5" t="s">
        <v>20</v>
      </c>
      <c r="B90" s="10">
        <v>68</v>
      </c>
      <c r="C90" s="14">
        <v>96</v>
      </c>
      <c r="D90" s="18">
        <v>164</v>
      </c>
    </row>
    <row r="91" spans="1:4" ht="18" customHeight="1" x14ac:dyDescent="0.15">
      <c r="A91" s="5">
        <v>70</v>
      </c>
      <c r="B91" s="10">
        <v>18</v>
      </c>
      <c r="C91" s="14">
        <v>21</v>
      </c>
      <c r="D91" s="18">
        <v>39</v>
      </c>
    </row>
    <row r="92" spans="1:4" ht="18" customHeight="1" x14ac:dyDescent="0.15">
      <c r="A92" s="5">
        <v>71</v>
      </c>
      <c r="B92" s="10">
        <v>17</v>
      </c>
      <c r="C92" s="14">
        <v>16</v>
      </c>
      <c r="D92" s="18">
        <v>33</v>
      </c>
    </row>
    <row r="93" spans="1:4" ht="18" customHeight="1" x14ac:dyDescent="0.15">
      <c r="A93" s="5">
        <v>72</v>
      </c>
      <c r="B93" s="10">
        <v>14</v>
      </c>
      <c r="C93" s="14">
        <v>13</v>
      </c>
      <c r="D93" s="18">
        <v>27</v>
      </c>
    </row>
    <row r="94" spans="1:4" ht="18" customHeight="1" x14ac:dyDescent="0.15">
      <c r="A94" s="5">
        <v>73</v>
      </c>
      <c r="B94" s="10">
        <v>14</v>
      </c>
      <c r="C94" s="14">
        <v>18</v>
      </c>
      <c r="D94" s="18">
        <v>32</v>
      </c>
    </row>
    <row r="95" spans="1:4" ht="18" customHeight="1" x14ac:dyDescent="0.15">
      <c r="A95" s="5">
        <v>74</v>
      </c>
      <c r="B95" s="10">
        <v>11</v>
      </c>
      <c r="C95" s="14">
        <v>18</v>
      </c>
      <c r="D95" s="18">
        <v>29</v>
      </c>
    </row>
    <row r="96" spans="1:4" ht="18" customHeight="1" x14ac:dyDescent="0.15">
      <c r="A96" s="5" t="s">
        <v>33</v>
      </c>
      <c r="B96" s="10">
        <v>74</v>
      </c>
      <c r="C96" s="14">
        <v>86</v>
      </c>
      <c r="D96" s="18">
        <v>160</v>
      </c>
    </row>
    <row r="97" spans="1:4" ht="18" customHeight="1" x14ac:dyDescent="0.15">
      <c r="A97" s="5">
        <v>75</v>
      </c>
      <c r="B97" s="10">
        <v>12</v>
      </c>
      <c r="C97" s="14">
        <v>21</v>
      </c>
      <c r="D97" s="18">
        <v>33</v>
      </c>
    </row>
    <row r="98" spans="1:4" ht="18" customHeight="1" x14ac:dyDescent="0.15">
      <c r="A98" s="5">
        <v>76</v>
      </c>
      <c r="B98" s="10">
        <v>14</v>
      </c>
      <c r="C98" s="14">
        <v>24</v>
      </c>
      <c r="D98" s="18">
        <v>38</v>
      </c>
    </row>
    <row r="99" spans="1:4" ht="18" customHeight="1" x14ac:dyDescent="0.15">
      <c r="A99" s="5">
        <v>77</v>
      </c>
      <c r="B99" s="10">
        <v>17</v>
      </c>
      <c r="C99" s="14">
        <v>17</v>
      </c>
      <c r="D99" s="18">
        <v>34</v>
      </c>
    </row>
    <row r="100" spans="1:4" ht="18" customHeight="1" x14ac:dyDescent="0.15">
      <c r="A100" s="5">
        <v>78</v>
      </c>
      <c r="B100" s="10">
        <v>12</v>
      </c>
      <c r="C100" s="14">
        <v>22</v>
      </c>
      <c r="D100" s="18">
        <v>34</v>
      </c>
    </row>
    <row r="101" spans="1:4" ht="18" customHeight="1" x14ac:dyDescent="0.15">
      <c r="A101" s="5">
        <v>79</v>
      </c>
      <c r="B101" s="10">
        <v>9</v>
      </c>
      <c r="C101" s="14">
        <v>14</v>
      </c>
      <c r="D101" s="18">
        <v>23</v>
      </c>
    </row>
    <row r="102" spans="1:4" ht="18" customHeight="1" x14ac:dyDescent="0.15">
      <c r="A102" s="5" t="s">
        <v>0</v>
      </c>
      <c r="B102" s="10">
        <v>64</v>
      </c>
      <c r="C102" s="14">
        <v>98</v>
      </c>
      <c r="D102" s="18">
        <v>162</v>
      </c>
    </row>
    <row r="103" spans="1:4" ht="18" customHeight="1" x14ac:dyDescent="0.15">
      <c r="A103" s="5">
        <v>80</v>
      </c>
      <c r="B103" s="10">
        <v>8</v>
      </c>
      <c r="C103" s="14">
        <v>12</v>
      </c>
      <c r="D103" s="18">
        <v>20</v>
      </c>
    </row>
    <row r="104" spans="1:4" ht="18" customHeight="1" x14ac:dyDescent="0.15">
      <c r="A104" s="5">
        <v>81</v>
      </c>
      <c r="B104" s="10">
        <v>18</v>
      </c>
      <c r="C104" s="14">
        <v>12</v>
      </c>
      <c r="D104" s="18">
        <v>30</v>
      </c>
    </row>
    <row r="105" spans="1:4" ht="18" customHeight="1" x14ac:dyDescent="0.15">
      <c r="A105" s="5">
        <v>82</v>
      </c>
      <c r="B105" s="10">
        <v>7</v>
      </c>
      <c r="C105" s="14">
        <v>15</v>
      </c>
      <c r="D105" s="18">
        <v>22</v>
      </c>
    </row>
    <row r="106" spans="1:4" ht="18" customHeight="1" x14ac:dyDescent="0.15">
      <c r="A106" s="5">
        <v>83</v>
      </c>
      <c r="B106" s="10">
        <v>5</v>
      </c>
      <c r="C106" s="14">
        <v>12</v>
      </c>
      <c r="D106" s="18">
        <v>17</v>
      </c>
    </row>
    <row r="107" spans="1:4" ht="18" customHeight="1" x14ac:dyDescent="0.15">
      <c r="A107" s="5">
        <v>84</v>
      </c>
      <c r="B107" s="10">
        <v>10</v>
      </c>
      <c r="C107" s="14">
        <v>17</v>
      </c>
      <c r="D107" s="18">
        <v>27</v>
      </c>
    </row>
    <row r="108" spans="1:4" ht="18" customHeight="1" x14ac:dyDescent="0.15">
      <c r="A108" s="5" t="s">
        <v>35</v>
      </c>
      <c r="B108" s="10">
        <v>48</v>
      </c>
      <c r="C108" s="14">
        <v>68</v>
      </c>
      <c r="D108" s="18">
        <v>116</v>
      </c>
    </row>
    <row r="109" spans="1:4" ht="18" customHeight="1" x14ac:dyDescent="0.15">
      <c r="A109" s="5">
        <v>85</v>
      </c>
      <c r="B109" s="10">
        <v>10</v>
      </c>
      <c r="C109" s="14">
        <v>18</v>
      </c>
      <c r="D109" s="18">
        <v>28</v>
      </c>
    </row>
    <row r="110" spans="1:4" ht="18" customHeight="1" x14ac:dyDescent="0.15">
      <c r="A110" s="5">
        <v>86</v>
      </c>
      <c r="B110" s="10">
        <v>9</v>
      </c>
      <c r="C110" s="14">
        <v>11</v>
      </c>
      <c r="D110" s="18">
        <v>20</v>
      </c>
    </row>
    <row r="111" spans="1:4" ht="18" customHeight="1" x14ac:dyDescent="0.15">
      <c r="A111" s="5">
        <v>87</v>
      </c>
      <c r="B111" s="10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10">
        <v>2</v>
      </c>
      <c r="C112" s="14">
        <v>11</v>
      </c>
      <c r="D112" s="18">
        <v>13</v>
      </c>
    </row>
    <row r="113" spans="1:4" ht="18" customHeight="1" x14ac:dyDescent="0.15">
      <c r="A113" s="5">
        <v>89</v>
      </c>
      <c r="B113" s="10">
        <v>2</v>
      </c>
      <c r="C113" s="14">
        <v>10</v>
      </c>
      <c r="D113" s="18">
        <v>12</v>
      </c>
    </row>
    <row r="114" spans="1:4" ht="18" customHeight="1" x14ac:dyDescent="0.15">
      <c r="A114" s="5" t="s">
        <v>37</v>
      </c>
      <c r="B114" s="10">
        <v>25</v>
      </c>
      <c r="C114" s="14">
        <v>55</v>
      </c>
      <c r="D114" s="18">
        <v>80</v>
      </c>
    </row>
    <row r="115" spans="1:4" ht="18" customHeight="1" x14ac:dyDescent="0.15">
      <c r="A115" s="5">
        <v>90</v>
      </c>
      <c r="B115" s="10">
        <v>2</v>
      </c>
      <c r="C115" s="14">
        <v>13</v>
      </c>
      <c r="D115" s="18">
        <v>15</v>
      </c>
    </row>
    <row r="116" spans="1:4" ht="18" customHeight="1" x14ac:dyDescent="0.15">
      <c r="A116" s="5">
        <v>91</v>
      </c>
      <c r="B116" s="10">
        <v>4</v>
      </c>
      <c r="C116" s="14">
        <v>5</v>
      </c>
      <c r="D116" s="18">
        <v>9</v>
      </c>
    </row>
    <row r="117" spans="1:4" ht="18" customHeight="1" x14ac:dyDescent="0.15">
      <c r="A117" s="5">
        <v>92</v>
      </c>
      <c r="B117" s="10">
        <v>9</v>
      </c>
      <c r="C117" s="14">
        <v>8</v>
      </c>
      <c r="D117" s="18">
        <v>17</v>
      </c>
    </row>
    <row r="118" spans="1:4" ht="18" customHeight="1" x14ac:dyDescent="0.15">
      <c r="A118" s="5">
        <v>93</v>
      </c>
      <c r="B118" s="10">
        <v>2</v>
      </c>
      <c r="C118" s="14">
        <v>7</v>
      </c>
      <c r="D118" s="18">
        <v>9</v>
      </c>
    </row>
    <row r="119" spans="1:4" ht="18" customHeight="1" x14ac:dyDescent="0.15">
      <c r="A119" s="5">
        <v>94</v>
      </c>
      <c r="B119" s="10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10">
        <v>18</v>
      </c>
      <c r="C120" s="14">
        <v>38</v>
      </c>
      <c r="D120" s="18">
        <v>56</v>
      </c>
    </row>
    <row r="121" spans="1:4" ht="18" customHeight="1" x14ac:dyDescent="0.15">
      <c r="A121" s="5">
        <v>95</v>
      </c>
      <c r="B121" s="10">
        <v>2</v>
      </c>
      <c r="C121" s="14">
        <v>5</v>
      </c>
      <c r="D121" s="18">
        <v>7</v>
      </c>
    </row>
    <row r="122" spans="1:4" ht="18" customHeight="1" x14ac:dyDescent="0.15">
      <c r="A122" s="5">
        <v>96</v>
      </c>
      <c r="B122" s="10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10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10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10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10">
        <v>3</v>
      </c>
      <c r="C126" s="14">
        <v>13</v>
      </c>
      <c r="D126" s="18">
        <v>16</v>
      </c>
    </row>
    <row r="127" spans="1:4" ht="18" customHeight="1" x14ac:dyDescent="0.15">
      <c r="A127" s="5">
        <v>100</v>
      </c>
      <c r="B127" s="10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10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10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10">
        <v>300</v>
      </c>
      <c r="C130" s="14">
        <v>459</v>
      </c>
      <c r="D130" s="18">
        <v>759</v>
      </c>
    </row>
    <row r="131" spans="1:4" ht="18" customHeight="1" x14ac:dyDescent="0.15">
      <c r="A131" s="7" t="s">
        <v>45</v>
      </c>
      <c r="B131" s="11">
        <v>1068</v>
      </c>
      <c r="C131" s="15">
        <v>1191</v>
      </c>
      <c r="D131" s="19">
        <v>22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3</v>
      </c>
      <c r="D5" s="17">
        <v>29</v>
      </c>
    </row>
    <row r="6" spans="1:4" ht="18" customHeight="1" x14ac:dyDescent="0.15">
      <c r="A6" s="5">
        <v>1</v>
      </c>
      <c r="B6" s="22">
        <v>11</v>
      </c>
      <c r="C6" s="14">
        <v>15</v>
      </c>
      <c r="D6" s="18">
        <v>26</v>
      </c>
    </row>
    <row r="7" spans="1:4" ht="18" customHeight="1" x14ac:dyDescent="0.15">
      <c r="A7" s="5">
        <v>2</v>
      </c>
      <c r="B7" s="22">
        <v>17</v>
      </c>
      <c r="C7" s="14">
        <v>20</v>
      </c>
      <c r="D7" s="18">
        <v>37</v>
      </c>
    </row>
    <row r="8" spans="1:4" ht="18" customHeight="1" x14ac:dyDescent="0.15">
      <c r="A8" s="5">
        <v>3</v>
      </c>
      <c r="B8" s="22">
        <v>18</v>
      </c>
      <c r="C8" s="14">
        <v>19</v>
      </c>
      <c r="D8" s="18">
        <v>37</v>
      </c>
    </row>
    <row r="9" spans="1:4" ht="18" customHeight="1" x14ac:dyDescent="0.15">
      <c r="A9" s="5">
        <v>4</v>
      </c>
      <c r="B9" s="22">
        <v>19</v>
      </c>
      <c r="C9" s="14">
        <v>24</v>
      </c>
      <c r="D9" s="18">
        <v>43</v>
      </c>
    </row>
    <row r="10" spans="1:4" ht="18" customHeight="1" x14ac:dyDescent="0.15">
      <c r="A10" s="5" t="s">
        <v>7</v>
      </c>
      <c r="B10" s="22">
        <v>81</v>
      </c>
      <c r="C10" s="14">
        <v>91</v>
      </c>
      <c r="D10" s="18">
        <v>172</v>
      </c>
    </row>
    <row r="11" spans="1:4" ht="18" customHeight="1" x14ac:dyDescent="0.15">
      <c r="A11" s="5">
        <v>5</v>
      </c>
      <c r="B11" s="22">
        <v>29</v>
      </c>
      <c r="C11" s="14">
        <v>19</v>
      </c>
      <c r="D11" s="18">
        <v>48</v>
      </c>
    </row>
    <row r="12" spans="1:4" ht="18" customHeight="1" x14ac:dyDescent="0.15">
      <c r="A12" s="5">
        <v>6</v>
      </c>
      <c r="B12" s="22">
        <v>26</v>
      </c>
      <c r="C12" s="14">
        <v>17</v>
      </c>
      <c r="D12" s="18">
        <v>43</v>
      </c>
    </row>
    <row r="13" spans="1:4" ht="18" customHeight="1" x14ac:dyDescent="0.15">
      <c r="A13" s="5">
        <v>7</v>
      </c>
      <c r="B13" s="22">
        <v>16</v>
      </c>
      <c r="C13" s="14">
        <v>16</v>
      </c>
      <c r="D13" s="18">
        <v>32</v>
      </c>
    </row>
    <row r="14" spans="1:4" ht="18" customHeight="1" x14ac:dyDescent="0.15">
      <c r="A14" s="5">
        <v>8</v>
      </c>
      <c r="B14" s="22">
        <v>21</v>
      </c>
      <c r="C14" s="14">
        <v>19</v>
      </c>
      <c r="D14" s="18">
        <v>40</v>
      </c>
    </row>
    <row r="15" spans="1:4" ht="18" customHeight="1" x14ac:dyDescent="0.15">
      <c r="A15" s="5">
        <v>9</v>
      </c>
      <c r="B15" s="22">
        <v>20</v>
      </c>
      <c r="C15" s="14">
        <v>17</v>
      </c>
      <c r="D15" s="18">
        <v>37</v>
      </c>
    </row>
    <row r="16" spans="1:4" ht="18" customHeight="1" x14ac:dyDescent="0.15">
      <c r="A16" s="5" t="s">
        <v>11</v>
      </c>
      <c r="B16" s="22">
        <v>112</v>
      </c>
      <c r="C16" s="14">
        <v>88</v>
      </c>
      <c r="D16" s="18">
        <v>200</v>
      </c>
    </row>
    <row r="17" spans="1:4" ht="18" customHeight="1" x14ac:dyDescent="0.15">
      <c r="A17" s="5">
        <v>10</v>
      </c>
      <c r="B17" s="22">
        <v>24</v>
      </c>
      <c r="C17" s="14">
        <v>20</v>
      </c>
      <c r="D17" s="18">
        <v>44</v>
      </c>
    </row>
    <row r="18" spans="1:4" ht="18" customHeight="1" x14ac:dyDescent="0.15">
      <c r="A18" s="5">
        <v>11</v>
      </c>
      <c r="B18" s="22">
        <v>24</v>
      </c>
      <c r="C18" s="14">
        <v>31</v>
      </c>
      <c r="D18" s="18">
        <v>55</v>
      </c>
    </row>
    <row r="19" spans="1:4" ht="18" customHeight="1" x14ac:dyDescent="0.15">
      <c r="A19" s="5">
        <v>12</v>
      </c>
      <c r="B19" s="22">
        <v>19</v>
      </c>
      <c r="C19" s="14">
        <v>26</v>
      </c>
      <c r="D19" s="18">
        <v>45</v>
      </c>
    </row>
    <row r="20" spans="1:4" ht="18" customHeight="1" x14ac:dyDescent="0.15">
      <c r="A20" s="5">
        <v>13</v>
      </c>
      <c r="B20" s="22">
        <v>26</v>
      </c>
      <c r="C20" s="14">
        <v>26</v>
      </c>
      <c r="D20" s="18">
        <v>52</v>
      </c>
    </row>
    <row r="21" spans="1:4" ht="18" customHeight="1" x14ac:dyDescent="0.15">
      <c r="A21" s="5">
        <v>14</v>
      </c>
      <c r="B21" s="22">
        <v>20</v>
      </c>
      <c r="C21" s="14">
        <v>22</v>
      </c>
      <c r="D21" s="18">
        <v>42</v>
      </c>
    </row>
    <row r="22" spans="1:4" ht="18" customHeight="1" x14ac:dyDescent="0.15">
      <c r="A22" s="5" t="s">
        <v>12</v>
      </c>
      <c r="B22" s="22">
        <v>113</v>
      </c>
      <c r="C22" s="14">
        <v>125</v>
      </c>
      <c r="D22" s="18">
        <v>238</v>
      </c>
    </row>
    <row r="23" spans="1:4" ht="18" customHeight="1" x14ac:dyDescent="0.15">
      <c r="A23" s="5" t="s">
        <v>6</v>
      </c>
      <c r="B23" s="22">
        <v>306</v>
      </c>
      <c r="C23" s="14">
        <v>304</v>
      </c>
      <c r="D23" s="18">
        <v>610</v>
      </c>
    </row>
    <row r="24" spans="1:4" ht="18" customHeight="1" x14ac:dyDescent="0.15">
      <c r="A24" s="5">
        <v>15</v>
      </c>
      <c r="B24" s="22">
        <v>19</v>
      </c>
      <c r="C24" s="14">
        <v>29</v>
      </c>
      <c r="D24" s="18">
        <v>48</v>
      </c>
    </row>
    <row r="25" spans="1:4" ht="18" customHeight="1" x14ac:dyDescent="0.15">
      <c r="A25" s="5">
        <v>16</v>
      </c>
      <c r="B25" s="22">
        <v>19</v>
      </c>
      <c r="C25" s="14">
        <v>26</v>
      </c>
      <c r="D25" s="18">
        <v>45</v>
      </c>
    </row>
    <row r="26" spans="1:4" ht="18" customHeight="1" x14ac:dyDescent="0.15">
      <c r="A26" s="5">
        <v>17</v>
      </c>
      <c r="B26" s="22">
        <v>27</v>
      </c>
      <c r="C26" s="14">
        <v>24</v>
      </c>
      <c r="D26" s="18">
        <v>51</v>
      </c>
    </row>
    <row r="27" spans="1:4" ht="18" customHeight="1" x14ac:dyDescent="0.15">
      <c r="A27" s="5">
        <v>18</v>
      </c>
      <c r="B27" s="22">
        <v>22</v>
      </c>
      <c r="C27" s="14">
        <v>25</v>
      </c>
      <c r="D27" s="18">
        <v>47</v>
      </c>
    </row>
    <row r="28" spans="1:4" ht="18" customHeight="1" x14ac:dyDescent="0.15">
      <c r="A28" s="5">
        <v>19</v>
      </c>
      <c r="B28" s="22">
        <v>25</v>
      </c>
      <c r="C28" s="14">
        <v>29</v>
      </c>
      <c r="D28" s="18">
        <v>54</v>
      </c>
    </row>
    <row r="29" spans="1:4" ht="18" customHeight="1" x14ac:dyDescent="0.15">
      <c r="A29" s="5" t="s">
        <v>14</v>
      </c>
      <c r="B29" s="22">
        <v>112</v>
      </c>
      <c r="C29" s="14">
        <v>133</v>
      </c>
      <c r="D29" s="18">
        <v>245</v>
      </c>
    </row>
    <row r="30" spans="1:4" ht="18" customHeight="1" x14ac:dyDescent="0.15">
      <c r="A30" s="5">
        <v>20</v>
      </c>
      <c r="B30" s="22">
        <v>25</v>
      </c>
      <c r="C30" s="14">
        <v>16</v>
      </c>
      <c r="D30" s="18">
        <v>41</v>
      </c>
    </row>
    <row r="31" spans="1:4" ht="18" customHeight="1" x14ac:dyDescent="0.15">
      <c r="A31" s="5">
        <v>21</v>
      </c>
      <c r="B31" s="22">
        <v>28</v>
      </c>
      <c r="C31" s="14">
        <v>30</v>
      </c>
      <c r="D31" s="18">
        <v>58</v>
      </c>
    </row>
    <row r="32" spans="1:4" ht="18" customHeight="1" x14ac:dyDescent="0.15">
      <c r="A32" s="5">
        <v>22</v>
      </c>
      <c r="B32" s="22">
        <v>18</v>
      </c>
      <c r="C32" s="14">
        <v>27</v>
      </c>
      <c r="D32" s="18">
        <v>45</v>
      </c>
    </row>
    <row r="33" spans="1:4" ht="18" customHeight="1" x14ac:dyDescent="0.15">
      <c r="A33" s="5">
        <v>23</v>
      </c>
      <c r="B33" s="22">
        <v>32</v>
      </c>
      <c r="C33" s="14">
        <v>25</v>
      </c>
      <c r="D33" s="18">
        <v>57</v>
      </c>
    </row>
    <row r="34" spans="1:4" ht="18" customHeight="1" x14ac:dyDescent="0.15">
      <c r="A34" s="5">
        <v>24</v>
      </c>
      <c r="B34" s="22">
        <v>34</v>
      </c>
      <c r="C34" s="14">
        <v>20</v>
      </c>
      <c r="D34" s="18">
        <v>54</v>
      </c>
    </row>
    <row r="35" spans="1:4" ht="18" customHeight="1" x14ac:dyDescent="0.15">
      <c r="A35" s="5" t="s">
        <v>9</v>
      </c>
      <c r="B35" s="22">
        <v>137</v>
      </c>
      <c r="C35" s="14">
        <v>118</v>
      </c>
      <c r="D35" s="18">
        <v>255</v>
      </c>
    </row>
    <row r="36" spans="1:4" ht="18" customHeight="1" x14ac:dyDescent="0.15">
      <c r="A36" s="5">
        <v>25</v>
      </c>
      <c r="B36" s="22">
        <v>30</v>
      </c>
      <c r="C36" s="14">
        <v>20</v>
      </c>
      <c r="D36" s="18">
        <v>50</v>
      </c>
    </row>
    <row r="37" spans="1:4" ht="18" customHeight="1" x14ac:dyDescent="0.15">
      <c r="A37" s="5">
        <v>26</v>
      </c>
      <c r="B37" s="22">
        <v>20</v>
      </c>
      <c r="C37" s="14">
        <v>27</v>
      </c>
      <c r="D37" s="18">
        <v>47</v>
      </c>
    </row>
    <row r="38" spans="1:4" ht="18" customHeight="1" x14ac:dyDescent="0.15">
      <c r="A38" s="5">
        <v>27</v>
      </c>
      <c r="B38" s="22">
        <v>30</v>
      </c>
      <c r="C38" s="14">
        <v>23</v>
      </c>
      <c r="D38" s="18">
        <v>53</v>
      </c>
    </row>
    <row r="39" spans="1:4" ht="18" customHeight="1" x14ac:dyDescent="0.15">
      <c r="A39" s="5">
        <v>28</v>
      </c>
      <c r="B39" s="22">
        <v>26</v>
      </c>
      <c r="C39" s="14">
        <v>26</v>
      </c>
      <c r="D39" s="18">
        <v>52</v>
      </c>
    </row>
    <row r="40" spans="1:4" ht="18" customHeight="1" x14ac:dyDescent="0.15">
      <c r="A40" s="5">
        <v>29</v>
      </c>
      <c r="B40" s="22">
        <v>27</v>
      </c>
      <c r="C40" s="14">
        <v>21</v>
      </c>
      <c r="D40" s="18">
        <v>48</v>
      </c>
    </row>
    <row r="41" spans="1:4" ht="18" customHeight="1" x14ac:dyDescent="0.15">
      <c r="A41" s="5" t="s">
        <v>2</v>
      </c>
      <c r="B41" s="22">
        <v>133</v>
      </c>
      <c r="C41" s="14">
        <v>117</v>
      </c>
      <c r="D41" s="18">
        <v>250</v>
      </c>
    </row>
    <row r="42" spans="1:4" ht="18" customHeight="1" x14ac:dyDescent="0.15">
      <c r="A42" s="5">
        <v>30</v>
      </c>
      <c r="B42" s="22">
        <v>32</v>
      </c>
      <c r="C42" s="14">
        <v>20</v>
      </c>
      <c r="D42" s="18">
        <v>52</v>
      </c>
    </row>
    <row r="43" spans="1:4" ht="18" customHeight="1" x14ac:dyDescent="0.15">
      <c r="A43" s="5">
        <v>31</v>
      </c>
      <c r="B43" s="22">
        <v>37</v>
      </c>
      <c r="C43" s="14">
        <v>23</v>
      </c>
      <c r="D43" s="18">
        <v>60</v>
      </c>
    </row>
    <row r="44" spans="1:4" ht="18" customHeight="1" x14ac:dyDescent="0.15">
      <c r="A44" s="5">
        <v>32</v>
      </c>
      <c r="B44" s="22">
        <v>22</v>
      </c>
      <c r="C44" s="14">
        <v>25</v>
      </c>
      <c r="D44" s="18">
        <v>47</v>
      </c>
    </row>
    <row r="45" spans="1:4" ht="18" customHeight="1" x14ac:dyDescent="0.15">
      <c r="A45" s="5">
        <v>33</v>
      </c>
      <c r="B45" s="22">
        <v>39</v>
      </c>
      <c r="C45" s="14">
        <v>29</v>
      </c>
      <c r="D45" s="18">
        <v>68</v>
      </c>
    </row>
    <row r="46" spans="1:4" ht="18" customHeight="1" x14ac:dyDescent="0.15">
      <c r="A46" s="5">
        <v>34</v>
      </c>
      <c r="B46" s="22">
        <v>30</v>
      </c>
      <c r="C46" s="14">
        <v>20</v>
      </c>
      <c r="D46" s="18">
        <v>50</v>
      </c>
    </row>
    <row r="47" spans="1:4" ht="18" customHeight="1" x14ac:dyDescent="0.15">
      <c r="A47" s="5" t="s">
        <v>15</v>
      </c>
      <c r="B47" s="22">
        <v>160</v>
      </c>
      <c r="C47" s="14">
        <v>117</v>
      </c>
      <c r="D47" s="18">
        <v>277</v>
      </c>
    </row>
    <row r="48" spans="1:4" ht="18" customHeight="1" x14ac:dyDescent="0.15">
      <c r="A48" s="5">
        <v>35</v>
      </c>
      <c r="B48" s="22">
        <v>40</v>
      </c>
      <c r="C48" s="14">
        <v>31</v>
      </c>
      <c r="D48" s="18">
        <v>71</v>
      </c>
    </row>
    <row r="49" spans="1:4" ht="18" customHeight="1" x14ac:dyDescent="0.15">
      <c r="A49" s="5">
        <v>36</v>
      </c>
      <c r="B49" s="22">
        <v>19</v>
      </c>
      <c r="C49" s="14">
        <v>26</v>
      </c>
      <c r="D49" s="18">
        <v>45</v>
      </c>
    </row>
    <row r="50" spans="1:4" ht="18" customHeight="1" x14ac:dyDescent="0.15">
      <c r="A50" s="5">
        <v>37</v>
      </c>
      <c r="B50" s="22">
        <v>34</v>
      </c>
      <c r="C50" s="14">
        <v>21</v>
      </c>
      <c r="D50" s="18">
        <v>55</v>
      </c>
    </row>
    <row r="51" spans="1:4" ht="18" customHeight="1" x14ac:dyDescent="0.15">
      <c r="A51" s="5">
        <v>38</v>
      </c>
      <c r="B51" s="22">
        <v>33</v>
      </c>
      <c r="C51" s="14">
        <v>28</v>
      </c>
      <c r="D51" s="18">
        <v>61</v>
      </c>
    </row>
    <row r="52" spans="1:4" ht="18" customHeight="1" x14ac:dyDescent="0.15">
      <c r="A52" s="5">
        <v>39</v>
      </c>
      <c r="B52" s="22">
        <v>42</v>
      </c>
      <c r="C52" s="14">
        <v>35</v>
      </c>
      <c r="D52" s="18">
        <v>77</v>
      </c>
    </row>
    <row r="53" spans="1:4" ht="18" customHeight="1" x14ac:dyDescent="0.15">
      <c r="A53" s="5" t="s">
        <v>18</v>
      </c>
      <c r="B53" s="22">
        <v>168</v>
      </c>
      <c r="C53" s="14">
        <v>141</v>
      </c>
      <c r="D53" s="18">
        <v>309</v>
      </c>
    </row>
    <row r="54" spans="1:4" ht="18" customHeight="1" x14ac:dyDescent="0.15">
      <c r="A54" s="5">
        <v>40</v>
      </c>
      <c r="B54" s="22">
        <v>38</v>
      </c>
      <c r="C54" s="14">
        <v>27</v>
      </c>
      <c r="D54" s="18">
        <v>65</v>
      </c>
    </row>
    <row r="55" spans="1:4" ht="18" customHeight="1" x14ac:dyDescent="0.15">
      <c r="A55" s="5">
        <v>41</v>
      </c>
      <c r="B55" s="22">
        <v>25</v>
      </c>
      <c r="C55" s="14">
        <v>35</v>
      </c>
      <c r="D55" s="18">
        <v>60</v>
      </c>
    </row>
    <row r="56" spans="1:4" ht="18" customHeight="1" x14ac:dyDescent="0.15">
      <c r="A56" s="5">
        <v>42</v>
      </c>
      <c r="B56" s="22">
        <v>38</v>
      </c>
      <c r="C56" s="14">
        <v>31</v>
      </c>
      <c r="D56" s="18">
        <v>69</v>
      </c>
    </row>
    <row r="57" spans="1:4" ht="18" customHeight="1" x14ac:dyDescent="0.15">
      <c r="A57" s="5">
        <v>43</v>
      </c>
      <c r="B57" s="22">
        <v>36</v>
      </c>
      <c r="C57" s="14">
        <v>28</v>
      </c>
      <c r="D57" s="18">
        <v>64</v>
      </c>
    </row>
    <row r="58" spans="1:4" ht="18" customHeight="1" x14ac:dyDescent="0.15">
      <c r="A58" s="5">
        <v>44</v>
      </c>
      <c r="B58" s="22">
        <v>33</v>
      </c>
      <c r="C58" s="14">
        <v>34</v>
      </c>
      <c r="D58" s="18">
        <v>67</v>
      </c>
    </row>
    <row r="59" spans="1:4" ht="18" customHeight="1" x14ac:dyDescent="0.15">
      <c r="A59" s="5" t="s">
        <v>21</v>
      </c>
      <c r="B59" s="22">
        <v>170</v>
      </c>
      <c r="C59" s="14">
        <v>155</v>
      </c>
      <c r="D59" s="18">
        <v>325</v>
      </c>
    </row>
    <row r="60" spans="1:4" ht="18" customHeight="1" x14ac:dyDescent="0.15">
      <c r="A60" s="5">
        <v>45</v>
      </c>
      <c r="B60" s="22">
        <v>33</v>
      </c>
      <c r="C60" s="14">
        <v>33</v>
      </c>
      <c r="D60" s="18">
        <v>66</v>
      </c>
    </row>
    <row r="61" spans="1:4" ht="18" customHeight="1" x14ac:dyDescent="0.15">
      <c r="A61" s="5">
        <v>46</v>
      </c>
      <c r="B61" s="22">
        <v>32</v>
      </c>
      <c r="C61" s="14">
        <v>31</v>
      </c>
      <c r="D61" s="18">
        <v>63</v>
      </c>
    </row>
    <row r="62" spans="1:4" ht="18" customHeight="1" x14ac:dyDescent="0.15">
      <c r="A62" s="5">
        <v>47</v>
      </c>
      <c r="B62" s="22">
        <v>34</v>
      </c>
      <c r="C62" s="14">
        <v>41</v>
      </c>
      <c r="D62" s="18">
        <v>75</v>
      </c>
    </row>
    <row r="63" spans="1:4" ht="18" customHeight="1" x14ac:dyDescent="0.15">
      <c r="A63" s="5">
        <v>48</v>
      </c>
      <c r="B63" s="22">
        <v>52</v>
      </c>
      <c r="C63" s="14">
        <v>32</v>
      </c>
      <c r="D63" s="18">
        <v>84</v>
      </c>
    </row>
    <row r="64" spans="1:4" ht="18" customHeight="1" x14ac:dyDescent="0.15">
      <c r="A64" s="5">
        <v>49</v>
      </c>
      <c r="B64" s="22">
        <v>44</v>
      </c>
      <c r="C64" s="14">
        <v>43</v>
      </c>
      <c r="D64" s="18">
        <v>87</v>
      </c>
    </row>
    <row r="65" spans="1:4" ht="18" customHeight="1" x14ac:dyDescent="0.15">
      <c r="A65" s="5" t="s">
        <v>17</v>
      </c>
      <c r="B65" s="22">
        <v>195</v>
      </c>
      <c r="C65" s="14">
        <v>180</v>
      </c>
      <c r="D65" s="18">
        <v>375</v>
      </c>
    </row>
    <row r="66" spans="1:4" ht="18" customHeight="1" x14ac:dyDescent="0.15">
      <c r="A66" s="5">
        <v>50</v>
      </c>
      <c r="B66" s="22">
        <v>46</v>
      </c>
      <c r="C66" s="14">
        <v>42</v>
      </c>
      <c r="D66" s="18">
        <v>88</v>
      </c>
    </row>
    <row r="67" spans="1:4" ht="18" customHeight="1" x14ac:dyDescent="0.15">
      <c r="A67" s="5">
        <v>51</v>
      </c>
      <c r="B67" s="22">
        <v>36</v>
      </c>
      <c r="C67" s="14">
        <v>45</v>
      </c>
      <c r="D67" s="18">
        <v>81</v>
      </c>
    </row>
    <row r="68" spans="1:4" ht="18" customHeight="1" x14ac:dyDescent="0.15">
      <c r="A68" s="5">
        <v>52</v>
      </c>
      <c r="B68" s="22">
        <v>54</v>
      </c>
      <c r="C68" s="14">
        <v>51</v>
      </c>
      <c r="D68" s="18">
        <v>105</v>
      </c>
    </row>
    <row r="69" spans="1:4" ht="18" customHeight="1" x14ac:dyDescent="0.15">
      <c r="A69" s="5">
        <v>53</v>
      </c>
      <c r="B69" s="22">
        <v>46</v>
      </c>
      <c r="C69" s="14">
        <v>38</v>
      </c>
      <c r="D69" s="18">
        <v>84</v>
      </c>
    </row>
    <row r="70" spans="1:4" ht="18" customHeight="1" x14ac:dyDescent="0.15">
      <c r="A70" s="5">
        <v>54</v>
      </c>
      <c r="B70" s="22">
        <v>46</v>
      </c>
      <c r="C70" s="14">
        <v>46</v>
      </c>
      <c r="D70" s="18">
        <v>92</v>
      </c>
    </row>
    <row r="71" spans="1:4" ht="18" customHeight="1" x14ac:dyDescent="0.15">
      <c r="A71" s="5" t="s">
        <v>22</v>
      </c>
      <c r="B71" s="22">
        <v>228</v>
      </c>
      <c r="C71" s="14">
        <v>222</v>
      </c>
      <c r="D71" s="18">
        <v>450</v>
      </c>
    </row>
    <row r="72" spans="1:4" ht="18" customHeight="1" x14ac:dyDescent="0.15">
      <c r="A72" s="5">
        <v>55</v>
      </c>
      <c r="B72" s="22">
        <v>45</v>
      </c>
      <c r="C72" s="14">
        <v>40</v>
      </c>
      <c r="D72" s="18">
        <v>85</v>
      </c>
    </row>
    <row r="73" spans="1:4" ht="18" customHeight="1" x14ac:dyDescent="0.15">
      <c r="A73" s="5">
        <v>56</v>
      </c>
      <c r="B73" s="22">
        <v>53</v>
      </c>
      <c r="C73" s="14">
        <v>29</v>
      </c>
      <c r="D73" s="18">
        <v>82</v>
      </c>
    </row>
    <row r="74" spans="1:4" ht="18" customHeight="1" x14ac:dyDescent="0.15">
      <c r="A74" s="5">
        <v>57</v>
      </c>
      <c r="B74" s="22">
        <v>46</v>
      </c>
      <c r="C74" s="14">
        <v>48</v>
      </c>
      <c r="D74" s="18">
        <v>94</v>
      </c>
    </row>
    <row r="75" spans="1:4" ht="18" customHeight="1" x14ac:dyDescent="0.15">
      <c r="A75" s="5">
        <v>58</v>
      </c>
      <c r="B75" s="22">
        <v>38</v>
      </c>
      <c r="C75" s="14">
        <v>36</v>
      </c>
      <c r="D75" s="18">
        <v>74</v>
      </c>
    </row>
    <row r="76" spans="1:4" ht="18" customHeight="1" x14ac:dyDescent="0.15">
      <c r="A76" s="5">
        <v>59</v>
      </c>
      <c r="B76" s="22">
        <v>29</v>
      </c>
      <c r="C76" s="14">
        <v>35</v>
      </c>
      <c r="D76" s="18">
        <v>64</v>
      </c>
    </row>
    <row r="77" spans="1:4" ht="18" customHeight="1" x14ac:dyDescent="0.15">
      <c r="A77" s="5" t="s">
        <v>27</v>
      </c>
      <c r="B77" s="22">
        <v>211</v>
      </c>
      <c r="C77" s="14">
        <v>188</v>
      </c>
      <c r="D77" s="18">
        <v>399</v>
      </c>
    </row>
    <row r="78" spans="1:4" ht="18" customHeight="1" x14ac:dyDescent="0.15">
      <c r="A78" s="5">
        <v>60</v>
      </c>
      <c r="B78" s="22">
        <v>42</v>
      </c>
      <c r="C78" s="14">
        <v>31</v>
      </c>
      <c r="D78" s="18">
        <v>73</v>
      </c>
    </row>
    <row r="79" spans="1:4" ht="18" customHeight="1" x14ac:dyDescent="0.15">
      <c r="A79" s="5">
        <v>61</v>
      </c>
      <c r="B79" s="22">
        <v>35</v>
      </c>
      <c r="C79" s="14">
        <v>34</v>
      </c>
      <c r="D79" s="18">
        <v>69</v>
      </c>
    </row>
    <row r="80" spans="1:4" ht="18" customHeight="1" x14ac:dyDescent="0.15">
      <c r="A80" s="5">
        <v>62</v>
      </c>
      <c r="B80" s="22">
        <v>42</v>
      </c>
      <c r="C80" s="14">
        <v>39</v>
      </c>
      <c r="D80" s="18">
        <v>81</v>
      </c>
    </row>
    <row r="81" spans="1:4" ht="18" customHeight="1" x14ac:dyDescent="0.15">
      <c r="A81" s="5">
        <v>63</v>
      </c>
      <c r="B81" s="22">
        <v>29</v>
      </c>
      <c r="C81" s="14">
        <v>29</v>
      </c>
      <c r="D81" s="18">
        <v>58</v>
      </c>
    </row>
    <row r="82" spans="1:4" ht="18" customHeight="1" x14ac:dyDescent="0.15">
      <c r="A82" s="5">
        <v>64</v>
      </c>
      <c r="B82" s="22">
        <v>32</v>
      </c>
      <c r="C82" s="14">
        <v>27</v>
      </c>
      <c r="D82" s="18">
        <v>59</v>
      </c>
    </row>
    <row r="83" spans="1:4" ht="18" customHeight="1" x14ac:dyDescent="0.15">
      <c r="A83" s="5" t="s">
        <v>28</v>
      </c>
      <c r="B83" s="22">
        <v>180</v>
      </c>
      <c r="C83" s="14">
        <v>160</v>
      </c>
      <c r="D83" s="18">
        <v>340</v>
      </c>
    </row>
    <row r="84" spans="1:4" ht="18" customHeight="1" x14ac:dyDescent="0.15">
      <c r="A84" s="5" t="s">
        <v>31</v>
      </c>
      <c r="B84" s="22">
        <v>1694</v>
      </c>
      <c r="C84" s="14">
        <v>1531</v>
      </c>
      <c r="D84" s="18">
        <v>3225</v>
      </c>
    </row>
    <row r="85" spans="1:4" ht="18" customHeight="1" x14ac:dyDescent="0.15">
      <c r="A85" s="5">
        <v>65</v>
      </c>
      <c r="B85" s="22">
        <v>27</v>
      </c>
      <c r="C85" s="14">
        <v>35</v>
      </c>
      <c r="D85" s="18">
        <v>62</v>
      </c>
    </row>
    <row r="86" spans="1:4" ht="18" customHeight="1" x14ac:dyDescent="0.15">
      <c r="A86" s="5">
        <v>66</v>
      </c>
      <c r="B86" s="22">
        <v>31</v>
      </c>
      <c r="C86" s="14">
        <v>40</v>
      </c>
      <c r="D86" s="18">
        <v>71</v>
      </c>
    </row>
    <row r="87" spans="1:4" ht="18" customHeight="1" x14ac:dyDescent="0.15">
      <c r="A87" s="5">
        <v>67</v>
      </c>
      <c r="B87" s="22">
        <v>27</v>
      </c>
      <c r="C87" s="14">
        <v>34</v>
      </c>
      <c r="D87" s="18">
        <v>61</v>
      </c>
    </row>
    <row r="88" spans="1:4" ht="18" customHeight="1" x14ac:dyDescent="0.15">
      <c r="A88" s="5">
        <v>68</v>
      </c>
      <c r="B88" s="22">
        <v>30</v>
      </c>
      <c r="C88" s="14">
        <v>23</v>
      </c>
      <c r="D88" s="18">
        <v>53</v>
      </c>
    </row>
    <row r="89" spans="1:4" ht="18" customHeight="1" x14ac:dyDescent="0.15">
      <c r="A89" s="5">
        <v>69</v>
      </c>
      <c r="B89" s="22">
        <v>23</v>
      </c>
      <c r="C89" s="14">
        <v>44</v>
      </c>
      <c r="D89" s="18">
        <v>67</v>
      </c>
    </row>
    <row r="90" spans="1:4" ht="18" customHeight="1" x14ac:dyDescent="0.15">
      <c r="A90" s="5" t="s">
        <v>20</v>
      </c>
      <c r="B90" s="22">
        <v>138</v>
      </c>
      <c r="C90" s="14">
        <v>176</v>
      </c>
      <c r="D90" s="18">
        <v>314</v>
      </c>
    </row>
    <row r="91" spans="1:4" ht="18" customHeight="1" x14ac:dyDescent="0.15">
      <c r="A91" s="5">
        <v>70</v>
      </c>
      <c r="B91" s="22">
        <v>41</v>
      </c>
      <c r="C91" s="14">
        <v>40</v>
      </c>
      <c r="D91" s="18">
        <v>81</v>
      </c>
    </row>
    <row r="92" spans="1:4" ht="18" customHeight="1" x14ac:dyDescent="0.15">
      <c r="A92" s="5">
        <v>71</v>
      </c>
      <c r="B92" s="22">
        <v>44</v>
      </c>
      <c r="C92" s="14">
        <v>31</v>
      </c>
      <c r="D92" s="18">
        <v>75</v>
      </c>
    </row>
    <row r="93" spans="1:4" ht="18" customHeight="1" x14ac:dyDescent="0.15">
      <c r="A93" s="5">
        <v>72</v>
      </c>
      <c r="B93" s="22">
        <v>37</v>
      </c>
      <c r="C93" s="14">
        <v>40</v>
      </c>
      <c r="D93" s="18">
        <v>77</v>
      </c>
    </row>
    <row r="94" spans="1:4" ht="18" customHeight="1" x14ac:dyDescent="0.15">
      <c r="A94" s="5">
        <v>73</v>
      </c>
      <c r="B94" s="22">
        <v>43</v>
      </c>
      <c r="C94" s="14">
        <v>30</v>
      </c>
      <c r="D94" s="18">
        <v>73</v>
      </c>
    </row>
    <row r="95" spans="1:4" ht="18" customHeight="1" x14ac:dyDescent="0.15">
      <c r="A95" s="5">
        <v>74</v>
      </c>
      <c r="B95" s="22">
        <v>41</v>
      </c>
      <c r="C95" s="14">
        <v>59</v>
      </c>
      <c r="D95" s="18">
        <v>100</v>
      </c>
    </row>
    <row r="96" spans="1:4" ht="18" customHeight="1" x14ac:dyDescent="0.15">
      <c r="A96" s="5" t="s">
        <v>33</v>
      </c>
      <c r="B96" s="22">
        <v>206</v>
      </c>
      <c r="C96" s="14">
        <v>200</v>
      </c>
      <c r="D96" s="18">
        <v>406</v>
      </c>
    </row>
    <row r="97" spans="1:4" ht="18" customHeight="1" x14ac:dyDescent="0.15">
      <c r="A97" s="5">
        <v>75</v>
      </c>
      <c r="B97" s="22">
        <v>37</v>
      </c>
      <c r="C97" s="14">
        <v>44</v>
      </c>
      <c r="D97" s="18">
        <v>81</v>
      </c>
    </row>
    <row r="98" spans="1:4" ht="18" customHeight="1" x14ac:dyDescent="0.15">
      <c r="A98" s="5">
        <v>76</v>
      </c>
      <c r="B98" s="22">
        <v>50</v>
      </c>
      <c r="C98" s="14">
        <v>55</v>
      </c>
      <c r="D98" s="18">
        <v>105</v>
      </c>
    </row>
    <row r="99" spans="1:4" ht="18" customHeight="1" x14ac:dyDescent="0.15">
      <c r="A99" s="5">
        <v>77</v>
      </c>
      <c r="B99" s="22">
        <v>43</v>
      </c>
      <c r="C99" s="14">
        <v>61</v>
      </c>
      <c r="D99" s="18">
        <v>104</v>
      </c>
    </row>
    <row r="100" spans="1:4" ht="18" customHeight="1" x14ac:dyDescent="0.15">
      <c r="A100" s="5">
        <v>78</v>
      </c>
      <c r="B100" s="22">
        <v>38</v>
      </c>
      <c r="C100" s="14">
        <v>55</v>
      </c>
      <c r="D100" s="18">
        <v>93</v>
      </c>
    </row>
    <row r="101" spans="1:4" ht="18" customHeight="1" x14ac:dyDescent="0.15">
      <c r="A101" s="5">
        <v>79</v>
      </c>
      <c r="B101" s="22">
        <v>19</v>
      </c>
      <c r="C101" s="14">
        <v>44</v>
      </c>
      <c r="D101" s="18">
        <v>63</v>
      </c>
    </row>
    <row r="102" spans="1:4" ht="18" customHeight="1" x14ac:dyDescent="0.15">
      <c r="A102" s="5" t="s">
        <v>0</v>
      </c>
      <c r="B102" s="22">
        <v>187</v>
      </c>
      <c r="C102" s="14">
        <v>259</v>
      </c>
      <c r="D102" s="18">
        <v>446</v>
      </c>
    </row>
    <row r="103" spans="1:4" ht="18" customHeight="1" x14ac:dyDescent="0.15">
      <c r="A103" s="5">
        <v>80</v>
      </c>
      <c r="B103" s="22">
        <v>25</v>
      </c>
      <c r="C103" s="14">
        <v>20</v>
      </c>
      <c r="D103" s="18">
        <v>45</v>
      </c>
    </row>
    <row r="104" spans="1:4" ht="18" customHeight="1" x14ac:dyDescent="0.15">
      <c r="A104" s="5">
        <v>81</v>
      </c>
      <c r="B104" s="22">
        <v>30</v>
      </c>
      <c r="C104" s="14">
        <v>40</v>
      </c>
      <c r="D104" s="18">
        <v>70</v>
      </c>
    </row>
    <row r="105" spans="1:4" ht="18" customHeight="1" x14ac:dyDescent="0.15">
      <c r="A105" s="5">
        <v>82</v>
      </c>
      <c r="B105" s="22">
        <v>30</v>
      </c>
      <c r="C105" s="14">
        <v>42</v>
      </c>
      <c r="D105" s="18">
        <v>72</v>
      </c>
    </row>
    <row r="106" spans="1:4" ht="18" customHeight="1" x14ac:dyDescent="0.15">
      <c r="A106" s="5">
        <v>83</v>
      </c>
      <c r="B106" s="22">
        <v>35</v>
      </c>
      <c r="C106" s="14">
        <v>37</v>
      </c>
      <c r="D106" s="18">
        <v>72</v>
      </c>
    </row>
    <row r="107" spans="1:4" ht="18" customHeight="1" x14ac:dyDescent="0.15">
      <c r="A107" s="5">
        <v>84</v>
      </c>
      <c r="B107" s="22">
        <v>23</v>
      </c>
      <c r="C107" s="14">
        <v>35</v>
      </c>
      <c r="D107" s="18">
        <v>58</v>
      </c>
    </row>
    <row r="108" spans="1:4" ht="18" customHeight="1" x14ac:dyDescent="0.15">
      <c r="A108" s="5" t="s">
        <v>35</v>
      </c>
      <c r="B108" s="22">
        <v>143</v>
      </c>
      <c r="C108" s="14">
        <v>174</v>
      </c>
      <c r="D108" s="18">
        <v>317</v>
      </c>
    </row>
    <row r="109" spans="1:4" ht="18" customHeight="1" x14ac:dyDescent="0.15">
      <c r="A109" s="5">
        <v>85</v>
      </c>
      <c r="B109" s="22">
        <v>18</v>
      </c>
      <c r="C109" s="14">
        <v>34</v>
      </c>
      <c r="D109" s="18">
        <v>52</v>
      </c>
    </row>
    <row r="110" spans="1:4" ht="18" customHeight="1" x14ac:dyDescent="0.15">
      <c r="A110" s="5">
        <v>86</v>
      </c>
      <c r="B110" s="22">
        <v>10</v>
      </c>
      <c r="C110" s="14">
        <v>21</v>
      </c>
      <c r="D110" s="18">
        <v>31</v>
      </c>
    </row>
    <row r="111" spans="1:4" ht="18" customHeight="1" x14ac:dyDescent="0.15">
      <c r="A111" s="5">
        <v>87</v>
      </c>
      <c r="B111" s="22">
        <v>14</v>
      </c>
      <c r="C111" s="14">
        <v>19</v>
      </c>
      <c r="D111" s="18">
        <v>33</v>
      </c>
    </row>
    <row r="112" spans="1:4" ht="18" customHeight="1" x14ac:dyDescent="0.15">
      <c r="A112" s="5">
        <v>88</v>
      </c>
      <c r="B112" s="22">
        <v>8</v>
      </c>
      <c r="C112" s="14">
        <v>19</v>
      </c>
      <c r="D112" s="18">
        <v>27</v>
      </c>
    </row>
    <row r="113" spans="1:4" ht="18" customHeight="1" x14ac:dyDescent="0.15">
      <c r="A113" s="5">
        <v>89</v>
      </c>
      <c r="B113" s="22">
        <v>13</v>
      </c>
      <c r="C113" s="14">
        <v>17</v>
      </c>
      <c r="D113" s="18">
        <v>30</v>
      </c>
    </row>
    <row r="114" spans="1:4" ht="18" customHeight="1" x14ac:dyDescent="0.15">
      <c r="A114" s="5" t="s">
        <v>37</v>
      </c>
      <c r="B114" s="22">
        <v>63</v>
      </c>
      <c r="C114" s="14">
        <v>110</v>
      </c>
      <c r="D114" s="18">
        <v>173</v>
      </c>
    </row>
    <row r="115" spans="1:4" ht="18" customHeight="1" x14ac:dyDescent="0.15">
      <c r="A115" s="5">
        <v>90</v>
      </c>
      <c r="B115" s="22">
        <v>9</v>
      </c>
      <c r="C115" s="14">
        <v>27</v>
      </c>
      <c r="D115" s="18">
        <v>36</v>
      </c>
    </row>
    <row r="116" spans="1:4" ht="18" customHeight="1" x14ac:dyDescent="0.15">
      <c r="A116" s="5">
        <v>91</v>
      </c>
      <c r="B116" s="22">
        <v>2</v>
      </c>
      <c r="C116" s="14">
        <v>20</v>
      </c>
      <c r="D116" s="18">
        <v>22</v>
      </c>
    </row>
    <row r="117" spans="1:4" ht="18" customHeight="1" x14ac:dyDescent="0.15">
      <c r="A117" s="5">
        <v>92</v>
      </c>
      <c r="B117" s="22">
        <v>6</v>
      </c>
      <c r="C117" s="14">
        <v>17</v>
      </c>
      <c r="D117" s="18">
        <v>23</v>
      </c>
    </row>
    <row r="118" spans="1:4" ht="18" customHeight="1" x14ac:dyDescent="0.15">
      <c r="A118" s="5">
        <v>93</v>
      </c>
      <c r="B118" s="22">
        <v>7</v>
      </c>
      <c r="C118" s="14">
        <v>13</v>
      </c>
      <c r="D118" s="18">
        <v>20</v>
      </c>
    </row>
    <row r="119" spans="1:4" ht="18" customHeight="1" x14ac:dyDescent="0.15">
      <c r="A119" s="5">
        <v>94</v>
      </c>
      <c r="B119" s="22">
        <v>6</v>
      </c>
      <c r="C119" s="14">
        <v>9</v>
      </c>
      <c r="D119" s="18">
        <v>15</v>
      </c>
    </row>
    <row r="120" spans="1:4" ht="18" customHeight="1" x14ac:dyDescent="0.15">
      <c r="A120" s="5" t="s">
        <v>39</v>
      </c>
      <c r="B120" s="22">
        <v>30</v>
      </c>
      <c r="C120" s="14">
        <v>86</v>
      </c>
      <c r="D120" s="18">
        <v>116</v>
      </c>
    </row>
    <row r="121" spans="1:4" ht="18" customHeight="1" x14ac:dyDescent="0.15">
      <c r="A121" s="5">
        <v>95</v>
      </c>
      <c r="B121" s="22">
        <v>1</v>
      </c>
      <c r="C121" s="14">
        <v>14</v>
      </c>
      <c r="D121" s="18">
        <v>15</v>
      </c>
    </row>
    <row r="122" spans="1:4" ht="18" customHeight="1" x14ac:dyDescent="0.15">
      <c r="A122" s="5">
        <v>96</v>
      </c>
      <c r="B122" s="22">
        <v>2</v>
      </c>
      <c r="C122" s="14">
        <v>5</v>
      </c>
      <c r="D122" s="18">
        <v>7</v>
      </c>
    </row>
    <row r="123" spans="1:4" ht="18" customHeight="1" x14ac:dyDescent="0.15">
      <c r="A123" s="5">
        <v>97</v>
      </c>
      <c r="B123" s="22">
        <v>2</v>
      </c>
      <c r="C123" s="14">
        <v>12</v>
      </c>
      <c r="D123" s="18">
        <v>14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2</v>
      </c>
      <c r="C128" s="14">
        <v>3</v>
      </c>
      <c r="D128" s="18">
        <v>5</v>
      </c>
    </row>
    <row r="129" spans="1:4" ht="18" customHeight="1" x14ac:dyDescent="0.15">
      <c r="A129" s="5" t="s">
        <v>44</v>
      </c>
      <c r="B129" s="22">
        <v>3</v>
      </c>
      <c r="C129" s="14">
        <v>7</v>
      </c>
      <c r="D129" s="18">
        <v>10</v>
      </c>
    </row>
    <row r="130" spans="1:4" ht="18" customHeight="1" x14ac:dyDescent="0.15">
      <c r="A130" s="5" t="s">
        <v>46</v>
      </c>
      <c r="B130" s="22">
        <v>775</v>
      </c>
      <c r="C130" s="14">
        <v>1049</v>
      </c>
      <c r="D130" s="18">
        <v>1824</v>
      </c>
    </row>
    <row r="131" spans="1:4" ht="18" customHeight="1" x14ac:dyDescent="0.15">
      <c r="A131" s="7" t="s">
        <v>45</v>
      </c>
      <c r="B131" s="23">
        <v>2775</v>
      </c>
      <c r="C131" s="15">
        <v>2884</v>
      </c>
      <c r="D131" s="19">
        <v>56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24</v>
      </c>
      <c r="D5" s="17">
        <v>34</v>
      </c>
    </row>
    <row r="6" spans="1:4" ht="18" customHeight="1" x14ac:dyDescent="0.15">
      <c r="A6" s="5">
        <v>1</v>
      </c>
      <c r="B6" s="22">
        <v>19</v>
      </c>
      <c r="C6" s="14">
        <v>24</v>
      </c>
      <c r="D6" s="18">
        <v>43</v>
      </c>
    </row>
    <row r="7" spans="1:4" ht="18" customHeight="1" x14ac:dyDescent="0.15">
      <c r="A7" s="5">
        <v>2</v>
      </c>
      <c r="B7" s="22">
        <v>22</v>
      </c>
      <c r="C7" s="14">
        <v>20</v>
      </c>
      <c r="D7" s="18">
        <v>42</v>
      </c>
    </row>
    <row r="8" spans="1:4" ht="18" customHeight="1" x14ac:dyDescent="0.15">
      <c r="A8" s="5">
        <v>3</v>
      </c>
      <c r="B8" s="22">
        <v>29</v>
      </c>
      <c r="C8" s="14">
        <v>18</v>
      </c>
      <c r="D8" s="18">
        <v>47</v>
      </c>
    </row>
    <row r="9" spans="1:4" ht="18" customHeight="1" x14ac:dyDescent="0.15">
      <c r="A9" s="5">
        <v>4</v>
      </c>
      <c r="B9" s="22">
        <v>29</v>
      </c>
      <c r="C9" s="14">
        <v>25</v>
      </c>
      <c r="D9" s="18">
        <v>54</v>
      </c>
    </row>
    <row r="10" spans="1:4" ht="18" customHeight="1" x14ac:dyDescent="0.15">
      <c r="A10" s="5" t="s">
        <v>7</v>
      </c>
      <c r="B10" s="22">
        <v>109</v>
      </c>
      <c r="C10" s="14">
        <v>111</v>
      </c>
      <c r="D10" s="18">
        <v>220</v>
      </c>
    </row>
    <row r="11" spans="1:4" ht="18" customHeight="1" x14ac:dyDescent="0.15">
      <c r="A11" s="5">
        <v>5</v>
      </c>
      <c r="B11" s="22">
        <v>21</v>
      </c>
      <c r="C11" s="14">
        <v>18</v>
      </c>
      <c r="D11" s="18">
        <v>39</v>
      </c>
    </row>
    <row r="12" spans="1:4" ht="18" customHeight="1" x14ac:dyDescent="0.15">
      <c r="A12" s="5">
        <v>6</v>
      </c>
      <c r="B12" s="22">
        <v>24</v>
      </c>
      <c r="C12" s="14">
        <v>22</v>
      </c>
      <c r="D12" s="18">
        <v>46</v>
      </c>
    </row>
    <row r="13" spans="1:4" ht="18" customHeight="1" x14ac:dyDescent="0.15">
      <c r="A13" s="5">
        <v>7</v>
      </c>
      <c r="B13" s="22">
        <v>27</v>
      </c>
      <c r="C13" s="14">
        <v>21</v>
      </c>
      <c r="D13" s="18">
        <v>48</v>
      </c>
    </row>
    <row r="14" spans="1:4" ht="18" customHeight="1" x14ac:dyDescent="0.15">
      <c r="A14" s="5">
        <v>8</v>
      </c>
      <c r="B14" s="22">
        <v>23</v>
      </c>
      <c r="C14" s="14">
        <v>22</v>
      </c>
      <c r="D14" s="18">
        <v>45</v>
      </c>
    </row>
    <row r="15" spans="1:4" ht="18" customHeight="1" x14ac:dyDescent="0.15">
      <c r="A15" s="5">
        <v>9</v>
      </c>
      <c r="B15" s="22">
        <v>26</v>
      </c>
      <c r="C15" s="14">
        <v>26</v>
      </c>
      <c r="D15" s="18">
        <v>52</v>
      </c>
    </row>
    <row r="16" spans="1:4" ht="18" customHeight="1" x14ac:dyDescent="0.15">
      <c r="A16" s="5" t="s">
        <v>11</v>
      </c>
      <c r="B16" s="22">
        <v>121</v>
      </c>
      <c r="C16" s="14">
        <v>109</v>
      </c>
      <c r="D16" s="18">
        <v>230</v>
      </c>
    </row>
    <row r="17" spans="1:4" ht="18" customHeight="1" x14ac:dyDescent="0.15">
      <c r="A17" s="5">
        <v>10</v>
      </c>
      <c r="B17" s="22">
        <v>26</v>
      </c>
      <c r="C17" s="14">
        <v>32</v>
      </c>
      <c r="D17" s="18">
        <v>58</v>
      </c>
    </row>
    <row r="18" spans="1:4" ht="18" customHeight="1" x14ac:dyDescent="0.15">
      <c r="A18" s="5">
        <v>11</v>
      </c>
      <c r="B18" s="22">
        <v>30</v>
      </c>
      <c r="C18" s="14">
        <v>26</v>
      </c>
      <c r="D18" s="18">
        <v>56</v>
      </c>
    </row>
    <row r="19" spans="1:4" ht="18" customHeight="1" x14ac:dyDescent="0.15">
      <c r="A19" s="5">
        <v>12</v>
      </c>
      <c r="B19" s="22">
        <v>25</v>
      </c>
      <c r="C19" s="14">
        <v>27</v>
      </c>
      <c r="D19" s="18">
        <v>52</v>
      </c>
    </row>
    <row r="20" spans="1:4" ht="18" customHeight="1" x14ac:dyDescent="0.15">
      <c r="A20" s="5">
        <v>13</v>
      </c>
      <c r="B20" s="22">
        <v>34</v>
      </c>
      <c r="C20" s="14">
        <v>34</v>
      </c>
      <c r="D20" s="18">
        <v>68</v>
      </c>
    </row>
    <row r="21" spans="1:4" ht="18" customHeight="1" x14ac:dyDescent="0.15">
      <c r="A21" s="5">
        <v>14</v>
      </c>
      <c r="B21" s="22">
        <v>36</v>
      </c>
      <c r="C21" s="14">
        <v>29</v>
      </c>
      <c r="D21" s="18">
        <v>65</v>
      </c>
    </row>
    <row r="22" spans="1:4" ht="18" customHeight="1" x14ac:dyDescent="0.15">
      <c r="A22" s="5" t="s">
        <v>12</v>
      </c>
      <c r="B22" s="22">
        <v>151</v>
      </c>
      <c r="C22" s="14">
        <v>148</v>
      </c>
      <c r="D22" s="18">
        <v>299</v>
      </c>
    </row>
    <row r="23" spans="1:4" ht="18" customHeight="1" x14ac:dyDescent="0.15">
      <c r="A23" s="5" t="s">
        <v>6</v>
      </c>
      <c r="B23" s="22">
        <v>381</v>
      </c>
      <c r="C23" s="14">
        <v>368</v>
      </c>
      <c r="D23" s="18">
        <v>749</v>
      </c>
    </row>
    <row r="24" spans="1:4" ht="18" customHeight="1" x14ac:dyDescent="0.15">
      <c r="A24" s="5">
        <v>15</v>
      </c>
      <c r="B24" s="22">
        <v>36</v>
      </c>
      <c r="C24" s="14">
        <v>21</v>
      </c>
      <c r="D24" s="18">
        <v>57</v>
      </c>
    </row>
    <row r="25" spans="1:4" ht="18" customHeight="1" x14ac:dyDescent="0.15">
      <c r="A25" s="5">
        <v>16</v>
      </c>
      <c r="B25" s="22">
        <v>32</v>
      </c>
      <c r="C25" s="14">
        <v>34</v>
      </c>
      <c r="D25" s="18">
        <v>66</v>
      </c>
    </row>
    <row r="26" spans="1:4" ht="18" customHeight="1" x14ac:dyDescent="0.15">
      <c r="A26" s="5">
        <v>17</v>
      </c>
      <c r="B26" s="22">
        <v>28</v>
      </c>
      <c r="C26" s="14">
        <v>22</v>
      </c>
      <c r="D26" s="18">
        <v>50</v>
      </c>
    </row>
    <row r="27" spans="1:4" ht="18" customHeight="1" x14ac:dyDescent="0.15">
      <c r="A27" s="5">
        <v>18</v>
      </c>
      <c r="B27" s="22">
        <v>40</v>
      </c>
      <c r="C27" s="14">
        <v>38</v>
      </c>
      <c r="D27" s="18">
        <v>78</v>
      </c>
    </row>
    <row r="28" spans="1:4" ht="18" customHeight="1" x14ac:dyDescent="0.15">
      <c r="A28" s="5">
        <v>19</v>
      </c>
      <c r="B28" s="22">
        <v>32</v>
      </c>
      <c r="C28" s="14">
        <v>29</v>
      </c>
      <c r="D28" s="18">
        <v>61</v>
      </c>
    </row>
    <row r="29" spans="1:4" ht="18" customHeight="1" x14ac:dyDescent="0.15">
      <c r="A29" s="5" t="s">
        <v>14</v>
      </c>
      <c r="B29" s="22">
        <v>168</v>
      </c>
      <c r="C29" s="14">
        <v>144</v>
      </c>
      <c r="D29" s="18">
        <v>312</v>
      </c>
    </row>
    <row r="30" spans="1:4" ht="18" customHeight="1" x14ac:dyDescent="0.15">
      <c r="A30" s="5">
        <v>20</v>
      </c>
      <c r="B30" s="22">
        <v>38</v>
      </c>
      <c r="C30" s="14">
        <v>34</v>
      </c>
      <c r="D30" s="18">
        <v>72</v>
      </c>
    </row>
    <row r="31" spans="1:4" ht="18" customHeight="1" x14ac:dyDescent="0.15">
      <c r="A31" s="5">
        <v>21</v>
      </c>
      <c r="B31" s="22">
        <v>46</v>
      </c>
      <c r="C31" s="14">
        <v>43</v>
      </c>
      <c r="D31" s="18">
        <v>89</v>
      </c>
    </row>
    <row r="32" spans="1:4" ht="18" customHeight="1" x14ac:dyDescent="0.15">
      <c r="A32" s="5">
        <v>22</v>
      </c>
      <c r="B32" s="22">
        <v>48</v>
      </c>
      <c r="C32" s="14">
        <v>38</v>
      </c>
      <c r="D32" s="18">
        <v>86</v>
      </c>
    </row>
    <row r="33" spans="1:4" ht="18" customHeight="1" x14ac:dyDescent="0.15">
      <c r="A33" s="5">
        <v>23</v>
      </c>
      <c r="B33" s="22">
        <v>54</v>
      </c>
      <c r="C33" s="14">
        <v>39</v>
      </c>
      <c r="D33" s="18">
        <v>93</v>
      </c>
    </row>
    <row r="34" spans="1:4" ht="18" customHeight="1" x14ac:dyDescent="0.15">
      <c r="A34" s="5">
        <v>24</v>
      </c>
      <c r="B34" s="22">
        <v>30</v>
      </c>
      <c r="C34" s="14">
        <v>28</v>
      </c>
      <c r="D34" s="18">
        <v>58</v>
      </c>
    </row>
    <row r="35" spans="1:4" ht="18" customHeight="1" x14ac:dyDescent="0.15">
      <c r="A35" s="5" t="s">
        <v>9</v>
      </c>
      <c r="B35" s="22">
        <v>216</v>
      </c>
      <c r="C35" s="14">
        <v>182</v>
      </c>
      <c r="D35" s="18">
        <v>398</v>
      </c>
    </row>
    <row r="36" spans="1:4" ht="18" customHeight="1" x14ac:dyDescent="0.15">
      <c r="A36" s="5">
        <v>25</v>
      </c>
      <c r="B36" s="22">
        <v>38</v>
      </c>
      <c r="C36" s="14">
        <v>25</v>
      </c>
      <c r="D36" s="18">
        <v>63</v>
      </c>
    </row>
    <row r="37" spans="1:4" ht="18" customHeight="1" x14ac:dyDescent="0.15">
      <c r="A37" s="5">
        <v>26</v>
      </c>
      <c r="B37" s="22">
        <v>37</v>
      </c>
      <c r="C37" s="14">
        <v>43</v>
      </c>
      <c r="D37" s="18">
        <v>80</v>
      </c>
    </row>
    <row r="38" spans="1:4" ht="18" customHeight="1" x14ac:dyDescent="0.15">
      <c r="A38" s="5">
        <v>27</v>
      </c>
      <c r="B38" s="22">
        <v>39</v>
      </c>
      <c r="C38" s="14">
        <v>33</v>
      </c>
      <c r="D38" s="18">
        <v>72</v>
      </c>
    </row>
    <row r="39" spans="1:4" ht="18" customHeight="1" x14ac:dyDescent="0.15">
      <c r="A39" s="5">
        <v>28</v>
      </c>
      <c r="B39" s="22">
        <v>28</v>
      </c>
      <c r="C39" s="14">
        <v>29</v>
      </c>
      <c r="D39" s="18">
        <v>57</v>
      </c>
    </row>
    <row r="40" spans="1:4" ht="18" customHeight="1" x14ac:dyDescent="0.15">
      <c r="A40" s="5">
        <v>29</v>
      </c>
      <c r="B40" s="22">
        <v>42</v>
      </c>
      <c r="C40" s="14">
        <v>29</v>
      </c>
      <c r="D40" s="18">
        <v>71</v>
      </c>
    </row>
    <row r="41" spans="1:4" ht="18" customHeight="1" x14ac:dyDescent="0.15">
      <c r="A41" s="5" t="s">
        <v>2</v>
      </c>
      <c r="B41" s="22">
        <v>184</v>
      </c>
      <c r="C41" s="14">
        <v>159</v>
      </c>
      <c r="D41" s="18">
        <v>343</v>
      </c>
    </row>
    <row r="42" spans="1:4" ht="18" customHeight="1" x14ac:dyDescent="0.15">
      <c r="A42" s="5">
        <v>30</v>
      </c>
      <c r="B42" s="22">
        <v>46</v>
      </c>
      <c r="C42" s="14">
        <v>28</v>
      </c>
      <c r="D42" s="18">
        <v>74</v>
      </c>
    </row>
    <row r="43" spans="1:4" ht="18" customHeight="1" x14ac:dyDescent="0.15">
      <c r="A43" s="5">
        <v>31</v>
      </c>
      <c r="B43" s="22">
        <v>37</v>
      </c>
      <c r="C43" s="14">
        <v>32</v>
      </c>
      <c r="D43" s="18">
        <v>69</v>
      </c>
    </row>
    <row r="44" spans="1:4" ht="18" customHeight="1" x14ac:dyDescent="0.15">
      <c r="A44" s="5">
        <v>32</v>
      </c>
      <c r="B44" s="22">
        <v>25</v>
      </c>
      <c r="C44" s="14">
        <v>23</v>
      </c>
      <c r="D44" s="18">
        <v>48</v>
      </c>
    </row>
    <row r="45" spans="1:4" ht="18" customHeight="1" x14ac:dyDescent="0.15">
      <c r="A45" s="5">
        <v>33</v>
      </c>
      <c r="B45" s="22">
        <v>31</v>
      </c>
      <c r="C45" s="14">
        <v>15</v>
      </c>
      <c r="D45" s="18">
        <v>46</v>
      </c>
    </row>
    <row r="46" spans="1:4" ht="18" customHeight="1" x14ac:dyDescent="0.15">
      <c r="A46" s="5">
        <v>34</v>
      </c>
      <c r="B46" s="22">
        <v>37</v>
      </c>
      <c r="C46" s="14">
        <v>17</v>
      </c>
      <c r="D46" s="18">
        <v>54</v>
      </c>
    </row>
    <row r="47" spans="1:4" ht="18" customHeight="1" x14ac:dyDescent="0.15">
      <c r="A47" s="5" t="s">
        <v>15</v>
      </c>
      <c r="B47" s="22">
        <v>176</v>
      </c>
      <c r="C47" s="14">
        <v>115</v>
      </c>
      <c r="D47" s="18">
        <v>291</v>
      </c>
    </row>
    <row r="48" spans="1:4" ht="18" customHeight="1" x14ac:dyDescent="0.15">
      <c r="A48" s="5">
        <v>35</v>
      </c>
      <c r="B48" s="22">
        <v>38</v>
      </c>
      <c r="C48" s="14">
        <v>32</v>
      </c>
      <c r="D48" s="18">
        <v>70</v>
      </c>
    </row>
    <row r="49" spans="1:4" ht="18" customHeight="1" x14ac:dyDescent="0.15">
      <c r="A49" s="5">
        <v>36</v>
      </c>
      <c r="B49" s="22">
        <v>42</v>
      </c>
      <c r="C49" s="14">
        <v>24</v>
      </c>
      <c r="D49" s="18">
        <v>66</v>
      </c>
    </row>
    <row r="50" spans="1:4" ht="18" customHeight="1" x14ac:dyDescent="0.15">
      <c r="A50" s="5">
        <v>37</v>
      </c>
      <c r="B50" s="22">
        <v>29</v>
      </c>
      <c r="C50" s="14">
        <v>36</v>
      </c>
      <c r="D50" s="18">
        <v>65</v>
      </c>
    </row>
    <row r="51" spans="1:4" ht="18" customHeight="1" x14ac:dyDescent="0.15">
      <c r="A51" s="5">
        <v>38</v>
      </c>
      <c r="B51" s="22">
        <v>32</v>
      </c>
      <c r="C51" s="14">
        <v>46</v>
      </c>
      <c r="D51" s="18">
        <v>78</v>
      </c>
    </row>
    <row r="52" spans="1:4" ht="18" customHeight="1" x14ac:dyDescent="0.15">
      <c r="A52" s="5">
        <v>39</v>
      </c>
      <c r="B52" s="22">
        <v>27</v>
      </c>
      <c r="C52" s="14">
        <v>32</v>
      </c>
      <c r="D52" s="18">
        <v>59</v>
      </c>
    </row>
    <row r="53" spans="1:4" ht="18" customHeight="1" x14ac:dyDescent="0.15">
      <c r="A53" s="5" t="s">
        <v>18</v>
      </c>
      <c r="B53" s="22">
        <v>168</v>
      </c>
      <c r="C53" s="14">
        <v>170</v>
      </c>
      <c r="D53" s="18">
        <v>338</v>
      </c>
    </row>
    <row r="54" spans="1:4" ht="18" customHeight="1" x14ac:dyDescent="0.15">
      <c r="A54" s="5">
        <v>40</v>
      </c>
      <c r="B54" s="22">
        <v>47</v>
      </c>
      <c r="C54" s="14">
        <v>40</v>
      </c>
      <c r="D54" s="18">
        <v>87</v>
      </c>
    </row>
    <row r="55" spans="1:4" ht="18" customHeight="1" x14ac:dyDescent="0.15">
      <c r="A55" s="5">
        <v>41</v>
      </c>
      <c r="B55" s="22">
        <v>50</v>
      </c>
      <c r="C55" s="14">
        <v>43</v>
      </c>
      <c r="D55" s="18">
        <v>93</v>
      </c>
    </row>
    <row r="56" spans="1:4" ht="18" customHeight="1" x14ac:dyDescent="0.15">
      <c r="A56" s="5">
        <v>42</v>
      </c>
      <c r="B56" s="22">
        <v>41</v>
      </c>
      <c r="C56" s="14">
        <v>31</v>
      </c>
      <c r="D56" s="18">
        <v>72</v>
      </c>
    </row>
    <row r="57" spans="1:4" ht="18" customHeight="1" x14ac:dyDescent="0.15">
      <c r="A57" s="5">
        <v>43</v>
      </c>
      <c r="B57" s="22">
        <v>43</v>
      </c>
      <c r="C57" s="14">
        <v>43</v>
      </c>
      <c r="D57" s="18">
        <v>86</v>
      </c>
    </row>
    <row r="58" spans="1:4" ht="18" customHeight="1" x14ac:dyDescent="0.15">
      <c r="A58" s="5">
        <v>44</v>
      </c>
      <c r="B58" s="22">
        <v>44</v>
      </c>
      <c r="C58" s="14">
        <v>49</v>
      </c>
      <c r="D58" s="18">
        <v>93</v>
      </c>
    </row>
    <row r="59" spans="1:4" ht="18" customHeight="1" x14ac:dyDescent="0.15">
      <c r="A59" s="5" t="s">
        <v>21</v>
      </c>
      <c r="B59" s="22">
        <v>225</v>
      </c>
      <c r="C59" s="14">
        <v>206</v>
      </c>
      <c r="D59" s="18">
        <v>431</v>
      </c>
    </row>
    <row r="60" spans="1:4" ht="18" customHeight="1" x14ac:dyDescent="0.15">
      <c r="A60" s="5">
        <v>45</v>
      </c>
      <c r="B60" s="22">
        <v>41</v>
      </c>
      <c r="C60" s="14">
        <v>41</v>
      </c>
      <c r="D60" s="18">
        <v>82</v>
      </c>
    </row>
    <row r="61" spans="1:4" ht="18" customHeight="1" x14ac:dyDescent="0.15">
      <c r="A61" s="5">
        <v>46</v>
      </c>
      <c r="B61" s="22">
        <v>48</v>
      </c>
      <c r="C61" s="14">
        <v>36</v>
      </c>
      <c r="D61" s="18">
        <v>84</v>
      </c>
    </row>
    <row r="62" spans="1:4" ht="18" customHeight="1" x14ac:dyDescent="0.15">
      <c r="A62" s="5">
        <v>47</v>
      </c>
      <c r="B62" s="22">
        <v>47</v>
      </c>
      <c r="C62" s="14">
        <v>45</v>
      </c>
      <c r="D62" s="18">
        <v>92</v>
      </c>
    </row>
    <row r="63" spans="1:4" ht="18" customHeight="1" x14ac:dyDescent="0.15">
      <c r="A63" s="5">
        <v>48</v>
      </c>
      <c r="B63" s="22">
        <v>34</v>
      </c>
      <c r="C63" s="14">
        <v>36</v>
      </c>
      <c r="D63" s="18">
        <v>70</v>
      </c>
    </row>
    <row r="64" spans="1:4" ht="18" customHeight="1" x14ac:dyDescent="0.15">
      <c r="A64" s="5">
        <v>49</v>
      </c>
      <c r="B64" s="22">
        <v>64</v>
      </c>
      <c r="C64" s="14">
        <v>61</v>
      </c>
      <c r="D64" s="18">
        <v>125</v>
      </c>
    </row>
    <row r="65" spans="1:4" ht="18" customHeight="1" x14ac:dyDescent="0.15">
      <c r="A65" s="5" t="s">
        <v>17</v>
      </c>
      <c r="B65" s="22">
        <v>234</v>
      </c>
      <c r="C65" s="14">
        <v>219</v>
      </c>
      <c r="D65" s="18">
        <v>453</v>
      </c>
    </row>
    <row r="66" spans="1:4" ht="18" customHeight="1" x14ac:dyDescent="0.15">
      <c r="A66" s="5">
        <v>50</v>
      </c>
      <c r="B66" s="22">
        <v>55</v>
      </c>
      <c r="C66" s="14">
        <v>54</v>
      </c>
      <c r="D66" s="18">
        <v>109</v>
      </c>
    </row>
    <row r="67" spans="1:4" ht="18" customHeight="1" x14ac:dyDescent="0.15">
      <c r="A67" s="5">
        <v>51</v>
      </c>
      <c r="B67" s="22">
        <v>78</v>
      </c>
      <c r="C67" s="14">
        <v>62</v>
      </c>
      <c r="D67" s="18">
        <v>140</v>
      </c>
    </row>
    <row r="68" spans="1:4" ht="18" customHeight="1" x14ac:dyDescent="0.15">
      <c r="A68" s="5">
        <v>52</v>
      </c>
      <c r="B68" s="22">
        <v>54</v>
      </c>
      <c r="C68" s="14">
        <v>79</v>
      </c>
      <c r="D68" s="18">
        <v>133</v>
      </c>
    </row>
    <row r="69" spans="1:4" ht="18" customHeight="1" x14ac:dyDescent="0.15">
      <c r="A69" s="5">
        <v>53</v>
      </c>
      <c r="B69" s="22">
        <v>65</v>
      </c>
      <c r="C69" s="14">
        <v>68</v>
      </c>
      <c r="D69" s="18">
        <v>133</v>
      </c>
    </row>
    <row r="70" spans="1:4" ht="18" customHeight="1" x14ac:dyDescent="0.15">
      <c r="A70" s="5">
        <v>54</v>
      </c>
      <c r="B70" s="22">
        <v>78</v>
      </c>
      <c r="C70" s="14">
        <v>61</v>
      </c>
      <c r="D70" s="18">
        <v>139</v>
      </c>
    </row>
    <row r="71" spans="1:4" ht="18" customHeight="1" x14ac:dyDescent="0.15">
      <c r="A71" s="5" t="s">
        <v>22</v>
      </c>
      <c r="B71" s="22">
        <v>330</v>
      </c>
      <c r="C71" s="14">
        <v>324</v>
      </c>
      <c r="D71" s="18">
        <v>654</v>
      </c>
    </row>
    <row r="72" spans="1:4" ht="18" customHeight="1" x14ac:dyDescent="0.15">
      <c r="A72" s="5">
        <v>55</v>
      </c>
      <c r="B72" s="22">
        <v>77</v>
      </c>
      <c r="C72" s="14">
        <v>67</v>
      </c>
      <c r="D72" s="18">
        <v>144</v>
      </c>
    </row>
    <row r="73" spans="1:4" ht="18" customHeight="1" x14ac:dyDescent="0.15">
      <c r="A73" s="5">
        <v>56</v>
      </c>
      <c r="B73" s="22">
        <v>53</v>
      </c>
      <c r="C73" s="14">
        <v>59</v>
      </c>
      <c r="D73" s="18">
        <v>112</v>
      </c>
    </row>
    <row r="74" spans="1:4" ht="18" customHeight="1" x14ac:dyDescent="0.15">
      <c r="A74" s="5">
        <v>57</v>
      </c>
      <c r="B74" s="22">
        <v>59</v>
      </c>
      <c r="C74" s="14">
        <v>58</v>
      </c>
      <c r="D74" s="18">
        <v>117</v>
      </c>
    </row>
    <row r="75" spans="1:4" ht="18" customHeight="1" x14ac:dyDescent="0.15">
      <c r="A75" s="5">
        <v>58</v>
      </c>
      <c r="B75" s="22">
        <v>77</v>
      </c>
      <c r="C75" s="14">
        <v>71</v>
      </c>
      <c r="D75" s="18">
        <v>148</v>
      </c>
    </row>
    <row r="76" spans="1:4" ht="18" customHeight="1" x14ac:dyDescent="0.15">
      <c r="A76" s="5">
        <v>59</v>
      </c>
      <c r="B76" s="22">
        <v>33</v>
      </c>
      <c r="C76" s="14">
        <v>45</v>
      </c>
      <c r="D76" s="18">
        <v>78</v>
      </c>
    </row>
    <row r="77" spans="1:4" ht="18" customHeight="1" x14ac:dyDescent="0.15">
      <c r="A77" s="5" t="s">
        <v>27</v>
      </c>
      <c r="B77" s="22">
        <v>299</v>
      </c>
      <c r="C77" s="14">
        <v>300</v>
      </c>
      <c r="D77" s="18">
        <v>599</v>
      </c>
    </row>
    <row r="78" spans="1:4" ht="18" customHeight="1" x14ac:dyDescent="0.15">
      <c r="A78" s="5">
        <v>60</v>
      </c>
      <c r="B78" s="22">
        <v>45</v>
      </c>
      <c r="C78" s="14">
        <v>59</v>
      </c>
      <c r="D78" s="18">
        <v>104</v>
      </c>
    </row>
    <row r="79" spans="1:4" ht="18" customHeight="1" x14ac:dyDescent="0.15">
      <c r="A79" s="5">
        <v>61</v>
      </c>
      <c r="B79" s="22">
        <v>43</v>
      </c>
      <c r="C79" s="14">
        <v>44</v>
      </c>
      <c r="D79" s="18">
        <v>87</v>
      </c>
    </row>
    <row r="80" spans="1:4" ht="18" customHeight="1" x14ac:dyDescent="0.15">
      <c r="A80" s="5">
        <v>62</v>
      </c>
      <c r="B80" s="22">
        <v>42</v>
      </c>
      <c r="C80" s="14">
        <v>49</v>
      </c>
      <c r="D80" s="18">
        <v>91</v>
      </c>
    </row>
    <row r="81" spans="1:4" ht="18" customHeight="1" x14ac:dyDescent="0.15">
      <c r="A81" s="5">
        <v>63</v>
      </c>
      <c r="B81" s="22">
        <v>48</v>
      </c>
      <c r="C81" s="14">
        <v>38</v>
      </c>
      <c r="D81" s="18">
        <v>86</v>
      </c>
    </row>
    <row r="82" spans="1:4" ht="18" customHeight="1" x14ac:dyDescent="0.15">
      <c r="A82" s="5">
        <v>64</v>
      </c>
      <c r="B82" s="22">
        <v>41</v>
      </c>
      <c r="C82" s="14">
        <v>43</v>
      </c>
      <c r="D82" s="18">
        <v>84</v>
      </c>
    </row>
    <row r="83" spans="1:4" ht="18" customHeight="1" x14ac:dyDescent="0.15">
      <c r="A83" s="5" t="s">
        <v>28</v>
      </c>
      <c r="B83" s="22">
        <v>219</v>
      </c>
      <c r="C83" s="14">
        <v>233</v>
      </c>
      <c r="D83" s="18">
        <v>452</v>
      </c>
    </row>
    <row r="84" spans="1:4" ht="18" customHeight="1" x14ac:dyDescent="0.15">
      <c r="A84" s="5" t="s">
        <v>31</v>
      </c>
      <c r="B84" s="22">
        <v>2219</v>
      </c>
      <c r="C84" s="14">
        <v>2052</v>
      </c>
      <c r="D84" s="18">
        <v>4271</v>
      </c>
    </row>
    <row r="85" spans="1:4" ht="18" customHeight="1" x14ac:dyDescent="0.15">
      <c r="A85" s="5">
        <v>65</v>
      </c>
      <c r="B85" s="22">
        <v>51</v>
      </c>
      <c r="C85" s="14">
        <v>37</v>
      </c>
      <c r="D85" s="18">
        <v>88</v>
      </c>
    </row>
    <row r="86" spans="1:4" ht="18" customHeight="1" x14ac:dyDescent="0.15">
      <c r="A86" s="5">
        <v>66</v>
      </c>
      <c r="B86" s="22">
        <v>43</v>
      </c>
      <c r="C86" s="14">
        <v>55</v>
      </c>
      <c r="D86" s="18">
        <v>98</v>
      </c>
    </row>
    <row r="87" spans="1:4" ht="18" customHeight="1" x14ac:dyDescent="0.15">
      <c r="A87" s="5">
        <v>67</v>
      </c>
      <c r="B87" s="22">
        <v>41</v>
      </c>
      <c r="C87" s="14">
        <v>45</v>
      </c>
      <c r="D87" s="18">
        <v>86</v>
      </c>
    </row>
    <row r="88" spans="1:4" ht="18" customHeight="1" x14ac:dyDescent="0.15">
      <c r="A88" s="5">
        <v>68</v>
      </c>
      <c r="B88" s="22">
        <v>42</v>
      </c>
      <c r="C88" s="14">
        <v>40</v>
      </c>
      <c r="D88" s="18">
        <v>82</v>
      </c>
    </row>
    <row r="89" spans="1:4" ht="18" customHeight="1" x14ac:dyDescent="0.15">
      <c r="A89" s="5">
        <v>69</v>
      </c>
      <c r="B89" s="22">
        <v>44</v>
      </c>
      <c r="C89" s="14">
        <v>48</v>
      </c>
      <c r="D89" s="18">
        <v>92</v>
      </c>
    </row>
    <row r="90" spans="1:4" ht="18" customHeight="1" x14ac:dyDescent="0.15">
      <c r="A90" s="5" t="s">
        <v>20</v>
      </c>
      <c r="B90" s="22">
        <v>221</v>
      </c>
      <c r="C90" s="14">
        <v>225</v>
      </c>
      <c r="D90" s="18">
        <v>446</v>
      </c>
    </row>
    <row r="91" spans="1:4" ht="18" customHeight="1" x14ac:dyDescent="0.15">
      <c r="A91" s="5">
        <v>70</v>
      </c>
      <c r="B91" s="22">
        <v>44</v>
      </c>
      <c r="C91" s="14">
        <v>48</v>
      </c>
      <c r="D91" s="18">
        <v>92</v>
      </c>
    </row>
    <row r="92" spans="1:4" ht="18" customHeight="1" x14ac:dyDescent="0.15">
      <c r="A92" s="5">
        <v>71</v>
      </c>
      <c r="B92" s="22">
        <v>40</v>
      </c>
      <c r="C92" s="14">
        <v>55</v>
      </c>
      <c r="D92" s="18">
        <v>95</v>
      </c>
    </row>
    <row r="93" spans="1:4" ht="18" customHeight="1" x14ac:dyDescent="0.15">
      <c r="A93" s="5">
        <v>72</v>
      </c>
      <c r="B93" s="22">
        <v>46</v>
      </c>
      <c r="C93" s="14">
        <v>55</v>
      </c>
      <c r="D93" s="18">
        <v>101</v>
      </c>
    </row>
    <row r="94" spans="1:4" ht="18" customHeight="1" x14ac:dyDescent="0.15">
      <c r="A94" s="5">
        <v>73</v>
      </c>
      <c r="B94" s="22">
        <v>50</v>
      </c>
      <c r="C94" s="14">
        <v>57</v>
      </c>
      <c r="D94" s="18">
        <v>107</v>
      </c>
    </row>
    <row r="95" spans="1:4" ht="18" customHeight="1" x14ac:dyDescent="0.15">
      <c r="A95" s="5">
        <v>74</v>
      </c>
      <c r="B95" s="22">
        <v>60</v>
      </c>
      <c r="C95" s="14">
        <v>50</v>
      </c>
      <c r="D95" s="18">
        <v>110</v>
      </c>
    </row>
    <row r="96" spans="1:4" ht="18" customHeight="1" x14ac:dyDescent="0.15">
      <c r="A96" s="5" t="s">
        <v>33</v>
      </c>
      <c r="B96" s="22">
        <v>240</v>
      </c>
      <c r="C96" s="14">
        <v>265</v>
      </c>
      <c r="D96" s="18">
        <v>505</v>
      </c>
    </row>
    <row r="97" spans="1:4" ht="18" customHeight="1" x14ac:dyDescent="0.15">
      <c r="A97" s="5">
        <v>75</v>
      </c>
      <c r="B97" s="22">
        <v>48</v>
      </c>
      <c r="C97" s="14">
        <v>74</v>
      </c>
      <c r="D97" s="18">
        <v>122</v>
      </c>
    </row>
    <row r="98" spans="1:4" ht="18" customHeight="1" x14ac:dyDescent="0.15">
      <c r="A98" s="5">
        <v>76</v>
      </c>
      <c r="B98" s="22">
        <v>60</v>
      </c>
      <c r="C98" s="14">
        <v>84</v>
      </c>
      <c r="D98" s="18">
        <v>144</v>
      </c>
    </row>
    <row r="99" spans="1:4" ht="18" customHeight="1" x14ac:dyDescent="0.15">
      <c r="A99" s="5">
        <v>77</v>
      </c>
      <c r="B99" s="22">
        <v>75</v>
      </c>
      <c r="C99" s="14">
        <v>83</v>
      </c>
      <c r="D99" s="18">
        <v>158</v>
      </c>
    </row>
    <row r="100" spans="1:4" ht="18" customHeight="1" x14ac:dyDescent="0.15">
      <c r="A100" s="5">
        <v>78</v>
      </c>
      <c r="B100" s="22">
        <v>75</v>
      </c>
      <c r="C100" s="14">
        <v>72</v>
      </c>
      <c r="D100" s="18">
        <v>147</v>
      </c>
    </row>
    <row r="101" spans="1:4" ht="18" customHeight="1" x14ac:dyDescent="0.15">
      <c r="A101" s="5">
        <v>79</v>
      </c>
      <c r="B101" s="22">
        <v>43</v>
      </c>
      <c r="C101" s="14">
        <v>41</v>
      </c>
      <c r="D101" s="18">
        <v>84</v>
      </c>
    </row>
    <row r="102" spans="1:4" ht="18" customHeight="1" x14ac:dyDescent="0.15">
      <c r="A102" s="5" t="s">
        <v>0</v>
      </c>
      <c r="B102" s="22">
        <v>301</v>
      </c>
      <c r="C102" s="14">
        <v>354</v>
      </c>
      <c r="D102" s="18">
        <v>655</v>
      </c>
    </row>
    <row r="103" spans="1:4" ht="18" customHeight="1" x14ac:dyDescent="0.15">
      <c r="A103" s="5">
        <v>80</v>
      </c>
      <c r="B103" s="22">
        <v>37</v>
      </c>
      <c r="C103" s="14">
        <v>34</v>
      </c>
      <c r="D103" s="18">
        <v>71</v>
      </c>
    </row>
    <row r="104" spans="1:4" ht="18" customHeight="1" x14ac:dyDescent="0.15">
      <c r="A104" s="5">
        <v>81</v>
      </c>
      <c r="B104" s="22">
        <v>45</v>
      </c>
      <c r="C104" s="14">
        <v>69</v>
      </c>
      <c r="D104" s="18">
        <v>114</v>
      </c>
    </row>
    <row r="105" spans="1:4" ht="18" customHeight="1" x14ac:dyDescent="0.15">
      <c r="A105" s="5">
        <v>82</v>
      </c>
      <c r="B105" s="22">
        <v>22</v>
      </c>
      <c r="C105" s="14">
        <v>36</v>
      </c>
      <c r="D105" s="18">
        <v>58</v>
      </c>
    </row>
    <row r="106" spans="1:4" ht="18" customHeight="1" x14ac:dyDescent="0.15">
      <c r="A106" s="5">
        <v>83</v>
      </c>
      <c r="B106" s="22">
        <v>45</v>
      </c>
      <c r="C106" s="14">
        <v>53</v>
      </c>
      <c r="D106" s="18">
        <v>98</v>
      </c>
    </row>
    <row r="107" spans="1:4" ht="18" customHeight="1" x14ac:dyDescent="0.15">
      <c r="A107" s="5">
        <v>84</v>
      </c>
      <c r="B107" s="22">
        <v>37</v>
      </c>
      <c r="C107" s="14">
        <v>46</v>
      </c>
      <c r="D107" s="18">
        <v>83</v>
      </c>
    </row>
    <row r="108" spans="1:4" ht="18" customHeight="1" x14ac:dyDescent="0.15">
      <c r="A108" s="5" t="s">
        <v>35</v>
      </c>
      <c r="B108" s="22">
        <v>186</v>
      </c>
      <c r="C108" s="14">
        <v>238</v>
      </c>
      <c r="D108" s="18">
        <v>424</v>
      </c>
    </row>
    <row r="109" spans="1:4" ht="18" customHeight="1" x14ac:dyDescent="0.15">
      <c r="A109" s="5">
        <v>85</v>
      </c>
      <c r="B109" s="22">
        <v>24</v>
      </c>
      <c r="C109" s="14">
        <v>41</v>
      </c>
      <c r="D109" s="18">
        <v>65</v>
      </c>
    </row>
    <row r="110" spans="1:4" ht="18" customHeight="1" x14ac:dyDescent="0.15">
      <c r="A110" s="5">
        <v>86</v>
      </c>
      <c r="B110" s="22">
        <v>15</v>
      </c>
      <c r="C110" s="14">
        <v>26</v>
      </c>
      <c r="D110" s="18">
        <v>41</v>
      </c>
    </row>
    <row r="111" spans="1:4" ht="18" customHeight="1" x14ac:dyDescent="0.15">
      <c r="A111" s="5">
        <v>87</v>
      </c>
      <c r="B111" s="22">
        <v>13</v>
      </c>
      <c r="C111" s="14">
        <v>27</v>
      </c>
      <c r="D111" s="18">
        <v>40</v>
      </c>
    </row>
    <row r="112" spans="1:4" ht="18" customHeight="1" x14ac:dyDescent="0.15">
      <c r="A112" s="5">
        <v>88</v>
      </c>
      <c r="B112" s="22">
        <v>18</v>
      </c>
      <c r="C112" s="14">
        <v>29</v>
      </c>
      <c r="D112" s="18">
        <v>47</v>
      </c>
    </row>
    <row r="113" spans="1:4" ht="18" customHeight="1" x14ac:dyDescent="0.15">
      <c r="A113" s="5">
        <v>89</v>
      </c>
      <c r="B113" s="22">
        <v>18</v>
      </c>
      <c r="C113" s="14">
        <v>28</v>
      </c>
      <c r="D113" s="18">
        <v>46</v>
      </c>
    </row>
    <row r="114" spans="1:4" ht="18" customHeight="1" x14ac:dyDescent="0.15">
      <c r="A114" s="5" t="s">
        <v>37</v>
      </c>
      <c r="B114" s="22">
        <v>88</v>
      </c>
      <c r="C114" s="14">
        <v>151</v>
      </c>
      <c r="D114" s="18">
        <v>239</v>
      </c>
    </row>
    <row r="115" spans="1:4" ht="18" customHeight="1" x14ac:dyDescent="0.15">
      <c r="A115" s="5">
        <v>90</v>
      </c>
      <c r="B115" s="22">
        <v>11</v>
      </c>
      <c r="C115" s="14">
        <v>29</v>
      </c>
      <c r="D115" s="18">
        <v>40</v>
      </c>
    </row>
    <row r="116" spans="1:4" ht="18" customHeight="1" x14ac:dyDescent="0.15">
      <c r="A116" s="5">
        <v>91</v>
      </c>
      <c r="B116" s="22">
        <v>4</v>
      </c>
      <c r="C116" s="14">
        <v>17</v>
      </c>
      <c r="D116" s="18">
        <v>21</v>
      </c>
    </row>
    <row r="117" spans="1:4" ht="18" customHeight="1" x14ac:dyDescent="0.15">
      <c r="A117" s="5">
        <v>92</v>
      </c>
      <c r="B117" s="22">
        <v>2</v>
      </c>
      <c r="C117" s="14">
        <v>16</v>
      </c>
      <c r="D117" s="18">
        <v>18</v>
      </c>
    </row>
    <row r="118" spans="1:4" ht="18" customHeight="1" x14ac:dyDescent="0.15">
      <c r="A118" s="5">
        <v>93</v>
      </c>
      <c r="B118" s="22">
        <v>5</v>
      </c>
      <c r="C118" s="14">
        <v>20</v>
      </c>
      <c r="D118" s="18">
        <v>25</v>
      </c>
    </row>
    <row r="119" spans="1:4" ht="18" customHeight="1" x14ac:dyDescent="0.15">
      <c r="A119" s="5">
        <v>94</v>
      </c>
      <c r="B119" s="22">
        <v>8</v>
      </c>
      <c r="C119" s="14">
        <v>9</v>
      </c>
      <c r="D119" s="18">
        <v>17</v>
      </c>
    </row>
    <row r="120" spans="1:4" ht="18" customHeight="1" x14ac:dyDescent="0.15">
      <c r="A120" s="5" t="s">
        <v>39</v>
      </c>
      <c r="B120" s="22">
        <v>30</v>
      </c>
      <c r="C120" s="14">
        <v>91</v>
      </c>
      <c r="D120" s="18">
        <v>121</v>
      </c>
    </row>
    <row r="121" spans="1:4" ht="18" customHeight="1" x14ac:dyDescent="0.15">
      <c r="A121" s="5">
        <v>95</v>
      </c>
      <c r="B121" s="22">
        <v>2</v>
      </c>
      <c r="C121" s="14">
        <v>2</v>
      </c>
      <c r="D121" s="18">
        <v>4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5</v>
      </c>
      <c r="D125" s="18">
        <v>6</v>
      </c>
    </row>
    <row r="126" spans="1:4" ht="18" customHeight="1" x14ac:dyDescent="0.15">
      <c r="A126" s="5" t="s">
        <v>40</v>
      </c>
      <c r="B126" s="22">
        <v>5</v>
      </c>
      <c r="C126" s="14">
        <v>26</v>
      </c>
      <c r="D126" s="18">
        <v>3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071</v>
      </c>
      <c r="C130" s="14">
        <v>1353</v>
      </c>
      <c r="D130" s="18">
        <v>2424</v>
      </c>
    </row>
    <row r="131" spans="1:4" ht="18" customHeight="1" x14ac:dyDescent="0.15">
      <c r="A131" s="7" t="s">
        <v>45</v>
      </c>
      <c r="B131" s="23">
        <v>3671</v>
      </c>
      <c r="C131" s="15">
        <v>3773</v>
      </c>
      <c r="D131" s="19">
        <v>74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</v>
      </c>
      <c r="C5" s="13">
        <v>3</v>
      </c>
      <c r="D5" s="17">
        <v>8</v>
      </c>
    </row>
    <row r="6" spans="1:4" ht="18" customHeight="1" x14ac:dyDescent="0.15">
      <c r="A6" s="5">
        <v>1</v>
      </c>
      <c r="B6" s="22">
        <v>7</v>
      </c>
      <c r="C6" s="14">
        <v>6</v>
      </c>
      <c r="D6" s="18">
        <v>13</v>
      </c>
    </row>
    <row r="7" spans="1:4" ht="18" customHeight="1" x14ac:dyDescent="0.15">
      <c r="A7" s="5">
        <v>2</v>
      </c>
      <c r="B7" s="22">
        <v>7</v>
      </c>
      <c r="C7" s="14">
        <v>6</v>
      </c>
      <c r="D7" s="18">
        <v>13</v>
      </c>
    </row>
    <row r="8" spans="1:4" ht="18" customHeight="1" x14ac:dyDescent="0.15">
      <c r="A8" s="5">
        <v>3</v>
      </c>
      <c r="B8" s="22">
        <v>5</v>
      </c>
      <c r="C8" s="14">
        <v>3</v>
      </c>
      <c r="D8" s="18">
        <v>8</v>
      </c>
    </row>
    <row r="9" spans="1:4" ht="18" customHeight="1" x14ac:dyDescent="0.15">
      <c r="A9" s="5">
        <v>4</v>
      </c>
      <c r="B9" s="22">
        <v>6</v>
      </c>
      <c r="C9" s="14">
        <v>2</v>
      </c>
      <c r="D9" s="18">
        <v>8</v>
      </c>
    </row>
    <row r="10" spans="1:4" ht="18" customHeight="1" x14ac:dyDescent="0.15">
      <c r="A10" s="5" t="s">
        <v>7</v>
      </c>
      <c r="B10" s="22">
        <v>30</v>
      </c>
      <c r="C10" s="14">
        <v>20</v>
      </c>
      <c r="D10" s="18">
        <v>50</v>
      </c>
    </row>
    <row r="11" spans="1:4" ht="18" customHeight="1" x14ac:dyDescent="0.15">
      <c r="A11" s="5">
        <v>5</v>
      </c>
      <c r="B11" s="22">
        <v>5</v>
      </c>
      <c r="C11" s="14">
        <v>1</v>
      </c>
      <c r="D11" s="18">
        <v>6</v>
      </c>
    </row>
    <row r="12" spans="1:4" ht="18" customHeight="1" x14ac:dyDescent="0.15">
      <c r="A12" s="5">
        <v>6</v>
      </c>
      <c r="B12" s="22">
        <v>8</v>
      </c>
      <c r="C12" s="14">
        <v>5</v>
      </c>
      <c r="D12" s="18">
        <v>13</v>
      </c>
    </row>
    <row r="13" spans="1:4" ht="18" customHeight="1" x14ac:dyDescent="0.15">
      <c r="A13" s="5">
        <v>7</v>
      </c>
      <c r="B13" s="22">
        <v>4</v>
      </c>
      <c r="C13" s="14">
        <v>4</v>
      </c>
      <c r="D13" s="18">
        <v>8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27</v>
      </c>
      <c r="C16" s="14">
        <v>17</v>
      </c>
      <c r="D16" s="18">
        <v>44</v>
      </c>
    </row>
    <row r="17" spans="1:4" ht="18" customHeight="1" x14ac:dyDescent="0.15">
      <c r="A17" s="5">
        <v>10</v>
      </c>
      <c r="B17" s="22">
        <v>12</v>
      </c>
      <c r="C17" s="14">
        <v>7</v>
      </c>
      <c r="D17" s="18">
        <v>19</v>
      </c>
    </row>
    <row r="18" spans="1:4" ht="18" customHeight="1" x14ac:dyDescent="0.15">
      <c r="A18" s="5">
        <v>11</v>
      </c>
      <c r="B18" s="22">
        <v>3</v>
      </c>
      <c r="C18" s="14">
        <v>7</v>
      </c>
      <c r="D18" s="18">
        <v>10</v>
      </c>
    </row>
    <row r="19" spans="1:4" ht="18" customHeight="1" x14ac:dyDescent="0.15">
      <c r="A19" s="5">
        <v>12</v>
      </c>
      <c r="B19" s="22">
        <v>6</v>
      </c>
      <c r="C19" s="14">
        <v>8</v>
      </c>
      <c r="D19" s="18">
        <v>14</v>
      </c>
    </row>
    <row r="20" spans="1:4" ht="18" customHeight="1" x14ac:dyDescent="0.15">
      <c r="A20" s="5">
        <v>13</v>
      </c>
      <c r="B20" s="22">
        <v>10</v>
      </c>
      <c r="C20" s="14">
        <v>10</v>
      </c>
      <c r="D20" s="18">
        <v>20</v>
      </c>
    </row>
    <row r="21" spans="1:4" ht="18" customHeight="1" x14ac:dyDescent="0.15">
      <c r="A21" s="5">
        <v>14</v>
      </c>
      <c r="B21" s="22">
        <v>7</v>
      </c>
      <c r="C21" s="14">
        <v>10</v>
      </c>
      <c r="D21" s="18">
        <v>17</v>
      </c>
    </row>
    <row r="22" spans="1:4" ht="18" customHeight="1" x14ac:dyDescent="0.15">
      <c r="A22" s="5" t="s">
        <v>12</v>
      </c>
      <c r="B22" s="22">
        <v>38</v>
      </c>
      <c r="C22" s="14">
        <v>42</v>
      </c>
      <c r="D22" s="18">
        <v>80</v>
      </c>
    </row>
    <row r="23" spans="1:4" ht="18" customHeight="1" x14ac:dyDescent="0.15">
      <c r="A23" s="5" t="s">
        <v>6</v>
      </c>
      <c r="B23" s="22">
        <v>95</v>
      </c>
      <c r="C23" s="14">
        <v>79</v>
      </c>
      <c r="D23" s="18">
        <v>174</v>
      </c>
    </row>
    <row r="24" spans="1:4" ht="18" customHeight="1" x14ac:dyDescent="0.15">
      <c r="A24" s="5">
        <v>15</v>
      </c>
      <c r="B24" s="22">
        <v>10</v>
      </c>
      <c r="C24" s="14">
        <v>7</v>
      </c>
      <c r="D24" s="18">
        <v>17</v>
      </c>
    </row>
    <row r="25" spans="1:4" ht="18" customHeight="1" x14ac:dyDescent="0.15">
      <c r="A25" s="5">
        <v>16</v>
      </c>
      <c r="B25" s="22">
        <v>4</v>
      </c>
      <c r="C25" s="14">
        <v>11</v>
      </c>
      <c r="D25" s="18">
        <v>15</v>
      </c>
    </row>
    <row r="26" spans="1:4" ht="18" customHeight="1" x14ac:dyDescent="0.15">
      <c r="A26" s="5">
        <v>17</v>
      </c>
      <c r="B26" s="22">
        <v>10</v>
      </c>
      <c r="C26" s="14">
        <v>8</v>
      </c>
      <c r="D26" s="18">
        <v>18</v>
      </c>
    </row>
    <row r="27" spans="1:4" ht="18" customHeight="1" x14ac:dyDescent="0.15">
      <c r="A27" s="5">
        <v>18</v>
      </c>
      <c r="B27" s="22">
        <v>7</v>
      </c>
      <c r="C27" s="14">
        <v>8</v>
      </c>
      <c r="D27" s="18">
        <v>15</v>
      </c>
    </row>
    <row r="28" spans="1:4" ht="18" customHeight="1" x14ac:dyDescent="0.15">
      <c r="A28" s="5">
        <v>19</v>
      </c>
      <c r="B28" s="22">
        <v>9</v>
      </c>
      <c r="C28" s="14">
        <v>12</v>
      </c>
      <c r="D28" s="18">
        <v>21</v>
      </c>
    </row>
    <row r="29" spans="1:4" ht="18" customHeight="1" x14ac:dyDescent="0.15">
      <c r="A29" s="5" t="s">
        <v>14</v>
      </c>
      <c r="B29" s="22">
        <v>40</v>
      </c>
      <c r="C29" s="14">
        <v>46</v>
      </c>
      <c r="D29" s="18">
        <v>86</v>
      </c>
    </row>
    <row r="30" spans="1:4" ht="18" customHeight="1" x14ac:dyDescent="0.15">
      <c r="A30" s="5">
        <v>20</v>
      </c>
      <c r="B30" s="22">
        <v>12</v>
      </c>
      <c r="C30" s="14">
        <v>15</v>
      </c>
      <c r="D30" s="18">
        <v>27</v>
      </c>
    </row>
    <row r="31" spans="1:4" ht="18" customHeight="1" x14ac:dyDescent="0.15">
      <c r="A31" s="5">
        <v>21</v>
      </c>
      <c r="B31" s="22">
        <v>11</v>
      </c>
      <c r="C31" s="14">
        <v>5</v>
      </c>
      <c r="D31" s="18">
        <v>16</v>
      </c>
    </row>
    <row r="32" spans="1:4" ht="18" customHeight="1" x14ac:dyDescent="0.15">
      <c r="A32" s="5">
        <v>22</v>
      </c>
      <c r="B32" s="22">
        <v>14</v>
      </c>
      <c r="C32" s="14">
        <v>7</v>
      </c>
      <c r="D32" s="18">
        <v>21</v>
      </c>
    </row>
    <row r="33" spans="1:4" ht="18" customHeight="1" x14ac:dyDescent="0.15">
      <c r="A33" s="5">
        <v>23</v>
      </c>
      <c r="B33" s="22">
        <v>8</v>
      </c>
      <c r="C33" s="14">
        <v>9</v>
      </c>
      <c r="D33" s="18">
        <v>17</v>
      </c>
    </row>
    <row r="34" spans="1:4" ht="18" customHeight="1" x14ac:dyDescent="0.15">
      <c r="A34" s="5">
        <v>24</v>
      </c>
      <c r="B34" s="22">
        <v>10</v>
      </c>
      <c r="C34" s="14">
        <v>6</v>
      </c>
      <c r="D34" s="18">
        <v>16</v>
      </c>
    </row>
    <row r="35" spans="1:4" ht="18" customHeight="1" x14ac:dyDescent="0.15">
      <c r="A35" s="5" t="s">
        <v>9</v>
      </c>
      <c r="B35" s="22">
        <v>55</v>
      </c>
      <c r="C35" s="14">
        <v>42</v>
      </c>
      <c r="D35" s="18">
        <v>97</v>
      </c>
    </row>
    <row r="36" spans="1:4" ht="18" customHeight="1" x14ac:dyDescent="0.15">
      <c r="A36" s="5">
        <v>25</v>
      </c>
      <c r="B36" s="22">
        <v>4</v>
      </c>
      <c r="C36" s="14">
        <v>8</v>
      </c>
      <c r="D36" s="18">
        <v>12</v>
      </c>
    </row>
    <row r="37" spans="1:4" ht="18" customHeight="1" x14ac:dyDescent="0.15">
      <c r="A37" s="5">
        <v>26</v>
      </c>
      <c r="B37" s="22">
        <v>8</v>
      </c>
      <c r="C37" s="14">
        <v>8</v>
      </c>
      <c r="D37" s="18">
        <v>16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8</v>
      </c>
      <c r="C39" s="14">
        <v>11</v>
      </c>
      <c r="D39" s="18">
        <v>19</v>
      </c>
    </row>
    <row r="40" spans="1:4" ht="18" customHeight="1" x14ac:dyDescent="0.15">
      <c r="A40" s="5">
        <v>29</v>
      </c>
      <c r="B40" s="22">
        <v>6</v>
      </c>
      <c r="C40" s="14">
        <v>4</v>
      </c>
      <c r="D40" s="18">
        <v>10</v>
      </c>
    </row>
    <row r="41" spans="1:4" ht="18" customHeight="1" x14ac:dyDescent="0.15">
      <c r="A41" s="5" t="s">
        <v>2</v>
      </c>
      <c r="B41" s="22">
        <v>31</v>
      </c>
      <c r="C41" s="14">
        <v>33</v>
      </c>
      <c r="D41" s="18">
        <v>64</v>
      </c>
    </row>
    <row r="42" spans="1:4" ht="18" customHeight="1" x14ac:dyDescent="0.15">
      <c r="A42" s="5">
        <v>30</v>
      </c>
      <c r="B42" s="22">
        <v>7</v>
      </c>
      <c r="C42" s="14">
        <v>6</v>
      </c>
      <c r="D42" s="18">
        <v>13</v>
      </c>
    </row>
    <row r="43" spans="1:4" ht="18" customHeight="1" x14ac:dyDescent="0.15">
      <c r="A43" s="5">
        <v>31</v>
      </c>
      <c r="B43" s="22">
        <v>4</v>
      </c>
      <c r="C43" s="14">
        <v>7</v>
      </c>
      <c r="D43" s="18">
        <v>11</v>
      </c>
    </row>
    <row r="44" spans="1:4" ht="18" customHeight="1" x14ac:dyDescent="0.15">
      <c r="A44" s="5">
        <v>32</v>
      </c>
      <c r="B44" s="22">
        <v>6</v>
      </c>
      <c r="C44" s="14">
        <v>5</v>
      </c>
      <c r="D44" s="18">
        <v>11</v>
      </c>
    </row>
    <row r="45" spans="1:4" ht="18" customHeight="1" x14ac:dyDescent="0.15">
      <c r="A45" s="5">
        <v>33</v>
      </c>
      <c r="B45" s="22">
        <v>9</v>
      </c>
      <c r="C45" s="14">
        <v>11</v>
      </c>
      <c r="D45" s="18">
        <v>20</v>
      </c>
    </row>
    <row r="46" spans="1:4" ht="18" customHeight="1" x14ac:dyDescent="0.15">
      <c r="A46" s="5">
        <v>34</v>
      </c>
      <c r="B46" s="22">
        <v>7</v>
      </c>
      <c r="C46" s="14">
        <v>9</v>
      </c>
      <c r="D46" s="18">
        <v>16</v>
      </c>
    </row>
    <row r="47" spans="1:4" ht="18" customHeight="1" x14ac:dyDescent="0.15">
      <c r="A47" s="5" t="s">
        <v>15</v>
      </c>
      <c r="B47" s="22">
        <v>33</v>
      </c>
      <c r="C47" s="14">
        <v>38</v>
      </c>
      <c r="D47" s="18">
        <v>71</v>
      </c>
    </row>
    <row r="48" spans="1:4" ht="18" customHeight="1" x14ac:dyDescent="0.15">
      <c r="A48" s="5">
        <v>35</v>
      </c>
      <c r="B48" s="22">
        <v>9</v>
      </c>
      <c r="C48" s="14">
        <v>9</v>
      </c>
      <c r="D48" s="18">
        <v>18</v>
      </c>
    </row>
    <row r="49" spans="1:4" ht="18" customHeight="1" x14ac:dyDescent="0.15">
      <c r="A49" s="5">
        <v>36</v>
      </c>
      <c r="B49" s="22">
        <v>5</v>
      </c>
      <c r="C49" s="14">
        <v>7</v>
      </c>
      <c r="D49" s="18">
        <v>12</v>
      </c>
    </row>
    <row r="50" spans="1:4" ht="18" customHeight="1" x14ac:dyDescent="0.15">
      <c r="A50" s="5">
        <v>37</v>
      </c>
      <c r="B50" s="22">
        <v>6</v>
      </c>
      <c r="C50" s="14">
        <v>8</v>
      </c>
      <c r="D50" s="18">
        <v>14</v>
      </c>
    </row>
    <row r="51" spans="1:4" ht="18" customHeight="1" x14ac:dyDescent="0.15">
      <c r="A51" s="5">
        <v>38</v>
      </c>
      <c r="B51" s="22">
        <v>7</v>
      </c>
      <c r="C51" s="14">
        <v>8</v>
      </c>
      <c r="D51" s="18">
        <v>15</v>
      </c>
    </row>
    <row r="52" spans="1:4" ht="18" customHeight="1" x14ac:dyDescent="0.15">
      <c r="A52" s="5">
        <v>39</v>
      </c>
      <c r="B52" s="22">
        <v>8</v>
      </c>
      <c r="C52" s="14">
        <v>5</v>
      </c>
      <c r="D52" s="18">
        <v>13</v>
      </c>
    </row>
    <row r="53" spans="1:4" ht="18" customHeight="1" x14ac:dyDescent="0.15">
      <c r="A53" s="5" t="s">
        <v>18</v>
      </c>
      <c r="B53" s="22">
        <v>35</v>
      </c>
      <c r="C53" s="14">
        <v>37</v>
      </c>
      <c r="D53" s="18">
        <v>72</v>
      </c>
    </row>
    <row r="54" spans="1:4" ht="18" customHeight="1" x14ac:dyDescent="0.15">
      <c r="A54" s="5">
        <v>40</v>
      </c>
      <c r="B54" s="22">
        <v>9</v>
      </c>
      <c r="C54" s="14">
        <v>9</v>
      </c>
      <c r="D54" s="18">
        <v>18</v>
      </c>
    </row>
    <row r="55" spans="1:4" ht="18" customHeight="1" x14ac:dyDescent="0.15">
      <c r="A55" s="5">
        <v>41</v>
      </c>
      <c r="B55" s="22">
        <v>13</v>
      </c>
      <c r="C55" s="14">
        <v>5</v>
      </c>
      <c r="D55" s="18">
        <v>18</v>
      </c>
    </row>
    <row r="56" spans="1:4" ht="18" customHeight="1" x14ac:dyDescent="0.15">
      <c r="A56" s="5">
        <v>42</v>
      </c>
      <c r="B56" s="22">
        <v>9</v>
      </c>
      <c r="C56" s="14">
        <v>11</v>
      </c>
      <c r="D56" s="18">
        <v>20</v>
      </c>
    </row>
    <row r="57" spans="1:4" ht="18" customHeight="1" x14ac:dyDescent="0.15">
      <c r="A57" s="5">
        <v>43</v>
      </c>
      <c r="B57" s="22">
        <v>13</v>
      </c>
      <c r="C57" s="14">
        <v>12</v>
      </c>
      <c r="D57" s="18">
        <v>25</v>
      </c>
    </row>
    <row r="58" spans="1:4" ht="18" customHeight="1" x14ac:dyDescent="0.15">
      <c r="A58" s="5">
        <v>44</v>
      </c>
      <c r="B58" s="22">
        <v>5</v>
      </c>
      <c r="C58" s="14">
        <v>12</v>
      </c>
      <c r="D58" s="18">
        <v>17</v>
      </c>
    </row>
    <row r="59" spans="1:4" ht="18" customHeight="1" x14ac:dyDescent="0.15">
      <c r="A59" s="5" t="s">
        <v>21</v>
      </c>
      <c r="B59" s="22">
        <v>49</v>
      </c>
      <c r="C59" s="14">
        <v>49</v>
      </c>
      <c r="D59" s="18">
        <v>98</v>
      </c>
    </row>
    <row r="60" spans="1:4" ht="18" customHeight="1" x14ac:dyDescent="0.15">
      <c r="A60" s="5">
        <v>45</v>
      </c>
      <c r="B60" s="22">
        <v>14</v>
      </c>
      <c r="C60" s="14">
        <v>13</v>
      </c>
      <c r="D60" s="18">
        <v>27</v>
      </c>
    </row>
    <row r="61" spans="1:4" ht="18" customHeight="1" x14ac:dyDescent="0.15">
      <c r="A61" s="5">
        <v>46</v>
      </c>
      <c r="B61" s="22">
        <v>22</v>
      </c>
      <c r="C61" s="14">
        <v>17</v>
      </c>
      <c r="D61" s="18">
        <v>39</v>
      </c>
    </row>
    <row r="62" spans="1:4" ht="18" customHeight="1" x14ac:dyDescent="0.15">
      <c r="A62" s="5">
        <v>47</v>
      </c>
      <c r="B62" s="22">
        <v>16</v>
      </c>
      <c r="C62" s="14">
        <v>12</v>
      </c>
      <c r="D62" s="18">
        <v>28</v>
      </c>
    </row>
    <row r="63" spans="1:4" ht="18" customHeight="1" x14ac:dyDescent="0.15">
      <c r="A63" s="5">
        <v>48</v>
      </c>
      <c r="B63" s="22">
        <v>17</v>
      </c>
      <c r="C63" s="14">
        <v>17</v>
      </c>
      <c r="D63" s="18">
        <v>34</v>
      </c>
    </row>
    <row r="64" spans="1:4" ht="18" customHeight="1" x14ac:dyDescent="0.15">
      <c r="A64" s="5">
        <v>49</v>
      </c>
      <c r="B64" s="22">
        <v>12</v>
      </c>
      <c r="C64" s="14">
        <v>12</v>
      </c>
      <c r="D64" s="18">
        <v>24</v>
      </c>
    </row>
    <row r="65" spans="1:4" ht="18" customHeight="1" x14ac:dyDescent="0.15">
      <c r="A65" s="5" t="s">
        <v>17</v>
      </c>
      <c r="B65" s="22">
        <v>81</v>
      </c>
      <c r="C65" s="14">
        <v>71</v>
      </c>
      <c r="D65" s="18">
        <v>152</v>
      </c>
    </row>
    <row r="66" spans="1:4" ht="18" customHeight="1" x14ac:dyDescent="0.15">
      <c r="A66" s="5">
        <v>50</v>
      </c>
      <c r="B66" s="22">
        <v>16</v>
      </c>
      <c r="C66" s="14">
        <v>10</v>
      </c>
      <c r="D66" s="18">
        <v>26</v>
      </c>
    </row>
    <row r="67" spans="1:4" ht="18" customHeight="1" x14ac:dyDescent="0.15">
      <c r="A67" s="5">
        <v>51</v>
      </c>
      <c r="B67" s="22">
        <v>20</v>
      </c>
      <c r="C67" s="14">
        <v>24</v>
      </c>
      <c r="D67" s="18">
        <v>44</v>
      </c>
    </row>
    <row r="68" spans="1:4" ht="18" customHeight="1" x14ac:dyDescent="0.15">
      <c r="A68" s="5">
        <v>52</v>
      </c>
      <c r="B68" s="22">
        <v>18</v>
      </c>
      <c r="C68" s="14">
        <v>23</v>
      </c>
      <c r="D68" s="18">
        <v>41</v>
      </c>
    </row>
    <row r="69" spans="1:4" ht="18" customHeight="1" x14ac:dyDescent="0.15">
      <c r="A69" s="5">
        <v>53</v>
      </c>
      <c r="B69" s="22">
        <v>17</v>
      </c>
      <c r="C69" s="14">
        <v>16</v>
      </c>
      <c r="D69" s="18">
        <v>33</v>
      </c>
    </row>
    <row r="70" spans="1:4" ht="18" customHeight="1" x14ac:dyDescent="0.15">
      <c r="A70" s="5">
        <v>54</v>
      </c>
      <c r="B70" s="22">
        <v>31</v>
      </c>
      <c r="C70" s="14">
        <v>23</v>
      </c>
      <c r="D70" s="18">
        <v>54</v>
      </c>
    </row>
    <row r="71" spans="1:4" ht="18" customHeight="1" x14ac:dyDescent="0.15">
      <c r="A71" s="5" t="s">
        <v>22</v>
      </c>
      <c r="B71" s="22">
        <v>102</v>
      </c>
      <c r="C71" s="14">
        <v>96</v>
      </c>
      <c r="D71" s="18">
        <v>198</v>
      </c>
    </row>
    <row r="72" spans="1:4" ht="18" customHeight="1" x14ac:dyDescent="0.15">
      <c r="A72" s="5">
        <v>55</v>
      </c>
      <c r="B72" s="22">
        <v>16</v>
      </c>
      <c r="C72" s="14">
        <v>13</v>
      </c>
      <c r="D72" s="18">
        <v>29</v>
      </c>
    </row>
    <row r="73" spans="1:4" ht="18" customHeight="1" x14ac:dyDescent="0.15">
      <c r="A73" s="5">
        <v>56</v>
      </c>
      <c r="B73" s="22">
        <v>8</v>
      </c>
      <c r="C73" s="14">
        <v>19</v>
      </c>
      <c r="D73" s="18">
        <v>27</v>
      </c>
    </row>
    <row r="74" spans="1:4" ht="18" customHeight="1" x14ac:dyDescent="0.15">
      <c r="A74" s="5">
        <v>57</v>
      </c>
      <c r="B74" s="22">
        <v>19</v>
      </c>
      <c r="C74" s="14">
        <v>13</v>
      </c>
      <c r="D74" s="18">
        <v>32</v>
      </c>
    </row>
    <row r="75" spans="1:4" ht="18" customHeight="1" x14ac:dyDescent="0.15">
      <c r="A75" s="5">
        <v>58</v>
      </c>
      <c r="B75" s="22">
        <v>15</v>
      </c>
      <c r="C75" s="14">
        <v>13</v>
      </c>
      <c r="D75" s="18">
        <v>28</v>
      </c>
    </row>
    <row r="76" spans="1:4" ht="18" customHeight="1" x14ac:dyDescent="0.15">
      <c r="A76" s="5">
        <v>59</v>
      </c>
      <c r="B76" s="22">
        <v>12</v>
      </c>
      <c r="C76" s="14">
        <v>15</v>
      </c>
      <c r="D76" s="18">
        <v>27</v>
      </c>
    </row>
    <row r="77" spans="1:4" ht="18" customHeight="1" x14ac:dyDescent="0.15">
      <c r="A77" s="5" t="s">
        <v>27</v>
      </c>
      <c r="B77" s="22">
        <v>70</v>
      </c>
      <c r="C77" s="14">
        <v>73</v>
      </c>
      <c r="D77" s="18">
        <v>143</v>
      </c>
    </row>
    <row r="78" spans="1:4" ht="18" customHeight="1" x14ac:dyDescent="0.15">
      <c r="A78" s="5">
        <v>60</v>
      </c>
      <c r="B78" s="22">
        <v>21</v>
      </c>
      <c r="C78" s="14">
        <v>17</v>
      </c>
      <c r="D78" s="18">
        <v>38</v>
      </c>
    </row>
    <row r="79" spans="1:4" ht="18" customHeight="1" x14ac:dyDescent="0.15">
      <c r="A79" s="5">
        <v>61</v>
      </c>
      <c r="B79" s="22">
        <v>15</v>
      </c>
      <c r="C79" s="14">
        <v>12</v>
      </c>
      <c r="D79" s="18">
        <v>27</v>
      </c>
    </row>
    <row r="80" spans="1:4" ht="18" customHeight="1" x14ac:dyDescent="0.15">
      <c r="A80" s="5">
        <v>62</v>
      </c>
      <c r="B80" s="22">
        <v>16</v>
      </c>
      <c r="C80" s="14">
        <v>5</v>
      </c>
      <c r="D80" s="18">
        <v>21</v>
      </c>
    </row>
    <row r="81" spans="1:4" ht="18" customHeight="1" x14ac:dyDescent="0.15">
      <c r="A81" s="5">
        <v>63</v>
      </c>
      <c r="B81" s="22">
        <v>11</v>
      </c>
      <c r="C81" s="14">
        <v>11</v>
      </c>
      <c r="D81" s="18">
        <v>22</v>
      </c>
    </row>
    <row r="82" spans="1:4" ht="18" customHeight="1" x14ac:dyDescent="0.15">
      <c r="A82" s="5">
        <v>64</v>
      </c>
      <c r="B82" s="22">
        <v>9</v>
      </c>
      <c r="C82" s="14">
        <v>14</v>
      </c>
      <c r="D82" s="18">
        <v>23</v>
      </c>
    </row>
    <row r="83" spans="1:4" ht="18" customHeight="1" x14ac:dyDescent="0.15">
      <c r="A83" s="5" t="s">
        <v>28</v>
      </c>
      <c r="B83" s="22">
        <v>72</v>
      </c>
      <c r="C83" s="14">
        <v>59</v>
      </c>
      <c r="D83" s="18">
        <v>131</v>
      </c>
    </row>
    <row r="84" spans="1:4" ht="18" customHeight="1" x14ac:dyDescent="0.15">
      <c r="A84" s="5" t="s">
        <v>31</v>
      </c>
      <c r="B84" s="22">
        <v>568</v>
      </c>
      <c r="C84" s="14">
        <v>544</v>
      </c>
      <c r="D84" s="18">
        <v>1112</v>
      </c>
    </row>
    <row r="85" spans="1:4" ht="18" customHeight="1" x14ac:dyDescent="0.15">
      <c r="A85" s="5">
        <v>65</v>
      </c>
      <c r="B85" s="22">
        <v>20</v>
      </c>
      <c r="C85" s="14">
        <v>8</v>
      </c>
      <c r="D85" s="18">
        <v>28</v>
      </c>
    </row>
    <row r="86" spans="1:4" ht="18" customHeight="1" x14ac:dyDescent="0.15">
      <c r="A86" s="5">
        <v>66</v>
      </c>
      <c r="B86" s="22">
        <v>12</v>
      </c>
      <c r="C86" s="14">
        <v>12</v>
      </c>
      <c r="D86" s="18">
        <v>24</v>
      </c>
    </row>
    <row r="87" spans="1:4" ht="18" customHeight="1" x14ac:dyDescent="0.15">
      <c r="A87" s="5">
        <v>67</v>
      </c>
      <c r="B87" s="22">
        <v>16</v>
      </c>
      <c r="C87" s="14">
        <v>20</v>
      </c>
      <c r="D87" s="18">
        <v>36</v>
      </c>
    </row>
    <row r="88" spans="1:4" ht="18" customHeight="1" x14ac:dyDescent="0.15">
      <c r="A88" s="5">
        <v>68</v>
      </c>
      <c r="B88" s="22">
        <v>9</v>
      </c>
      <c r="C88" s="14">
        <v>13</v>
      </c>
      <c r="D88" s="18">
        <v>22</v>
      </c>
    </row>
    <row r="89" spans="1:4" ht="18" customHeight="1" x14ac:dyDescent="0.15">
      <c r="A89" s="5">
        <v>69</v>
      </c>
      <c r="B89" s="22">
        <v>5</v>
      </c>
      <c r="C89" s="14">
        <v>19</v>
      </c>
      <c r="D89" s="18">
        <v>24</v>
      </c>
    </row>
    <row r="90" spans="1:4" ht="18" customHeight="1" x14ac:dyDescent="0.15">
      <c r="A90" s="5" t="s">
        <v>20</v>
      </c>
      <c r="B90" s="22">
        <v>62</v>
      </c>
      <c r="C90" s="14">
        <v>72</v>
      </c>
      <c r="D90" s="18">
        <v>134</v>
      </c>
    </row>
    <row r="91" spans="1:4" ht="18" customHeight="1" x14ac:dyDescent="0.15">
      <c r="A91" s="5">
        <v>70</v>
      </c>
      <c r="B91" s="22">
        <v>14</v>
      </c>
      <c r="C91" s="14">
        <v>17</v>
      </c>
      <c r="D91" s="18">
        <v>31</v>
      </c>
    </row>
    <row r="92" spans="1:4" ht="18" customHeight="1" x14ac:dyDescent="0.15">
      <c r="A92" s="5">
        <v>71</v>
      </c>
      <c r="B92" s="22">
        <v>12</v>
      </c>
      <c r="C92" s="14">
        <v>23</v>
      </c>
      <c r="D92" s="18">
        <v>35</v>
      </c>
    </row>
    <row r="93" spans="1:4" ht="18" customHeight="1" x14ac:dyDescent="0.15">
      <c r="A93" s="5">
        <v>72</v>
      </c>
      <c r="B93" s="22">
        <v>14</v>
      </c>
      <c r="C93" s="14">
        <v>31</v>
      </c>
      <c r="D93" s="18">
        <v>45</v>
      </c>
    </row>
    <row r="94" spans="1:4" ht="18" customHeight="1" x14ac:dyDescent="0.15">
      <c r="A94" s="5">
        <v>73</v>
      </c>
      <c r="B94" s="22">
        <v>26</v>
      </c>
      <c r="C94" s="14">
        <v>20</v>
      </c>
      <c r="D94" s="18">
        <v>46</v>
      </c>
    </row>
    <row r="95" spans="1:4" ht="18" customHeight="1" x14ac:dyDescent="0.15">
      <c r="A95" s="5">
        <v>74</v>
      </c>
      <c r="B95" s="22">
        <v>29</v>
      </c>
      <c r="C95" s="14">
        <v>24</v>
      </c>
      <c r="D95" s="18">
        <v>53</v>
      </c>
    </row>
    <row r="96" spans="1:4" ht="18" customHeight="1" x14ac:dyDescent="0.15">
      <c r="A96" s="5" t="s">
        <v>33</v>
      </c>
      <c r="B96" s="22">
        <v>95</v>
      </c>
      <c r="C96" s="14">
        <v>115</v>
      </c>
      <c r="D96" s="18">
        <v>210</v>
      </c>
    </row>
    <row r="97" spans="1:4" ht="18" customHeight="1" x14ac:dyDescent="0.15">
      <c r="A97" s="5">
        <v>75</v>
      </c>
      <c r="B97" s="22">
        <v>25</v>
      </c>
      <c r="C97" s="14">
        <v>22</v>
      </c>
      <c r="D97" s="18">
        <v>47</v>
      </c>
    </row>
    <row r="98" spans="1:4" ht="18" customHeight="1" x14ac:dyDescent="0.15">
      <c r="A98" s="5">
        <v>76</v>
      </c>
      <c r="B98" s="22">
        <v>31</v>
      </c>
      <c r="C98" s="14">
        <v>34</v>
      </c>
      <c r="D98" s="18">
        <v>65</v>
      </c>
    </row>
    <row r="99" spans="1:4" ht="18" customHeight="1" x14ac:dyDescent="0.15">
      <c r="A99" s="5">
        <v>77</v>
      </c>
      <c r="B99" s="22">
        <v>29</v>
      </c>
      <c r="C99" s="14">
        <v>27</v>
      </c>
      <c r="D99" s="18">
        <v>56</v>
      </c>
    </row>
    <row r="100" spans="1:4" ht="18" customHeight="1" x14ac:dyDescent="0.15">
      <c r="A100" s="5">
        <v>78</v>
      </c>
      <c r="B100" s="22">
        <v>23</v>
      </c>
      <c r="C100" s="14">
        <v>27</v>
      </c>
      <c r="D100" s="18">
        <v>50</v>
      </c>
    </row>
    <row r="101" spans="1:4" ht="18" customHeight="1" x14ac:dyDescent="0.15">
      <c r="A101" s="5">
        <v>79</v>
      </c>
      <c r="B101" s="22">
        <v>18</v>
      </c>
      <c r="C101" s="14">
        <v>34</v>
      </c>
      <c r="D101" s="18">
        <v>52</v>
      </c>
    </row>
    <row r="102" spans="1:4" ht="18" customHeight="1" x14ac:dyDescent="0.15">
      <c r="A102" s="5" t="s">
        <v>0</v>
      </c>
      <c r="B102" s="22">
        <v>126</v>
      </c>
      <c r="C102" s="14">
        <v>144</v>
      </c>
      <c r="D102" s="18">
        <v>270</v>
      </c>
    </row>
    <row r="103" spans="1:4" ht="18" customHeight="1" x14ac:dyDescent="0.15">
      <c r="A103" s="5">
        <v>80</v>
      </c>
      <c r="B103" s="22">
        <v>12</v>
      </c>
      <c r="C103" s="14">
        <v>25</v>
      </c>
      <c r="D103" s="18">
        <v>37</v>
      </c>
    </row>
    <row r="104" spans="1:4" ht="18" customHeight="1" x14ac:dyDescent="0.15">
      <c r="A104" s="5">
        <v>81</v>
      </c>
      <c r="B104" s="22">
        <v>15</v>
      </c>
      <c r="C104" s="14">
        <v>26</v>
      </c>
      <c r="D104" s="18">
        <v>41</v>
      </c>
    </row>
    <row r="105" spans="1:4" ht="18" customHeight="1" x14ac:dyDescent="0.15">
      <c r="A105" s="5">
        <v>82</v>
      </c>
      <c r="B105" s="22">
        <v>14</v>
      </c>
      <c r="C105" s="14">
        <v>21</v>
      </c>
      <c r="D105" s="18">
        <v>35</v>
      </c>
    </row>
    <row r="106" spans="1:4" ht="18" customHeight="1" x14ac:dyDescent="0.15">
      <c r="A106" s="5">
        <v>83</v>
      </c>
      <c r="B106" s="22">
        <v>12</v>
      </c>
      <c r="C106" s="14">
        <v>21</v>
      </c>
      <c r="D106" s="18">
        <v>33</v>
      </c>
    </row>
    <row r="107" spans="1:4" ht="18" customHeight="1" x14ac:dyDescent="0.15">
      <c r="A107" s="5">
        <v>84</v>
      </c>
      <c r="B107" s="22">
        <v>11</v>
      </c>
      <c r="C107" s="14">
        <v>24</v>
      </c>
      <c r="D107" s="18">
        <v>35</v>
      </c>
    </row>
    <row r="108" spans="1:4" ht="18" customHeight="1" x14ac:dyDescent="0.15">
      <c r="A108" s="5" t="s">
        <v>35</v>
      </c>
      <c r="B108" s="22">
        <v>64</v>
      </c>
      <c r="C108" s="14">
        <v>117</v>
      </c>
      <c r="D108" s="18">
        <v>181</v>
      </c>
    </row>
    <row r="109" spans="1:4" ht="18" customHeight="1" x14ac:dyDescent="0.15">
      <c r="A109" s="5">
        <v>85</v>
      </c>
      <c r="B109" s="22">
        <v>12</v>
      </c>
      <c r="C109" s="14">
        <v>17</v>
      </c>
      <c r="D109" s="18">
        <v>29</v>
      </c>
    </row>
    <row r="110" spans="1:4" ht="18" customHeight="1" x14ac:dyDescent="0.15">
      <c r="A110" s="5">
        <v>86</v>
      </c>
      <c r="B110" s="22">
        <v>9</v>
      </c>
      <c r="C110" s="14">
        <v>11</v>
      </c>
      <c r="D110" s="18">
        <v>20</v>
      </c>
    </row>
    <row r="111" spans="1:4" ht="18" customHeight="1" x14ac:dyDescent="0.15">
      <c r="A111" s="5">
        <v>87</v>
      </c>
      <c r="B111" s="22">
        <v>12</v>
      </c>
      <c r="C111" s="14">
        <v>11</v>
      </c>
      <c r="D111" s="18">
        <v>23</v>
      </c>
    </row>
    <row r="112" spans="1:4" ht="18" customHeight="1" x14ac:dyDescent="0.15">
      <c r="A112" s="5">
        <v>88</v>
      </c>
      <c r="B112" s="22">
        <v>8</v>
      </c>
      <c r="C112" s="14">
        <v>16</v>
      </c>
      <c r="D112" s="18">
        <v>24</v>
      </c>
    </row>
    <row r="113" spans="1:4" ht="18" customHeight="1" x14ac:dyDescent="0.15">
      <c r="A113" s="5">
        <v>89</v>
      </c>
      <c r="B113" s="22">
        <v>5</v>
      </c>
      <c r="C113" s="14">
        <v>13</v>
      </c>
      <c r="D113" s="18">
        <v>18</v>
      </c>
    </row>
    <row r="114" spans="1:4" ht="18" customHeight="1" x14ac:dyDescent="0.15">
      <c r="A114" s="5" t="s">
        <v>37</v>
      </c>
      <c r="B114" s="22">
        <v>46</v>
      </c>
      <c r="C114" s="14">
        <v>68</v>
      </c>
      <c r="D114" s="18">
        <v>114</v>
      </c>
    </row>
    <row r="115" spans="1:4" ht="18" customHeight="1" x14ac:dyDescent="0.15">
      <c r="A115" s="5">
        <v>90</v>
      </c>
      <c r="B115" s="22">
        <v>5</v>
      </c>
      <c r="C115" s="14">
        <v>13</v>
      </c>
      <c r="D115" s="18">
        <v>18</v>
      </c>
    </row>
    <row r="116" spans="1:4" ht="18" customHeight="1" x14ac:dyDescent="0.15">
      <c r="A116" s="5">
        <v>91</v>
      </c>
      <c r="B116" s="22">
        <v>1</v>
      </c>
      <c r="C116" s="14">
        <v>12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3</v>
      </c>
      <c r="C119" s="14">
        <v>6</v>
      </c>
      <c r="D119" s="18">
        <v>9</v>
      </c>
    </row>
    <row r="120" spans="1:4" ht="18" customHeight="1" x14ac:dyDescent="0.15">
      <c r="A120" s="5" t="s">
        <v>39</v>
      </c>
      <c r="B120" s="22">
        <v>13</v>
      </c>
      <c r="C120" s="14">
        <v>45</v>
      </c>
      <c r="D120" s="18">
        <v>58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3</v>
      </c>
      <c r="C123" s="14">
        <v>1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5</v>
      </c>
      <c r="C126" s="14">
        <v>18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11</v>
      </c>
      <c r="C130" s="14">
        <v>581</v>
      </c>
      <c r="D130" s="18">
        <v>992</v>
      </c>
    </row>
    <row r="131" spans="1:4" ht="18" customHeight="1" x14ac:dyDescent="0.15">
      <c r="A131" s="7" t="s">
        <v>45</v>
      </c>
      <c r="B131" s="23">
        <v>1074</v>
      </c>
      <c r="C131" s="15">
        <v>1204</v>
      </c>
      <c r="D131" s="19">
        <v>22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2</v>
      </c>
      <c r="C5" s="13">
        <v>11</v>
      </c>
      <c r="D5" s="17">
        <v>23</v>
      </c>
    </row>
    <row r="6" spans="1:4" ht="18" customHeight="1" x14ac:dyDescent="0.15">
      <c r="A6" s="5">
        <v>1</v>
      </c>
      <c r="B6" s="22">
        <v>5</v>
      </c>
      <c r="C6" s="14">
        <v>10</v>
      </c>
      <c r="D6" s="18">
        <v>15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10</v>
      </c>
      <c r="C8" s="14">
        <v>12</v>
      </c>
      <c r="D8" s="18">
        <v>22</v>
      </c>
    </row>
    <row r="9" spans="1:4" ht="18" customHeight="1" x14ac:dyDescent="0.15">
      <c r="A9" s="5">
        <v>4</v>
      </c>
      <c r="B9" s="22">
        <v>12</v>
      </c>
      <c r="C9" s="14">
        <v>9</v>
      </c>
      <c r="D9" s="18">
        <v>21</v>
      </c>
    </row>
    <row r="10" spans="1:4" ht="18" customHeight="1" x14ac:dyDescent="0.15">
      <c r="A10" s="5" t="s">
        <v>7</v>
      </c>
      <c r="B10" s="22">
        <v>46</v>
      </c>
      <c r="C10" s="14">
        <v>53</v>
      </c>
      <c r="D10" s="18">
        <v>99</v>
      </c>
    </row>
    <row r="11" spans="1:4" ht="18" customHeight="1" x14ac:dyDescent="0.15">
      <c r="A11" s="5">
        <v>5</v>
      </c>
      <c r="B11" s="22">
        <v>7</v>
      </c>
      <c r="C11" s="14">
        <v>6</v>
      </c>
      <c r="D11" s="18">
        <v>13</v>
      </c>
    </row>
    <row r="12" spans="1:4" ht="18" customHeight="1" x14ac:dyDescent="0.15">
      <c r="A12" s="5">
        <v>6</v>
      </c>
      <c r="B12" s="22">
        <v>14</v>
      </c>
      <c r="C12" s="14">
        <v>5</v>
      </c>
      <c r="D12" s="18">
        <v>19</v>
      </c>
    </row>
    <row r="13" spans="1:4" ht="18" customHeight="1" x14ac:dyDescent="0.15">
      <c r="A13" s="5">
        <v>7</v>
      </c>
      <c r="B13" s="22">
        <v>12</v>
      </c>
      <c r="C13" s="14">
        <v>16</v>
      </c>
      <c r="D13" s="18">
        <v>28</v>
      </c>
    </row>
    <row r="14" spans="1:4" ht="18" customHeight="1" x14ac:dyDescent="0.15">
      <c r="A14" s="5">
        <v>8</v>
      </c>
      <c r="B14" s="22">
        <v>10</v>
      </c>
      <c r="C14" s="14">
        <v>14</v>
      </c>
      <c r="D14" s="18">
        <v>24</v>
      </c>
    </row>
    <row r="15" spans="1:4" ht="18" customHeight="1" x14ac:dyDescent="0.15">
      <c r="A15" s="5">
        <v>9</v>
      </c>
      <c r="B15" s="22">
        <v>14</v>
      </c>
      <c r="C15" s="14">
        <v>12</v>
      </c>
      <c r="D15" s="18">
        <v>26</v>
      </c>
    </row>
    <row r="16" spans="1:4" ht="18" customHeight="1" x14ac:dyDescent="0.15">
      <c r="A16" s="5" t="s">
        <v>11</v>
      </c>
      <c r="B16" s="22">
        <v>57</v>
      </c>
      <c r="C16" s="14">
        <v>53</v>
      </c>
      <c r="D16" s="18">
        <v>110</v>
      </c>
    </row>
    <row r="17" spans="1:4" ht="18" customHeight="1" x14ac:dyDescent="0.15">
      <c r="A17" s="5">
        <v>10</v>
      </c>
      <c r="B17" s="22">
        <v>12</v>
      </c>
      <c r="C17" s="14">
        <v>8</v>
      </c>
      <c r="D17" s="18">
        <v>20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9</v>
      </c>
      <c r="C19" s="14">
        <v>15</v>
      </c>
      <c r="D19" s="18">
        <v>24</v>
      </c>
    </row>
    <row r="20" spans="1:4" ht="18" customHeight="1" x14ac:dyDescent="0.15">
      <c r="A20" s="5">
        <v>13</v>
      </c>
      <c r="B20" s="22">
        <v>10</v>
      </c>
      <c r="C20" s="14">
        <v>10</v>
      </c>
      <c r="D20" s="18">
        <v>20</v>
      </c>
    </row>
    <row r="21" spans="1:4" ht="18" customHeight="1" x14ac:dyDescent="0.15">
      <c r="A21" s="5">
        <v>14</v>
      </c>
      <c r="B21" s="22">
        <v>10</v>
      </c>
      <c r="C21" s="14">
        <v>14</v>
      </c>
      <c r="D21" s="18">
        <v>24</v>
      </c>
    </row>
    <row r="22" spans="1:4" ht="18" customHeight="1" x14ac:dyDescent="0.15">
      <c r="A22" s="5" t="s">
        <v>12</v>
      </c>
      <c r="B22" s="22">
        <v>53</v>
      </c>
      <c r="C22" s="14">
        <v>55</v>
      </c>
      <c r="D22" s="18">
        <v>108</v>
      </c>
    </row>
    <row r="23" spans="1:4" ht="18" customHeight="1" x14ac:dyDescent="0.15">
      <c r="A23" s="5" t="s">
        <v>6</v>
      </c>
      <c r="B23" s="22">
        <v>156</v>
      </c>
      <c r="C23" s="14">
        <v>161</v>
      </c>
      <c r="D23" s="18">
        <v>317</v>
      </c>
    </row>
    <row r="24" spans="1:4" ht="18" customHeight="1" x14ac:dyDescent="0.15">
      <c r="A24" s="5">
        <v>15</v>
      </c>
      <c r="B24" s="22">
        <v>14</v>
      </c>
      <c r="C24" s="14">
        <v>11</v>
      </c>
      <c r="D24" s="18">
        <v>25</v>
      </c>
    </row>
    <row r="25" spans="1:4" ht="18" customHeight="1" x14ac:dyDescent="0.15">
      <c r="A25" s="5">
        <v>16</v>
      </c>
      <c r="B25" s="22">
        <v>11</v>
      </c>
      <c r="C25" s="14">
        <v>15</v>
      </c>
      <c r="D25" s="18">
        <v>26</v>
      </c>
    </row>
    <row r="26" spans="1:4" ht="18" customHeight="1" x14ac:dyDescent="0.15">
      <c r="A26" s="5">
        <v>17</v>
      </c>
      <c r="B26" s="22">
        <v>13</v>
      </c>
      <c r="C26" s="14">
        <v>19</v>
      </c>
      <c r="D26" s="18">
        <v>32</v>
      </c>
    </row>
    <row r="27" spans="1:4" ht="18" customHeight="1" x14ac:dyDescent="0.15">
      <c r="A27" s="5">
        <v>18</v>
      </c>
      <c r="B27" s="22">
        <v>21</v>
      </c>
      <c r="C27" s="14">
        <v>18</v>
      </c>
      <c r="D27" s="18">
        <v>39</v>
      </c>
    </row>
    <row r="28" spans="1:4" ht="18" customHeight="1" x14ac:dyDescent="0.15">
      <c r="A28" s="5">
        <v>19</v>
      </c>
      <c r="B28" s="22">
        <v>20</v>
      </c>
      <c r="C28" s="14">
        <v>19</v>
      </c>
      <c r="D28" s="18">
        <v>39</v>
      </c>
    </row>
    <row r="29" spans="1:4" ht="18" customHeight="1" x14ac:dyDescent="0.15">
      <c r="A29" s="5" t="s">
        <v>14</v>
      </c>
      <c r="B29" s="22">
        <v>79</v>
      </c>
      <c r="C29" s="14">
        <v>82</v>
      </c>
      <c r="D29" s="18">
        <v>161</v>
      </c>
    </row>
    <row r="30" spans="1:4" ht="18" customHeight="1" x14ac:dyDescent="0.15">
      <c r="A30" s="5">
        <v>20</v>
      </c>
      <c r="B30" s="22">
        <v>17</v>
      </c>
      <c r="C30" s="14">
        <v>23</v>
      </c>
      <c r="D30" s="18">
        <v>40</v>
      </c>
    </row>
    <row r="31" spans="1:4" ht="18" customHeight="1" x14ac:dyDescent="0.15">
      <c r="A31" s="5">
        <v>21</v>
      </c>
      <c r="B31" s="22">
        <v>26</v>
      </c>
      <c r="C31" s="14">
        <v>18</v>
      </c>
      <c r="D31" s="18">
        <v>44</v>
      </c>
    </row>
    <row r="32" spans="1:4" ht="18" customHeight="1" x14ac:dyDescent="0.15">
      <c r="A32" s="5">
        <v>22</v>
      </c>
      <c r="B32" s="22">
        <v>24</v>
      </c>
      <c r="C32" s="14">
        <v>23</v>
      </c>
      <c r="D32" s="18">
        <v>47</v>
      </c>
    </row>
    <row r="33" spans="1:4" ht="18" customHeight="1" x14ac:dyDescent="0.15">
      <c r="A33" s="5">
        <v>23</v>
      </c>
      <c r="B33" s="22">
        <v>28</v>
      </c>
      <c r="C33" s="14">
        <v>16</v>
      </c>
      <c r="D33" s="18">
        <v>44</v>
      </c>
    </row>
    <row r="34" spans="1:4" ht="18" customHeight="1" x14ac:dyDescent="0.15">
      <c r="A34" s="5">
        <v>24</v>
      </c>
      <c r="B34" s="22">
        <v>25</v>
      </c>
      <c r="C34" s="14">
        <v>23</v>
      </c>
      <c r="D34" s="18">
        <v>48</v>
      </c>
    </row>
    <row r="35" spans="1:4" ht="18" customHeight="1" x14ac:dyDescent="0.15">
      <c r="A35" s="5" t="s">
        <v>9</v>
      </c>
      <c r="B35" s="22">
        <v>120</v>
      </c>
      <c r="C35" s="14">
        <v>103</v>
      </c>
      <c r="D35" s="18">
        <v>223</v>
      </c>
    </row>
    <row r="36" spans="1:4" ht="18" customHeight="1" x14ac:dyDescent="0.15">
      <c r="A36" s="5">
        <v>25</v>
      </c>
      <c r="B36" s="22">
        <v>27</v>
      </c>
      <c r="C36" s="14">
        <v>20</v>
      </c>
      <c r="D36" s="18">
        <v>47</v>
      </c>
    </row>
    <row r="37" spans="1:4" ht="18" customHeight="1" x14ac:dyDescent="0.15">
      <c r="A37" s="5">
        <v>26</v>
      </c>
      <c r="B37" s="22">
        <v>20</v>
      </c>
      <c r="C37" s="14">
        <v>25</v>
      </c>
      <c r="D37" s="18">
        <v>45</v>
      </c>
    </row>
    <row r="38" spans="1:4" ht="18" customHeight="1" x14ac:dyDescent="0.15">
      <c r="A38" s="5">
        <v>27</v>
      </c>
      <c r="B38" s="22">
        <v>17</v>
      </c>
      <c r="C38" s="14">
        <v>12</v>
      </c>
      <c r="D38" s="18">
        <v>29</v>
      </c>
    </row>
    <row r="39" spans="1:4" ht="18" customHeight="1" x14ac:dyDescent="0.15">
      <c r="A39" s="5">
        <v>28</v>
      </c>
      <c r="B39" s="22">
        <v>22</v>
      </c>
      <c r="C39" s="14">
        <v>12</v>
      </c>
      <c r="D39" s="18">
        <v>34</v>
      </c>
    </row>
    <row r="40" spans="1:4" ht="18" customHeight="1" x14ac:dyDescent="0.15">
      <c r="A40" s="5">
        <v>29</v>
      </c>
      <c r="B40" s="22">
        <v>24</v>
      </c>
      <c r="C40" s="14">
        <v>15</v>
      </c>
      <c r="D40" s="18">
        <v>39</v>
      </c>
    </row>
    <row r="41" spans="1:4" ht="18" customHeight="1" x14ac:dyDescent="0.15">
      <c r="A41" s="5" t="s">
        <v>2</v>
      </c>
      <c r="B41" s="22">
        <v>110</v>
      </c>
      <c r="C41" s="14">
        <v>84</v>
      </c>
      <c r="D41" s="18">
        <v>194</v>
      </c>
    </row>
    <row r="42" spans="1:4" ht="18" customHeight="1" x14ac:dyDescent="0.15">
      <c r="A42" s="5">
        <v>30</v>
      </c>
      <c r="B42" s="22">
        <v>25</v>
      </c>
      <c r="C42" s="14">
        <v>18</v>
      </c>
      <c r="D42" s="18">
        <v>43</v>
      </c>
    </row>
    <row r="43" spans="1:4" ht="18" customHeight="1" x14ac:dyDescent="0.15">
      <c r="A43" s="5">
        <v>31</v>
      </c>
      <c r="B43" s="22">
        <v>20</v>
      </c>
      <c r="C43" s="14">
        <v>16</v>
      </c>
      <c r="D43" s="18">
        <v>36</v>
      </c>
    </row>
    <row r="44" spans="1:4" ht="18" customHeight="1" x14ac:dyDescent="0.15">
      <c r="A44" s="5">
        <v>32</v>
      </c>
      <c r="B44" s="22">
        <v>20</v>
      </c>
      <c r="C44" s="14">
        <v>20</v>
      </c>
      <c r="D44" s="18">
        <v>40</v>
      </c>
    </row>
    <row r="45" spans="1:4" ht="18" customHeight="1" x14ac:dyDescent="0.15">
      <c r="A45" s="5">
        <v>33</v>
      </c>
      <c r="B45" s="22">
        <v>12</v>
      </c>
      <c r="C45" s="14">
        <v>9</v>
      </c>
      <c r="D45" s="18">
        <v>21</v>
      </c>
    </row>
    <row r="46" spans="1:4" ht="18" customHeight="1" x14ac:dyDescent="0.15">
      <c r="A46" s="5">
        <v>34</v>
      </c>
      <c r="B46" s="22">
        <v>16</v>
      </c>
      <c r="C46" s="14">
        <v>10</v>
      </c>
      <c r="D46" s="18">
        <v>26</v>
      </c>
    </row>
    <row r="47" spans="1:4" ht="18" customHeight="1" x14ac:dyDescent="0.15">
      <c r="A47" s="5" t="s">
        <v>15</v>
      </c>
      <c r="B47" s="22">
        <v>93</v>
      </c>
      <c r="C47" s="14">
        <v>73</v>
      </c>
      <c r="D47" s="18">
        <v>166</v>
      </c>
    </row>
    <row r="48" spans="1:4" ht="18" customHeight="1" x14ac:dyDescent="0.15">
      <c r="A48" s="5">
        <v>35</v>
      </c>
      <c r="B48" s="22">
        <v>23</v>
      </c>
      <c r="C48" s="14">
        <v>16</v>
      </c>
      <c r="D48" s="18">
        <v>39</v>
      </c>
    </row>
    <row r="49" spans="1:4" ht="18" customHeight="1" x14ac:dyDescent="0.15">
      <c r="A49" s="5">
        <v>36</v>
      </c>
      <c r="B49" s="22">
        <v>17</v>
      </c>
      <c r="C49" s="14">
        <v>7</v>
      </c>
      <c r="D49" s="18">
        <v>24</v>
      </c>
    </row>
    <row r="50" spans="1:4" ht="18" customHeight="1" x14ac:dyDescent="0.15">
      <c r="A50" s="5">
        <v>37</v>
      </c>
      <c r="B50" s="22">
        <v>17</v>
      </c>
      <c r="C50" s="14">
        <v>13</v>
      </c>
      <c r="D50" s="18">
        <v>30</v>
      </c>
    </row>
    <row r="51" spans="1:4" ht="18" customHeight="1" x14ac:dyDescent="0.15">
      <c r="A51" s="5">
        <v>38</v>
      </c>
      <c r="B51" s="22">
        <v>17</v>
      </c>
      <c r="C51" s="14">
        <v>17</v>
      </c>
      <c r="D51" s="18">
        <v>34</v>
      </c>
    </row>
    <row r="52" spans="1:4" ht="18" customHeight="1" x14ac:dyDescent="0.15">
      <c r="A52" s="5">
        <v>39</v>
      </c>
      <c r="B52" s="22">
        <v>16</v>
      </c>
      <c r="C52" s="14">
        <v>19</v>
      </c>
      <c r="D52" s="18">
        <v>35</v>
      </c>
    </row>
    <row r="53" spans="1:4" ht="18" customHeight="1" x14ac:dyDescent="0.15">
      <c r="A53" s="5" t="s">
        <v>18</v>
      </c>
      <c r="B53" s="22">
        <v>90</v>
      </c>
      <c r="C53" s="14">
        <v>72</v>
      </c>
      <c r="D53" s="18">
        <v>162</v>
      </c>
    </row>
    <row r="54" spans="1:4" ht="18" customHeight="1" x14ac:dyDescent="0.15">
      <c r="A54" s="5">
        <v>40</v>
      </c>
      <c r="B54" s="22">
        <v>19</v>
      </c>
      <c r="C54" s="14">
        <v>16</v>
      </c>
      <c r="D54" s="18">
        <v>35</v>
      </c>
    </row>
    <row r="55" spans="1:4" ht="18" customHeight="1" x14ac:dyDescent="0.15">
      <c r="A55" s="5">
        <v>41</v>
      </c>
      <c r="B55" s="22">
        <v>21</v>
      </c>
      <c r="C55" s="14">
        <v>21</v>
      </c>
      <c r="D55" s="18">
        <v>42</v>
      </c>
    </row>
    <row r="56" spans="1:4" ht="18" customHeight="1" x14ac:dyDescent="0.15">
      <c r="A56" s="5">
        <v>42</v>
      </c>
      <c r="B56" s="22">
        <v>15</v>
      </c>
      <c r="C56" s="14">
        <v>17</v>
      </c>
      <c r="D56" s="18">
        <v>32</v>
      </c>
    </row>
    <row r="57" spans="1:4" ht="18" customHeight="1" x14ac:dyDescent="0.15">
      <c r="A57" s="5">
        <v>43</v>
      </c>
      <c r="B57" s="22">
        <v>17</v>
      </c>
      <c r="C57" s="14">
        <v>18</v>
      </c>
      <c r="D57" s="18">
        <v>35</v>
      </c>
    </row>
    <row r="58" spans="1:4" ht="18" customHeight="1" x14ac:dyDescent="0.15">
      <c r="A58" s="5">
        <v>44</v>
      </c>
      <c r="B58" s="22">
        <v>15</v>
      </c>
      <c r="C58" s="14">
        <v>22</v>
      </c>
      <c r="D58" s="18">
        <v>37</v>
      </c>
    </row>
    <row r="59" spans="1:4" ht="18" customHeight="1" x14ac:dyDescent="0.15">
      <c r="A59" s="5" t="s">
        <v>21</v>
      </c>
      <c r="B59" s="22">
        <v>87</v>
      </c>
      <c r="C59" s="14">
        <v>94</v>
      </c>
      <c r="D59" s="18">
        <v>181</v>
      </c>
    </row>
    <row r="60" spans="1:4" ht="18" customHeight="1" x14ac:dyDescent="0.15">
      <c r="A60" s="5">
        <v>45</v>
      </c>
      <c r="B60" s="22">
        <v>12</v>
      </c>
      <c r="C60" s="14">
        <v>15</v>
      </c>
      <c r="D60" s="18">
        <v>27</v>
      </c>
    </row>
    <row r="61" spans="1:4" ht="18" customHeight="1" x14ac:dyDescent="0.15">
      <c r="A61" s="5">
        <v>46</v>
      </c>
      <c r="B61" s="22">
        <v>20</v>
      </c>
      <c r="C61" s="14">
        <v>27</v>
      </c>
      <c r="D61" s="18">
        <v>47</v>
      </c>
    </row>
    <row r="62" spans="1:4" ht="18" customHeight="1" x14ac:dyDescent="0.15">
      <c r="A62" s="5">
        <v>47</v>
      </c>
      <c r="B62" s="22">
        <v>32</v>
      </c>
      <c r="C62" s="14">
        <v>28</v>
      </c>
      <c r="D62" s="18">
        <v>60</v>
      </c>
    </row>
    <row r="63" spans="1:4" ht="18" customHeight="1" x14ac:dyDescent="0.15">
      <c r="A63" s="5">
        <v>48</v>
      </c>
      <c r="B63" s="22">
        <v>28</v>
      </c>
      <c r="C63" s="14">
        <v>17</v>
      </c>
      <c r="D63" s="18">
        <v>45</v>
      </c>
    </row>
    <row r="64" spans="1:4" ht="18" customHeight="1" x14ac:dyDescent="0.15">
      <c r="A64" s="5">
        <v>49</v>
      </c>
      <c r="B64" s="22">
        <v>31</v>
      </c>
      <c r="C64" s="14">
        <v>26</v>
      </c>
      <c r="D64" s="18">
        <v>57</v>
      </c>
    </row>
    <row r="65" spans="1:4" ht="18" customHeight="1" x14ac:dyDescent="0.15">
      <c r="A65" s="5" t="s">
        <v>17</v>
      </c>
      <c r="B65" s="22">
        <v>123</v>
      </c>
      <c r="C65" s="14">
        <v>113</v>
      </c>
      <c r="D65" s="18">
        <v>236</v>
      </c>
    </row>
    <row r="66" spans="1:4" ht="18" customHeight="1" x14ac:dyDescent="0.15">
      <c r="A66" s="5">
        <v>50</v>
      </c>
      <c r="B66" s="22">
        <v>33</v>
      </c>
      <c r="C66" s="14">
        <v>39</v>
      </c>
      <c r="D66" s="18">
        <v>72</v>
      </c>
    </row>
    <row r="67" spans="1:4" ht="18" customHeight="1" x14ac:dyDescent="0.15">
      <c r="A67" s="5">
        <v>51</v>
      </c>
      <c r="B67" s="22">
        <v>45</v>
      </c>
      <c r="C67" s="14">
        <v>40</v>
      </c>
      <c r="D67" s="18">
        <v>85</v>
      </c>
    </row>
    <row r="68" spans="1:4" ht="18" customHeight="1" x14ac:dyDescent="0.15">
      <c r="A68" s="5">
        <v>52</v>
      </c>
      <c r="B68" s="22">
        <v>33</v>
      </c>
      <c r="C68" s="14">
        <v>34</v>
      </c>
      <c r="D68" s="18">
        <v>67</v>
      </c>
    </row>
    <row r="69" spans="1:4" ht="18" customHeight="1" x14ac:dyDescent="0.15">
      <c r="A69" s="5">
        <v>53</v>
      </c>
      <c r="B69" s="22">
        <v>24</v>
      </c>
      <c r="C69" s="14">
        <v>39</v>
      </c>
      <c r="D69" s="18">
        <v>63</v>
      </c>
    </row>
    <row r="70" spans="1:4" ht="18" customHeight="1" x14ac:dyDescent="0.15">
      <c r="A70" s="5">
        <v>54</v>
      </c>
      <c r="B70" s="22">
        <v>44</v>
      </c>
      <c r="C70" s="14">
        <v>42</v>
      </c>
      <c r="D70" s="18">
        <v>86</v>
      </c>
    </row>
    <row r="71" spans="1:4" ht="18" customHeight="1" x14ac:dyDescent="0.15">
      <c r="A71" s="5" t="s">
        <v>22</v>
      </c>
      <c r="B71" s="22">
        <v>179</v>
      </c>
      <c r="C71" s="14">
        <v>194</v>
      </c>
      <c r="D71" s="18">
        <v>373</v>
      </c>
    </row>
    <row r="72" spans="1:4" ht="18" customHeight="1" x14ac:dyDescent="0.15">
      <c r="A72" s="5">
        <v>55</v>
      </c>
      <c r="B72" s="22">
        <v>35</v>
      </c>
      <c r="C72" s="14">
        <v>22</v>
      </c>
      <c r="D72" s="18">
        <v>57</v>
      </c>
    </row>
    <row r="73" spans="1:4" ht="18" customHeight="1" x14ac:dyDescent="0.15">
      <c r="A73" s="5">
        <v>56</v>
      </c>
      <c r="B73" s="22">
        <v>32</v>
      </c>
      <c r="C73" s="14">
        <v>33</v>
      </c>
      <c r="D73" s="18">
        <v>65</v>
      </c>
    </row>
    <row r="74" spans="1:4" ht="18" customHeight="1" x14ac:dyDescent="0.15">
      <c r="A74" s="5">
        <v>57</v>
      </c>
      <c r="B74" s="22">
        <v>39</v>
      </c>
      <c r="C74" s="14">
        <v>39</v>
      </c>
      <c r="D74" s="18">
        <v>78</v>
      </c>
    </row>
    <row r="75" spans="1:4" ht="18" customHeight="1" x14ac:dyDescent="0.15">
      <c r="A75" s="5">
        <v>58</v>
      </c>
      <c r="B75" s="22">
        <v>27</v>
      </c>
      <c r="C75" s="14">
        <v>33</v>
      </c>
      <c r="D75" s="18">
        <v>60</v>
      </c>
    </row>
    <row r="76" spans="1:4" ht="18" customHeight="1" x14ac:dyDescent="0.15">
      <c r="A76" s="5">
        <v>59</v>
      </c>
      <c r="B76" s="22">
        <v>25</v>
      </c>
      <c r="C76" s="14">
        <v>27</v>
      </c>
      <c r="D76" s="18">
        <v>52</v>
      </c>
    </row>
    <row r="77" spans="1:4" ht="18" customHeight="1" x14ac:dyDescent="0.15">
      <c r="A77" s="5" t="s">
        <v>27</v>
      </c>
      <c r="B77" s="22">
        <v>158</v>
      </c>
      <c r="C77" s="14">
        <v>154</v>
      </c>
      <c r="D77" s="18">
        <v>312</v>
      </c>
    </row>
    <row r="78" spans="1:4" ht="18" customHeight="1" x14ac:dyDescent="0.15">
      <c r="A78" s="5">
        <v>60</v>
      </c>
      <c r="B78" s="22">
        <v>28</v>
      </c>
      <c r="C78" s="14">
        <v>37</v>
      </c>
      <c r="D78" s="18">
        <v>65</v>
      </c>
    </row>
    <row r="79" spans="1:4" ht="18" customHeight="1" x14ac:dyDescent="0.15">
      <c r="A79" s="5">
        <v>61</v>
      </c>
      <c r="B79" s="22">
        <v>20</v>
      </c>
      <c r="C79" s="14">
        <v>25</v>
      </c>
      <c r="D79" s="18">
        <v>45</v>
      </c>
    </row>
    <row r="80" spans="1:4" ht="18" customHeight="1" x14ac:dyDescent="0.15">
      <c r="A80" s="5">
        <v>62</v>
      </c>
      <c r="B80" s="22">
        <v>22</v>
      </c>
      <c r="C80" s="14">
        <v>22</v>
      </c>
      <c r="D80" s="18">
        <v>44</v>
      </c>
    </row>
    <row r="81" spans="1:4" ht="18" customHeight="1" x14ac:dyDescent="0.15">
      <c r="A81" s="5">
        <v>63</v>
      </c>
      <c r="B81" s="22">
        <v>27</v>
      </c>
      <c r="C81" s="14">
        <v>24</v>
      </c>
      <c r="D81" s="18">
        <v>51</v>
      </c>
    </row>
    <row r="82" spans="1:4" ht="18" customHeight="1" x14ac:dyDescent="0.15">
      <c r="A82" s="5">
        <v>64</v>
      </c>
      <c r="B82" s="22">
        <v>24</v>
      </c>
      <c r="C82" s="14">
        <v>25</v>
      </c>
      <c r="D82" s="18">
        <v>49</v>
      </c>
    </row>
    <row r="83" spans="1:4" ht="18" customHeight="1" x14ac:dyDescent="0.15">
      <c r="A83" s="5" t="s">
        <v>28</v>
      </c>
      <c r="B83" s="22">
        <v>121</v>
      </c>
      <c r="C83" s="14">
        <v>133</v>
      </c>
      <c r="D83" s="18">
        <v>254</v>
      </c>
    </row>
    <row r="84" spans="1:4" ht="18" customHeight="1" x14ac:dyDescent="0.15">
      <c r="A84" s="5" t="s">
        <v>31</v>
      </c>
      <c r="B84" s="22">
        <v>1160</v>
      </c>
      <c r="C84" s="14">
        <v>1102</v>
      </c>
      <c r="D84" s="18">
        <v>2262</v>
      </c>
    </row>
    <row r="85" spans="1:4" ht="18" customHeight="1" x14ac:dyDescent="0.15">
      <c r="A85" s="5">
        <v>65</v>
      </c>
      <c r="B85" s="22">
        <v>28</v>
      </c>
      <c r="C85" s="14">
        <v>17</v>
      </c>
      <c r="D85" s="18">
        <v>45</v>
      </c>
    </row>
    <row r="86" spans="1:4" ht="18" customHeight="1" x14ac:dyDescent="0.15">
      <c r="A86" s="5">
        <v>66</v>
      </c>
      <c r="B86" s="22">
        <v>22</v>
      </c>
      <c r="C86" s="14">
        <v>18</v>
      </c>
      <c r="D86" s="18">
        <v>40</v>
      </c>
    </row>
    <row r="87" spans="1:4" ht="18" customHeight="1" x14ac:dyDescent="0.15">
      <c r="A87" s="5">
        <v>67</v>
      </c>
      <c r="B87" s="22">
        <v>24</v>
      </c>
      <c r="C87" s="14">
        <v>23</v>
      </c>
      <c r="D87" s="18">
        <v>47</v>
      </c>
    </row>
    <row r="88" spans="1:4" ht="18" customHeight="1" x14ac:dyDescent="0.15">
      <c r="A88" s="5">
        <v>68</v>
      </c>
      <c r="B88" s="22">
        <v>21</v>
      </c>
      <c r="C88" s="14">
        <v>16</v>
      </c>
      <c r="D88" s="18">
        <v>37</v>
      </c>
    </row>
    <row r="89" spans="1:4" ht="18" customHeight="1" x14ac:dyDescent="0.15">
      <c r="A89" s="5">
        <v>69</v>
      </c>
      <c r="B89" s="22">
        <v>11</v>
      </c>
      <c r="C89" s="14">
        <v>29</v>
      </c>
      <c r="D89" s="18">
        <v>40</v>
      </c>
    </row>
    <row r="90" spans="1:4" ht="18" customHeight="1" x14ac:dyDescent="0.15">
      <c r="A90" s="5" t="s">
        <v>20</v>
      </c>
      <c r="B90" s="22">
        <v>106</v>
      </c>
      <c r="C90" s="14">
        <v>103</v>
      </c>
      <c r="D90" s="18">
        <v>209</v>
      </c>
    </row>
    <row r="91" spans="1:4" ht="18" customHeight="1" x14ac:dyDescent="0.15">
      <c r="A91" s="5">
        <v>70</v>
      </c>
      <c r="B91" s="22">
        <v>23</v>
      </c>
      <c r="C91" s="14">
        <v>23</v>
      </c>
      <c r="D91" s="18">
        <v>46</v>
      </c>
    </row>
    <row r="92" spans="1:4" ht="18" customHeight="1" x14ac:dyDescent="0.15">
      <c r="A92" s="5">
        <v>71</v>
      </c>
      <c r="B92" s="22">
        <v>23</v>
      </c>
      <c r="C92" s="14">
        <v>14</v>
      </c>
      <c r="D92" s="18">
        <v>37</v>
      </c>
    </row>
    <row r="93" spans="1:4" ht="18" customHeight="1" x14ac:dyDescent="0.15">
      <c r="A93" s="5">
        <v>72</v>
      </c>
      <c r="B93" s="22">
        <v>36</v>
      </c>
      <c r="C93" s="14">
        <v>28</v>
      </c>
      <c r="D93" s="18">
        <v>64</v>
      </c>
    </row>
    <row r="94" spans="1:4" ht="18" customHeight="1" x14ac:dyDescent="0.15">
      <c r="A94" s="5">
        <v>73</v>
      </c>
      <c r="B94" s="22">
        <v>24</v>
      </c>
      <c r="C94" s="14">
        <v>29</v>
      </c>
      <c r="D94" s="18">
        <v>53</v>
      </c>
    </row>
    <row r="95" spans="1:4" ht="18" customHeight="1" x14ac:dyDescent="0.15">
      <c r="A95" s="5">
        <v>74</v>
      </c>
      <c r="B95" s="22">
        <v>18</v>
      </c>
      <c r="C95" s="14">
        <v>32</v>
      </c>
      <c r="D95" s="18">
        <v>50</v>
      </c>
    </row>
    <row r="96" spans="1:4" ht="18" customHeight="1" x14ac:dyDescent="0.15">
      <c r="A96" s="5" t="s">
        <v>33</v>
      </c>
      <c r="B96" s="22">
        <v>124</v>
      </c>
      <c r="C96" s="14">
        <v>126</v>
      </c>
      <c r="D96" s="18">
        <v>250</v>
      </c>
    </row>
    <row r="97" spans="1:4" ht="18" customHeight="1" x14ac:dyDescent="0.15">
      <c r="A97" s="5">
        <v>75</v>
      </c>
      <c r="B97" s="22">
        <v>26</v>
      </c>
      <c r="C97" s="14">
        <v>29</v>
      </c>
      <c r="D97" s="18">
        <v>55</v>
      </c>
    </row>
    <row r="98" spans="1:4" ht="18" customHeight="1" x14ac:dyDescent="0.15">
      <c r="A98" s="5">
        <v>76</v>
      </c>
      <c r="B98" s="22">
        <v>33</v>
      </c>
      <c r="C98" s="14">
        <v>49</v>
      </c>
      <c r="D98" s="18">
        <v>82</v>
      </c>
    </row>
    <row r="99" spans="1:4" ht="18" customHeight="1" x14ac:dyDescent="0.15">
      <c r="A99" s="5">
        <v>77</v>
      </c>
      <c r="B99" s="22">
        <v>33</v>
      </c>
      <c r="C99" s="14">
        <v>50</v>
      </c>
      <c r="D99" s="18">
        <v>83</v>
      </c>
    </row>
    <row r="100" spans="1:4" ht="18" customHeight="1" x14ac:dyDescent="0.15">
      <c r="A100" s="5">
        <v>78</v>
      </c>
      <c r="B100" s="22">
        <v>32</v>
      </c>
      <c r="C100" s="14">
        <v>36</v>
      </c>
      <c r="D100" s="18">
        <v>68</v>
      </c>
    </row>
    <row r="101" spans="1:4" ht="18" customHeight="1" x14ac:dyDescent="0.15">
      <c r="A101" s="5">
        <v>79</v>
      </c>
      <c r="B101" s="22">
        <v>22</v>
      </c>
      <c r="C101" s="14">
        <v>19</v>
      </c>
      <c r="D101" s="18">
        <v>41</v>
      </c>
    </row>
    <row r="102" spans="1:4" ht="18" customHeight="1" x14ac:dyDescent="0.15">
      <c r="A102" s="5" t="s">
        <v>0</v>
      </c>
      <c r="B102" s="22">
        <v>146</v>
      </c>
      <c r="C102" s="14">
        <v>183</v>
      </c>
      <c r="D102" s="18">
        <v>329</v>
      </c>
    </row>
    <row r="103" spans="1:4" ht="18" customHeight="1" x14ac:dyDescent="0.15">
      <c r="A103" s="5">
        <v>80</v>
      </c>
      <c r="B103" s="22">
        <v>18</v>
      </c>
      <c r="C103" s="14">
        <v>23</v>
      </c>
      <c r="D103" s="18">
        <v>41</v>
      </c>
    </row>
    <row r="104" spans="1:4" ht="18" customHeight="1" x14ac:dyDescent="0.15">
      <c r="A104" s="5">
        <v>81</v>
      </c>
      <c r="B104" s="22">
        <v>28</v>
      </c>
      <c r="C104" s="14">
        <v>28</v>
      </c>
      <c r="D104" s="18">
        <v>56</v>
      </c>
    </row>
    <row r="105" spans="1:4" ht="18" customHeight="1" x14ac:dyDescent="0.15">
      <c r="A105" s="5">
        <v>82</v>
      </c>
      <c r="B105" s="22">
        <v>12</v>
      </c>
      <c r="C105" s="14">
        <v>36</v>
      </c>
      <c r="D105" s="18">
        <v>48</v>
      </c>
    </row>
    <row r="106" spans="1:4" ht="18" customHeight="1" x14ac:dyDescent="0.15">
      <c r="A106" s="5">
        <v>83</v>
      </c>
      <c r="B106" s="22">
        <v>18</v>
      </c>
      <c r="C106" s="14">
        <v>33</v>
      </c>
      <c r="D106" s="18">
        <v>51</v>
      </c>
    </row>
    <row r="107" spans="1:4" ht="18" customHeight="1" x14ac:dyDescent="0.15">
      <c r="A107" s="5">
        <v>84</v>
      </c>
      <c r="B107" s="22">
        <v>21</v>
      </c>
      <c r="C107" s="14">
        <v>37</v>
      </c>
      <c r="D107" s="18">
        <v>58</v>
      </c>
    </row>
    <row r="108" spans="1:4" ht="18" customHeight="1" x14ac:dyDescent="0.15">
      <c r="A108" s="5" t="s">
        <v>35</v>
      </c>
      <c r="B108" s="22">
        <v>97</v>
      </c>
      <c r="C108" s="14">
        <v>157</v>
      </c>
      <c r="D108" s="18">
        <v>254</v>
      </c>
    </row>
    <row r="109" spans="1:4" ht="18" customHeight="1" x14ac:dyDescent="0.15">
      <c r="A109" s="5">
        <v>85</v>
      </c>
      <c r="B109" s="22">
        <v>14</v>
      </c>
      <c r="C109" s="14">
        <v>21</v>
      </c>
      <c r="D109" s="18">
        <v>35</v>
      </c>
    </row>
    <row r="110" spans="1:4" ht="18" customHeight="1" x14ac:dyDescent="0.15">
      <c r="A110" s="5">
        <v>86</v>
      </c>
      <c r="B110" s="22">
        <v>10</v>
      </c>
      <c r="C110" s="14">
        <v>22</v>
      </c>
      <c r="D110" s="18">
        <v>32</v>
      </c>
    </row>
    <row r="111" spans="1:4" ht="18" customHeight="1" x14ac:dyDescent="0.15">
      <c r="A111" s="5">
        <v>87</v>
      </c>
      <c r="B111" s="22">
        <v>8</v>
      </c>
      <c r="C111" s="14">
        <v>17</v>
      </c>
      <c r="D111" s="18">
        <v>25</v>
      </c>
    </row>
    <row r="112" spans="1:4" ht="18" customHeight="1" x14ac:dyDescent="0.15">
      <c r="A112" s="5">
        <v>88</v>
      </c>
      <c r="B112" s="22">
        <v>12</v>
      </c>
      <c r="C112" s="14">
        <v>25</v>
      </c>
      <c r="D112" s="18">
        <v>37</v>
      </c>
    </row>
    <row r="113" spans="1:4" ht="18" customHeight="1" x14ac:dyDescent="0.15">
      <c r="A113" s="5">
        <v>89</v>
      </c>
      <c r="B113" s="22">
        <v>2</v>
      </c>
      <c r="C113" s="14">
        <v>19</v>
      </c>
      <c r="D113" s="18">
        <v>21</v>
      </c>
    </row>
    <row r="114" spans="1:4" ht="18" customHeight="1" x14ac:dyDescent="0.15">
      <c r="A114" s="5" t="s">
        <v>37</v>
      </c>
      <c r="B114" s="22">
        <v>46</v>
      </c>
      <c r="C114" s="14">
        <v>104</v>
      </c>
      <c r="D114" s="18">
        <v>150</v>
      </c>
    </row>
    <row r="115" spans="1:4" ht="18" customHeight="1" x14ac:dyDescent="0.15">
      <c r="A115" s="5">
        <v>90</v>
      </c>
      <c r="B115" s="22">
        <v>5</v>
      </c>
      <c r="C115" s="14">
        <v>22</v>
      </c>
      <c r="D115" s="18">
        <v>27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12</v>
      </c>
      <c r="D117" s="18">
        <v>13</v>
      </c>
    </row>
    <row r="118" spans="1:4" ht="18" customHeight="1" x14ac:dyDescent="0.15">
      <c r="A118" s="5">
        <v>93</v>
      </c>
      <c r="B118" s="22">
        <v>5</v>
      </c>
      <c r="C118" s="14">
        <v>9</v>
      </c>
      <c r="D118" s="18">
        <v>14</v>
      </c>
    </row>
    <row r="119" spans="1:4" ht="18" customHeight="1" x14ac:dyDescent="0.15">
      <c r="A119" s="5">
        <v>94</v>
      </c>
      <c r="B119" s="22">
        <v>5</v>
      </c>
      <c r="C119" s="14">
        <v>9</v>
      </c>
      <c r="D119" s="18">
        <v>14</v>
      </c>
    </row>
    <row r="120" spans="1:4" ht="18" customHeight="1" x14ac:dyDescent="0.15">
      <c r="A120" s="5" t="s">
        <v>39</v>
      </c>
      <c r="B120" s="22">
        <v>19</v>
      </c>
      <c r="C120" s="14">
        <v>62</v>
      </c>
      <c r="D120" s="18">
        <v>81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2</v>
      </c>
      <c r="C125" s="14">
        <v>0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7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40</v>
      </c>
      <c r="C130" s="14">
        <v>755</v>
      </c>
      <c r="D130" s="18">
        <v>1295</v>
      </c>
    </row>
    <row r="131" spans="1:4" ht="18" customHeight="1" x14ac:dyDescent="0.15">
      <c r="A131" s="7" t="s">
        <v>45</v>
      </c>
      <c r="B131" s="23">
        <v>1856</v>
      </c>
      <c r="C131" s="15">
        <v>2018</v>
      </c>
      <c r="D131" s="19">
        <v>38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7</v>
      </c>
      <c r="C5" s="13">
        <v>40</v>
      </c>
      <c r="D5" s="17">
        <v>87</v>
      </c>
    </row>
    <row r="6" spans="1:4" ht="18" customHeight="1" x14ac:dyDescent="0.15">
      <c r="A6" s="5">
        <v>1</v>
      </c>
      <c r="B6" s="22">
        <v>56</v>
      </c>
      <c r="C6" s="14">
        <v>48</v>
      </c>
      <c r="D6" s="18">
        <v>104</v>
      </c>
    </row>
    <row r="7" spans="1:4" ht="18" customHeight="1" x14ac:dyDescent="0.15">
      <c r="A7" s="5">
        <v>2</v>
      </c>
      <c r="B7" s="22">
        <v>59</v>
      </c>
      <c r="C7" s="14">
        <v>43</v>
      </c>
      <c r="D7" s="18">
        <v>102</v>
      </c>
    </row>
    <row r="8" spans="1:4" ht="18" customHeight="1" x14ac:dyDescent="0.15">
      <c r="A8" s="5">
        <v>3</v>
      </c>
      <c r="B8" s="22">
        <v>64</v>
      </c>
      <c r="C8" s="14">
        <v>55</v>
      </c>
      <c r="D8" s="18">
        <v>119</v>
      </c>
    </row>
    <row r="9" spans="1:4" ht="18" customHeight="1" x14ac:dyDescent="0.15">
      <c r="A9" s="5">
        <v>4</v>
      </c>
      <c r="B9" s="22">
        <v>77</v>
      </c>
      <c r="C9" s="14">
        <v>54</v>
      </c>
      <c r="D9" s="18">
        <v>131</v>
      </c>
    </row>
    <row r="10" spans="1:4" ht="18" customHeight="1" x14ac:dyDescent="0.15">
      <c r="A10" s="5" t="s">
        <v>7</v>
      </c>
      <c r="B10" s="22">
        <v>303</v>
      </c>
      <c r="C10" s="14">
        <v>240</v>
      </c>
      <c r="D10" s="18">
        <v>543</v>
      </c>
    </row>
    <row r="11" spans="1:4" ht="18" customHeight="1" x14ac:dyDescent="0.15">
      <c r="A11" s="5">
        <v>5</v>
      </c>
      <c r="B11" s="22">
        <v>53</v>
      </c>
      <c r="C11" s="14">
        <v>62</v>
      </c>
      <c r="D11" s="18">
        <v>115</v>
      </c>
    </row>
    <row r="12" spans="1:4" ht="18" customHeight="1" x14ac:dyDescent="0.15">
      <c r="A12" s="5">
        <v>6</v>
      </c>
      <c r="B12" s="22">
        <v>83</v>
      </c>
      <c r="C12" s="14">
        <v>68</v>
      </c>
      <c r="D12" s="18">
        <v>151</v>
      </c>
    </row>
    <row r="13" spans="1:4" ht="18" customHeight="1" x14ac:dyDescent="0.15">
      <c r="A13" s="5">
        <v>7</v>
      </c>
      <c r="B13" s="22">
        <v>81</v>
      </c>
      <c r="C13" s="14">
        <v>53</v>
      </c>
      <c r="D13" s="18">
        <v>134</v>
      </c>
    </row>
    <row r="14" spans="1:4" ht="18" customHeight="1" x14ac:dyDescent="0.15">
      <c r="A14" s="5">
        <v>8</v>
      </c>
      <c r="B14" s="22">
        <v>58</v>
      </c>
      <c r="C14" s="14">
        <v>74</v>
      </c>
      <c r="D14" s="18">
        <v>132</v>
      </c>
    </row>
    <row r="15" spans="1:4" ht="18" customHeight="1" x14ac:dyDescent="0.15">
      <c r="A15" s="5">
        <v>9</v>
      </c>
      <c r="B15" s="22">
        <v>62</v>
      </c>
      <c r="C15" s="14">
        <v>71</v>
      </c>
      <c r="D15" s="18">
        <v>133</v>
      </c>
    </row>
    <row r="16" spans="1:4" ht="18" customHeight="1" x14ac:dyDescent="0.15">
      <c r="A16" s="5" t="s">
        <v>11</v>
      </c>
      <c r="B16" s="22">
        <v>337</v>
      </c>
      <c r="C16" s="14">
        <v>328</v>
      </c>
      <c r="D16" s="18">
        <v>665</v>
      </c>
    </row>
    <row r="17" spans="1:4" ht="18" customHeight="1" x14ac:dyDescent="0.15">
      <c r="A17" s="5">
        <v>10</v>
      </c>
      <c r="B17" s="22">
        <v>54</v>
      </c>
      <c r="C17" s="14">
        <v>72</v>
      </c>
      <c r="D17" s="18">
        <v>126</v>
      </c>
    </row>
    <row r="18" spans="1:4" ht="18" customHeight="1" x14ac:dyDescent="0.15">
      <c r="A18" s="5">
        <v>11</v>
      </c>
      <c r="B18" s="22">
        <v>63</v>
      </c>
      <c r="C18" s="14">
        <v>61</v>
      </c>
      <c r="D18" s="18">
        <v>124</v>
      </c>
    </row>
    <row r="19" spans="1:4" ht="18" customHeight="1" x14ac:dyDescent="0.15">
      <c r="A19" s="5">
        <v>12</v>
      </c>
      <c r="B19" s="22">
        <v>73</v>
      </c>
      <c r="C19" s="14">
        <v>68</v>
      </c>
      <c r="D19" s="18">
        <v>141</v>
      </c>
    </row>
    <row r="20" spans="1:4" ht="18" customHeight="1" x14ac:dyDescent="0.15">
      <c r="A20" s="5">
        <v>13</v>
      </c>
      <c r="B20" s="22">
        <v>68</v>
      </c>
      <c r="C20" s="14">
        <v>68</v>
      </c>
      <c r="D20" s="18">
        <v>136</v>
      </c>
    </row>
    <row r="21" spans="1:4" ht="18" customHeight="1" x14ac:dyDescent="0.15">
      <c r="A21" s="5">
        <v>14</v>
      </c>
      <c r="B21" s="22">
        <v>68</v>
      </c>
      <c r="C21" s="14">
        <v>65</v>
      </c>
      <c r="D21" s="18">
        <v>133</v>
      </c>
    </row>
    <row r="22" spans="1:4" ht="18" customHeight="1" x14ac:dyDescent="0.15">
      <c r="A22" s="5" t="s">
        <v>12</v>
      </c>
      <c r="B22" s="22">
        <v>326</v>
      </c>
      <c r="C22" s="14">
        <v>334</v>
      </c>
      <c r="D22" s="18">
        <v>660</v>
      </c>
    </row>
    <row r="23" spans="1:4" ht="18" customHeight="1" x14ac:dyDescent="0.15">
      <c r="A23" s="5" t="s">
        <v>6</v>
      </c>
      <c r="B23" s="22">
        <v>966</v>
      </c>
      <c r="C23" s="14">
        <v>902</v>
      </c>
      <c r="D23" s="18">
        <v>1868</v>
      </c>
    </row>
    <row r="24" spans="1:4" ht="18" customHeight="1" x14ac:dyDescent="0.15">
      <c r="A24" s="5">
        <v>15</v>
      </c>
      <c r="B24" s="22">
        <v>65</v>
      </c>
      <c r="C24" s="14">
        <v>61</v>
      </c>
      <c r="D24" s="18">
        <v>126</v>
      </c>
    </row>
    <row r="25" spans="1:4" ht="18" customHeight="1" x14ac:dyDescent="0.15">
      <c r="A25" s="5">
        <v>16</v>
      </c>
      <c r="B25" s="22">
        <v>75</v>
      </c>
      <c r="C25" s="14">
        <v>61</v>
      </c>
      <c r="D25" s="18">
        <v>136</v>
      </c>
    </row>
    <row r="26" spans="1:4" ht="18" customHeight="1" x14ac:dyDescent="0.15">
      <c r="A26" s="5">
        <v>17</v>
      </c>
      <c r="B26" s="22">
        <v>64</v>
      </c>
      <c r="C26" s="14">
        <v>62</v>
      </c>
      <c r="D26" s="18">
        <v>126</v>
      </c>
    </row>
    <row r="27" spans="1:4" ht="18" customHeight="1" x14ac:dyDescent="0.15">
      <c r="A27" s="5">
        <v>18</v>
      </c>
      <c r="B27" s="22">
        <v>71</v>
      </c>
      <c r="C27" s="14">
        <v>57</v>
      </c>
      <c r="D27" s="18">
        <v>128</v>
      </c>
    </row>
    <row r="28" spans="1:4" ht="18" customHeight="1" x14ac:dyDescent="0.15">
      <c r="A28" s="5">
        <v>19</v>
      </c>
      <c r="B28" s="22">
        <v>57</v>
      </c>
      <c r="C28" s="14">
        <v>56</v>
      </c>
      <c r="D28" s="18">
        <v>113</v>
      </c>
    </row>
    <row r="29" spans="1:4" ht="18" customHeight="1" x14ac:dyDescent="0.15">
      <c r="A29" s="5" t="s">
        <v>14</v>
      </c>
      <c r="B29" s="22">
        <v>332</v>
      </c>
      <c r="C29" s="14">
        <v>297</v>
      </c>
      <c r="D29" s="18">
        <v>629</v>
      </c>
    </row>
    <row r="30" spans="1:4" ht="18" customHeight="1" x14ac:dyDescent="0.15">
      <c r="A30" s="5">
        <v>20</v>
      </c>
      <c r="B30" s="22">
        <v>59</v>
      </c>
      <c r="C30" s="14">
        <v>71</v>
      </c>
      <c r="D30" s="18">
        <v>130</v>
      </c>
    </row>
    <row r="31" spans="1:4" ht="18" customHeight="1" x14ac:dyDescent="0.15">
      <c r="A31" s="5">
        <v>21</v>
      </c>
      <c r="B31" s="22">
        <v>55</v>
      </c>
      <c r="C31" s="14">
        <v>68</v>
      </c>
      <c r="D31" s="18">
        <v>123</v>
      </c>
    </row>
    <row r="32" spans="1:4" ht="18" customHeight="1" x14ac:dyDescent="0.15">
      <c r="A32" s="5">
        <v>22</v>
      </c>
      <c r="B32" s="22">
        <v>62</v>
      </c>
      <c r="C32" s="14">
        <v>55</v>
      </c>
      <c r="D32" s="18">
        <v>117</v>
      </c>
    </row>
    <row r="33" spans="1:4" ht="18" customHeight="1" x14ac:dyDescent="0.15">
      <c r="A33" s="5">
        <v>23</v>
      </c>
      <c r="B33" s="22">
        <v>68</v>
      </c>
      <c r="C33" s="14">
        <v>69</v>
      </c>
      <c r="D33" s="18">
        <v>137</v>
      </c>
    </row>
    <row r="34" spans="1:4" ht="18" customHeight="1" x14ac:dyDescent="0.15">
      <c r="A34" s="5">
        <v>24</v>
      </c>
      <c r="B34" s="22">
        <v>63</v>
      </c>
      <c r="C34" s="14">
        <v>65</v>
      </c>
      <c r="D34" s="18">
        <v>128</v>
      </c>
    </row>
    <row r="35" spans="1:4" ht="18" customHeight="1" x14ac:dyDescent="0.15">
      <c r="A35" s="5" t="s">
        <v>9</v>
      </c>
      <c r="B35" s="22">
        <v>307</v>
      </c>
      <c r="C35" s="14">
        <v>328</v>
      </c>
      <c r="D35" s="18">
        <v>635</v>
      </c>
    </row>
    <row r="36" spans="1:4" ht="18" customHeight="1" x14ac:dyDescent="0.15">
      <c r="A36" s="5">
        <v>25</v>
      </c>
      <c r="B36" s="22">
        <v>78</v>
      </c>
      <c r="C36" s="14">
        <v>82</v>
      </c>
      <c r="D36" s="18">
        <v>160</v>
      </c>
    </row>
    <row r="37" spans="1:4" ht="18" customHeight="1" x14ac:dyDescent="0.15">
      <c r="A37" s="5">
        <v>26</v>
      </c>
      <c r="B37" s="22">
        <v>84</v>
      </c>
      <c r="C37" s="14">
        <v>73</v>
      </c>
      <c r="D37" s="18">
        <v>157</v>
      </c>
    </row>
    <row r="38" spans="1:4" ht="18" customHeight="1" x14ac:dyDescent="0.15">
      <c r="A38" s="5">
        <v>27</v>
      </c>
      <c r="B38" s="22">
        <v>77</v>
      </c>
      <c r="C38" s="14">
        <v>72</v>
      </c>
      <c r="D38" s="18">
        <v>149</v>
      </c>
    </row>
    <row r="39" spans="1:4" ht="18" customHeight="1" x14ac:dyDescent="0.15">
      <c r="A39" s="5">
        <v>28</v>
      </c>
      <c r="B39" s="22">
        <v>78</v>
      </c>
      <c r="C39" s="14">
        <v>63</v>
      </c>
      <c r="D39" s="18">
        <v>141</v>
      </c>
    </row>
    <row r="40" spans="1:4" ht="18" customHeight="1" x14ac:dyDescent="0.15">
      <c r="A40" s="5">
        <v>29</v>
      </c>
      <c r="B40" s="22">
        <v>99</v>
      </c>
      <c r="C40" s="14">
        <v>75</v>
      </c>
      <c r="D40" s="18">
        <v>174</v>
      </c>
    </row>
    <row r="41" spans="1:4" ht="18" customHeight="1" x14ac:dyDescent="0.15">
      <c r="A41" s="5" t="s">
        <v>2</v>
      </c>
      <c r="B41" s="22">
        <v>416</v>
      </c>
      <c r="C41" s="14">
        <v>365</v>
      </c>
      <c r="D41" s="18">
        <v>781</v>
      </c>
    </row>
    <row r="42" spans="1:4" ht="18" customHeight="1" x14ac:dyDescent="0.15">
      <c r="A42" s="5">
        <v>30</v>
      </c>
      <c r="B42" s="22">
        <v>69</v>
      </c>
      <c r="C42" s="14">
        <v>79</v>
      </c>
      <c r="D42" s="18">
        <v>148</v>
      </c>
    </row>
    <row r="43" spans="1:4" ht="18" customHeight="1" x14ac:dyDescent="0.15">
      <c r="A43" s="5">
        <v>31</v>
      </c>
      <c r="B43" s="22">
        <v>70</v>
      </c>
      <c r="C43" s="14">
        <v>74</v>
      </c>
      <c r="D43" s="18">
        <v>144</v>
      </c>
    </row>
    <row r="44" spans="1:4" ht="18" customHeight="1" x14ac:dyDescent="0.15">
      <c r="A44" s="5">
        <v>32</v>
      </c>
      <c r="B44" s="22">
        <v>93</v>
      </c>
      <c r="C44" s="14">
        <v>85</v>
      </c>
      <c r="D44" s="18">
        <v>178</v>
      </c>
    </row>
    <row r="45" spans="1:4" ht="18" customHeight="1" x14ac:dyDescent="0.15">
      <c r="A45" s="5">
        <v>33</v>
      </c>
      <c r="B45" s="22">
        <v>80</v>
      </c>
      <c r="C45" s="14">
        <v>77</v>
      </c>
      <c r="D45" s="18">
        <v>157</v>
      </c>
    </row>
    <row r="46" spans="1:4" ht="18" customHeight="1" x14ac:dyDescent="0.15">
      <c r="A46" s="5">
        <v>34</v>
      </c>
      <c r="B46" s="22">
        <v>82</v>
      </c>
      <c r="C46" s="14">
        <v>72</v>
      </c>
      <c r="D46" s="18">
        <v>154</v>
      </c>
    </row>
    <row r="47" spans="1:4" ht="18" customHeight="1" x14ac:dyDescent="0.15">
      <c r="A47" s="5" t="s">
        <v>15</v>
      </c>
      <c r="B47" s="22">
        <v>394</v>
      </c>
      <c r="C47" s="14">
        <v>387</v>
      </c>
      <c r="D47" s="18">
        <v>781</v>
      </c>
    </row>
    <row r="48" spans="1:4" ht="18" customHeight="1" x14ac:dyDescent="0.15">
      <c r="A48" s="5">
        <v>35</v>
      </c>
      <c r="B48" s="22">
        <v>101</v>
      </c>
      <c r="C48" s="14">
        <v>67</v>
      </c>
      <c r="D48" s="18">
        <v>168</v>
      </c>
    </row>
    <row r="49" spans="1:4" ht="18" customHeight="1" x14ac:dyDescent="0.15">
      <c r="A49" s="5">
        <v>36</v>
      </c>
      <c r="B49" s="22">
        <v>69</v>
      </c>
      <c r="C49" s="14">
        <v>70</v>
      </c>
      <c r="D49" s="18">
        <v>139</v>
      </c>
    </row>
    <row r="50" spans="1:4" ht="18" customHeight="1" x14ac:dyDescent="0.15">
      <c r="A50" s="5">
        <v>37</v>
      </c>
      <c r="B50" s="22">
        <v>103</v>
      </c>
      <c r="C50" s="14">
        <v>87</v>
      </c>
      <c r="D50" s="18">
        <v>190</v>
      </c>
    </row>
    <row r="51" spans="1:4" ht="18" customHeight="1" x14ac:dyDescent="0.15">
      <c r="A51" s="5">
        <v>38</v>
      </c>
      <c r="B51" s="22">
        <v>81</v>
      </c>
      <c r="C51" s="14">
        <v>89</v>
      </c>
      <c r="D51" s="18">
        <v>170</v>
      </c>
    </row>
    <row r="52" spans="1:4" ht="18" customHeight="1" x14ac:dyDescent="0.15">
      <c r="A52" s="5">
        <v>39</v>
      </c>
      <c r="B52" s="22">
        <v>76</v>
      </c>
      <c r="C52" s="14">
        <v>83</v>
      </c>
      <c r="D52" s="18">
        <v>159</v>
      </c>
    </row>
    <row r="53" spans="1:4" ht="18" customHeight="1" x14ac:dyDescent="0.15">
      <c r="A53" s="5" t="s">
        <v>18</v>
      </c>
      <c r="B53" s="22">
        <v>430</v>
      </c>
      <c r="C53" s="14">
        <v>396</v>
      </c>
      <c r="D53" s="18">
        <v>826</v>
      </c>
    </row>
    <row r="54" spans="1:4" ht="18" customHeight="1" x14ac:dyDescent="0.15">
      <c r="A54" s="5">
        <v>40</v>
      </c>
      <c r="B54" s="22">
        <v>96</v>
      </c>
      <c r="C54" s="14">
        <v>101</v>
      </c>
      <c r="D54" s="18">
        <v>197</v>
      </c>
    </row>
    <row r="55" spans="1:4" ht="18" customHeight="1" x14ac:dyDescent="0.15">
      <c r="A55" s="5">
        <v>41</v>
      </c>
      <c r="B55" s="22">
        <v>97</v>
      </c>
      <c r="C55" s="14">
        <v>93</v>
      </c>
      <c r="D55" s="18">
        <v>190</v>
      </c>
    </row>
    <row r="56" spans="1:4" ht="18" customHeight="1" x14ac:dyDescent="0.15">
      <c r="A56" s="5">
        <v>42</v>
      </c>
      <c r="B56" s="22">
        <v>97</v>
      </c>
      <c r="C56" s="14">
        <v>91</v>
      </c>
      <c r="D56" s="18">
        <v>188</v>
      </c>
    </row>
    <row r="57" spans="1:4" ht="18" customHeight="1" x14ac:dyDescent="0.15">
      <c r="A57" s="5">
        <v>43</v>
      </c>
      <c r="B57" s="22">
        <v>88</v>
      </c>
      <c r="C57" s="14">
        <v>75</v>
      </c>
      <c r="D57" s="18">
        <v>163</v>
      </c>
    </row>
    <row r="58" spans="1:4" ht="18" customHeight="1" x14ac:dyDescent="0.15">
      <c r="A58" s="5">
        <v>44</v>
      </c>
      <c r="B58" s="22">
        <v>104</v>
      </c>
      <c r="C58" s="14">
        <v>99</v>
      </c>
      <c r="D58" s="18">
        <v>203</v>
      </c>
    </row>
    <row r="59" spans="1:4" ht="18" customHeight="1" x14ac:dyDescent="0.15">
      <c r="A59" s="5" t="s">
        <v>21</v>
      </c>
      <c r="B59" s="22">
        <v>482</v>
      </c>
      <c r="C59" s="14">
        <v>459</v>
      </c>
      <c r="D59" s="18">
        <v>941</v>
      </c>
    </row>
    <row r="60" spans="1:4" ht="18" customHeight="1" x14ac:dyDescent="0.15">
      <c r="A60" s="5">
        <v>45</v>
      </c>
      <c r="B60" s="22">
        <v>94</v>
      </c>
      <c r="C60" s="14">
        <v>93</v>
      </c>
      <c r="D60" s="18">
        <v>187</v>
      </c>
    </row>
    <row r="61" spans="1:4" ht="18" customHeight="1" x14ac:dyDescent="0.15">
      <c r="A61" s="5">
        <v>46</v>
      </c>
      <c r="B61" s="22">
        <v>106</v>
      </c>
      <c r="C61" s="14">
        <v>97</v>
      </c>
      <c r="D61" s="18">
        <v>203</v>
      </c>
    </row>
    <row r="62" spans="1:4" ht="18" customHeight="1" x14ac:dyDescent="0.15">
      <c r="A62" s="5">
        <v>47</v>
      </c>
      <c r="B62" s="22">
        <v>103</v>
      </c>
      <c r="C62" s="14">
        <v>101</v>
      </c>
      <c r="D62" s="18">
        <v>204</v>
      </c>
    </row>
    <row r="63" spans="1:4" ht="18" customHeight="1" x14ac:dyDescent="0.15">
      <c r="A63" s="5">
        <v>48</v>
      </c>
      <c r="B63" s="22">
        <v>104</v>
      </c>
      <c r="C63" s="14">
        <v>74</v>
      </c>
      <c r="D63" s="18">
        <v>178</v>
      </c>
    </row>
    <row r="64" spans="1:4" ht="18" customHeight="1" x14ac:dyDescent="0.15">
      <c r="A64" s="5">
        <v>49</v>
      </c>
      <c r="B64" s="22">
        <v>116</v>
      </c>
      <c r="C64" s="14">
        <v>111</v>
      </c>
      <c r="D64" s="18">
        <v>227</v>
      </c>
    </row>
    <row r="65" spans="1:4" ht="18" customHeight="1" x14ac:dyDescent="0.15">
      <c r="A65" s="5" t="s">
        <v>17</v>
      </c>
      <c r="B65" s="22">
        <v>523</v>
      </c>
      <c r="C65" s="14">
        <v>476</v>
      </c>
      <c r="D65" s="18">
        <v>999</v>
      </c>
    </row>
    <row r="66" spans="1:4" ht="18" customHeight="1" x14ac:dyDescent="0.15">
      <c r="A66" s="5">
        <v>50</v>
      </c>
      <c r="B66" s="22">
        <v>125</v>
      </c>
      <c r="C66" s="14">
        <v>130</v>
      </c>
      <c r="D66" s="18">
        <v>255</v>
      </c>
    </row>
    <row r="67" spans="1:4" ht="18" customHeight="1" x14ac:dyDescent="0.15">
      <c r="A67" s="5">
        <v>51</v>
      </c>
      <c r="B67" s="22">
        <v>123</v>
      </c>
      <c r="C67" s="14">
        <v>137</v>
      </c>
      <c r="D67" s="18">
        <v>260</v>
      </c>
    </row>
    <row r="68" spans="1:4" ht="18" customHeight="1" x14ac:dyDescent="0.15">
      <c r="A68" s="5">
        <v>52</v>
      </c>
      <c r="B68" s="22">
        <v>114</v>
      </c>
      <c r="C68" s="14">
        <v>114</v>
      </c>
      <c r="D68" s="18">
        <v>228</v>
      </c>
    </row>
    <row r="69" spans="1:4" ht="18" customHeight="1" x14ac:dyDescent="0.15">
      <c r="A69" s="5">
        <v>53</v>
      </c>
      <c r="B69" s="22">
        <v>120</v>
      </c>
      <c r="C69" s="14">
        <v>121</v>
      </c>
      <c r="D69" s="18">
        <v>241</v>
      </c>
    </row>
    <row r="70" spans="1:4" ht="18" customHeight="1" x14ac:dyDescent="0.15">
      <c r="A70" s="5">
        <v>54</v>
      </c>
      <c r="B70" s="22">
        <v>118</v>
      </c>
      <c r="C70" s="14">
        <v>111</v>
      </c>
      <c r="D70" s="18">
        <v>229</v>
      </c>
    </row>
    <row r="71" spans="1:4" ht="18" customHeight="1" x14ac:dyDescent="0.15">
      <c r="A71" s="5" t="s">
        <v>22</v>
      </c>
      <c r="B71" s="22">
        <v>600</v>
      </c>
      <c r="C71" s="14">
        <v>613</v>
      </c>
      <c r="D71" s="18">
        <v>1213</v>
      </c>
    </row>
    <row r="72" spans="1:4" ht="18" customHeight="1" x14ac:dyDescent="0.15">
      <c r="A72" s="5">
        <v>55</v>
      </c>
      <c r="B72" s="22">
        <v>119</v>
      </c>
      <c r="C72" s="14">
        <v>94</v>
      </c>
      <c r="D72" s="18">
        <v>213</v>
      </c>
    </row>
    <row r="73" spans="1:4" ht="18" customHeight="1" x14ac:dyDescent="0.15">
      <c r="A73" s="5">
        <v>56</v>
      </c>
      <c r="B73" s="22">
        <v>104</v>
      </c>
      <c r="C73" s="14">
        <v>105</v>
      </c>
      <c r="D73" s="18">
        <v>209</v>
      </c>
    </row>
    <row r="74" spans="1:4" ht="18" customHeight="1" x14ac:dyDescent="0.15">
      <c r="A74" s="5">
        <v>57</v>
      </c>
      <c r="B74" s="22">
        <v>119</v>
      </c>
      <c r="C74" s="14">
        <v>115</v>
      </c>
      <c r="D74" s="18">
        <v>234</v>
      </c>
    </row>
    <row r="75" spans="1:4" ht="18" customHeight="1" x14ac:dyDescent="0.15">
      <c r="A75" s="5">
        <v>58</v>
      </c>
      <c r="B75" s="22">
        <v>118</v>
      </c>
      <c r="C75" s="14">
        <v>111</v>
      </c>
      <c r="D75" s="18">
        <v>229</v>
      </c>
    </row>
    <row r="76" spans="1:4" ht="18" customHeight="1" x14ac:dyDescent="0.15">
      <c r="A76" s="5">
        <v>59</v>
      </c>
      <c r="B76" s="22">
        <v>82</v>
      </c>
      <c r="C76" s="14">
        <v>80</v>
      </c>
      <c r="D76" s="18">
        <v>162</v>
      </c>
    </row>
    <row r="77" spans="1:4" ht="18" customHeight="1" x14ac:dyDescent="0.15">
      <c r="A77" s="5" t="s">
        <v>27</v>
      </c>
      <c r="B77" s="22">
        <v>542</v>
      </c>
      <c r="C77" s="14">
        <v>505</v>
      </c>
      <c r="D77" s="18">
        <v>1047</v>
      </c>
    </row>
    <row r="78" spans="1:4" ht="18" customHeight="1" x14ac:dyDescent="0.15">
      <c r="A78" s="5">
        <v>60</v>
      </c>
      <c r="B78" s="22">
        <v>105</v>
      </c>
      <c r="C78" s="14">
        <v>105</v>
      </c>
      <c r="D78" s="18">
        <v>210</v>
      </c>
    </row>
    <row r="79" spans="1:4" ht="18" customHeight="1" x14ac:dyDescent="0.15">
      <c r="A79" s="5">
        <v>61</v>
      </c>
      <c r="B79" s="22">
        <v>94</v>
      </c>
      <c r="C79" s="14">
        <v>101</v>
      </c>
      <c r="D79" s="18">
        <v>195</v>
      </c>
    </row>
    <row r="80" spans="1:4" ht="18" customHeight="1" x14ac:dyDescent="0.15">
      <c r="A80" s="5">
        <v>62</v>
      </c>
      <c r="B80" s="22">
        <v>94</v>
      </c>
      <c r="C80" s="14">
        <v>93</v>
      </c>
      <c r="D80" s="18">
        <v>187</v>
      </c>
    </row>
    <row r="81" spans="1:4" ht="18" customHeight="1" x14ac:dyDescent="0.15">
      <c r="A81" s="5">
        <v>63</v>
      </c>
      <c r="B81" s="22">
        <v>100</v>
      </c>
      <c r="C81" s="14">
        <v>110</v>
      </c>
      <c r="D81" s="18">
        <v>210</v>
      </c>
    </row>
    <row r="82" spans="1:4" ht="18" customHeight="1" x14ac:dyDescent="0.15">
      <c r="A82" s="5">
        <v>64</v>
      </c>
      <c r="B82" s="22">
        <v>86</v>
      </c>
      <c r="C82" s="14">
        <v>89</v>
      </c>
      <c r="D82" s="18">
        <v>175</v>
      </c>
    </row>
    <row r="83" spans="1:4" ht="18" customHeight="1" x14ac:dyDescent="0.15">
      <c r="A83" s="5" t="s">
        <v>28</v>
      </c>
      <c r="B83" s="22">
        <v>479</v>
      </c>
      <c r="C83" s="14">
        <v>498</v>
      </c>
      <c r="D83" s="18">
        <v>977</v>
      </c>
    </row>
    <row r="84" spans="1:4" ht="18" customHeight="1" x14ac:dyDescent="0.15">
      <c r="A84" s="5" t="s">
        <v>31</v>
      </c>
      <c r="B84" s="22">
        <v>4505</v>
      </c>
      <c r="C84" s="14">
        <v>4324</v>
      </c>
      <c r="D84" s="18">
        <v>8829</v>
      </c>
    </row>
    <row r="85" spans="1:4" ht="18" customHeight="1" x14ac:dyDescent="0.15">
      <c r="A85" s="5">
        <v>65</v>
      </c>
      <c r="B85" s="22">
        <v>97</v>
      </c>
      <c r="C85" s="14">
        <v>91</v>
      </c>
      <c r="D85" s="18">
        <v>188</v>
      </c>
    </row>
    <row r="86" spans="1:4" ht="18" customHeight="1" x14ac:dyDescent="0.15">
      <c r="A86" s="5">
        <v>66</v>
      </c>
      <c r="B86" s="22">
        <v>83</v>
      </c>
      <c r="C86" s="14">
        <v>89</v>
      </c>
      <c r="D86" s="18">
        <v>172</v>
      </c>
    </row>
    <row r="87" spans="1:4" ht="18" customHeight="1" x14ac:dyDescent="0.15">
      <c r="A87" s="5">
        <v>67</v>
      </c>
      <c r="B87" s="22">
        <v>77</v>
      </c>
      <c r="C87" s="14">
        <v>84</v>
      </c>
      <c r="D87" s="18">
        <v>161</v>
      </c>
    </row>
    <row r="88" spans="1:4" ht="18" customHeight="1" x14ac:dyDescent="0.15">
      <c r="A88" s="5">
        <v>68</v>
      </c>
      <c r="B88" s="22">
        <v>82</v>
      </c>
      <c r="C88" s="14">
        <v>83</v>
      </c>
      <c r="D88" s="18">
        <v>165</v>
      </c>
    </row>
    <row r="89" spans="1:4" ht="18" customHeight="1" x14ac:dyDescent="0.15">
      <c r="A89" s="5">
        <v>69</v>
      </c>
      <c r="B89" s="22">
        <v>76</v>
      </c>
      <c r="C89" s="14">
        <v>85</v>
      </c>
      <c r="D89" s="18">
        <v>161</v>
      </c>
    </row>
    <row r="90" spans="1:4" ht="18" customHeight="1" x14ac:dyDescent="0.15">
      <c r="A90" s="5" t="s">
        <v>20</v>
      </c>
      <c r="B90" s="22">
        <v>415</v>
      </c>
      <c r="C90" s="14">
        <v>432</v>
      </c>
      <c r="D90" s="18">
        <v>847</v>
      </c>
    </row>
    <row r="91" spans="1:4" ht="18" customHeight="1" x14ac:dyDescent="0.15">
      <c r="A91" s="5">
        <v>70</v>
      </c>
      <c r="B91" s="22">
        <v>95</v>
      </c>
      <c r="C91" s="14">
        <v>95</v>
      </c>
      <c r="D91" s="18">
        <v>190</v>
      </c>
    </row>
    <row r="92" spans="1:4" ht="18" customHeight="1" x14ac:dyDescent="0.15">
      <c r="A92" s="5">
        <v>71</v>
      </c>
      <c r="B92" s="22">
        <v>78</v>
      </c>
      <c r="C92" s="14">
        <v>94</v>
      </c>
      <c r="D92" s="18">
        <v>172</v>
      </c>
    </row>
    <row r="93" spans="1:4" ht="18" customHeight="1" x14ac:dyDescent="0.15">
      <c r="A93" s="5">
        <v>72</v>
      </c>
      <c r="B93" s="22">
        <v>98</v>
      </c>
      <c r="C93" s="14">
        <v>111</v>
      </c>
      <c r="D93" s="18">
        <v>209</v>
      </c>
    </row>
    <row r="94" spans="1:4" ht="18" customHeight="1" x14ac:dyDescent="0.15">
      <c r="A94" s="5">
        <v>73</v>
      </c>
      <c r="B94" s="22">
        <v>93</v>
      </c>
      <c r="C94" s="14">
        <v>103</v>
      </c>
      <c r="D94" s="18">
        <v>196</v>
      </c>
    </row>
    <row r="95" spans="1:4" ht="18" customHeight="1" x14ac:dyDescent="0.15">
      <c r="A95" s="5">
        <v>74</v>
      </c>
      <c r="B95" s="22">
        <v>88</v>
      </c>
      <c r="C95" s="14">
        <v>117</v>
      </c>
      <c r="D95" s="18">
        <v>205</v>
      </c>
    </row>
    <row r="96" spans="1:4" ht="18" customHeight="1" x14ac:dyDescent="0.15">
      <c r="A96" s="5" t="s">
        <v>33</v>
      </c>
      <c r="B96" s="22">
        <v>452</v>
      </c>
      <c r="C96" s="14">
        <v>520</v>
      </c>
      <c r="D96" s="18">
        <v>972</v>
      </c>
    </row>
    <row r="97" spans="1:4" ht="18" customHeight="1" x14ac:dyDescent="0.15">
      <c r="A97" s="5">
        <v>75</v>
      </c>
      <c r="B97" s="22">
        <v>94</v>
      </c>
      <c r="C97" s="14">
        <v>128</v>
      </c>
      <c r="D97" s="18">
        <v>222</v>
      </c>
    </row>
    <row r="98" spans="1:4" ht="18" customHeight="1" x14ac:dyDescent="0.15">
      <c r="A98" s="5">
        <v>76</v>
      </c>
      <c r="B98" s="22">
        <v>106</v>
      </c>
      <c r="C98" s="14">
        <v>135</v>
      </c>
      <c r="D98" s="18">
        <v>241</v>
      </c>
    </row>
    <row r="99" spans="1:4" ht="18" customHeight="1" x14ac:dyDescent="0.15">
      <c r="A99" s="5">
        <v>77</v>
      </c>
      <c r="B99" s="22">
        <v>123</v>
      </c>
      <c r="C99" s="14">
        <v>130</v>
      </c>
      <c r="D99" s="18">
        <v>253</v>
      </c>
    </row>
    <row r="100" spans="1:4" ht="18" customHeight="1" x14ac:dyDescent="0.15">
      <c r="A100" s="5">
        <v>78</v>
      </c>
      <c r="B100" s="22">
        <v>108</v>
      </c>
      <c r="C100" s="14">
        <v>131</v>
      </c>
      <c r="D100" s="18">
        <v>239</v>
      </c>
    </row>
    <row r="101" spans="1:4" ht="18" customHeight="1" x14ac:dyDescent="0.15">
      <c r="A101" s="5">
        <v>79</v>
      </c>
      <c r="B101" s="22">
        <v>70</v>
      </c>
      <c r="C101" s="14">
        <v>93</v>
      </c>
      <c r="D101" s="18">
        <v>163</v>
      </c>
    </row>
    <row r="102" spans="1:4" ht="18" customHeight="1" x14ac:dyDescent="0.15">
      <c r="A102" s="5" t="s">
        <v>0</v>
      </c>
      <c r="B102" s="22">
        <v>501</v>
      </c>
      <c r="C102" s="14">
        <v>617</v>
      </c>
      <c r="D102" s="18">
        <v>1118</v>
      </c>
    </row>
    <row r="103" spans="1:4" ht="18" customHeight="1" x14ac:dyDescent="0.15">
      <c r="A103" s="5">
        <v>80</v>
      </c>
      <c r="B103" s="22">
        <v>48</v>
      </c>
      <c r="C103" s="14">
        <v>78</v>
      </c>
      <c r="D103" s="18">
        <v>126</v>
      </c>
    </row>
    <row r="104" spans="1:4" ht="18" customHeight="1" x14ac:dyDescent="0.15">
      <c r="A104" s="5">
        <v>81</v>
      </c>
      <c r="B104" s="22">
        <v>75</v>
      </c>
      <c r="C104" s="14">
        <v>96</v>
      </c>
      <c r="D104" s="18">
        <v>171</v>
      </c>
    </row>
    <row r="105" spans="1:4" ht="18" customHeight="1" x14ac:dyDescent="0.15">
      <c r="A105" s="5">
        <v>82</v>
      </c>
      <c r="B105" s="22">
        <v>65</v>
      </c>
      <c r="C105" s="14">
        <v>101</v>
      </c>
      <c r="D105" s="18">
        <v>166</v>
      </c>
    </row>
    <row r="106" spans="1:4" ht="18" customHeight="1" x14ac:dyDescent="0.15">
      <c r="A106" s="5">
        <v>83</v>
      </c>
      <c r="B106" s="22">
        <v>60</v>
      </c>
      <c r="C106" s="14">
        <v>81</v>
      </c>
      <c r="D106" s="18">
        <v>141</v>
      </c>
    </row>
    <row r="107" spans="1:4" ht="18" customHeight="1" x14ac:dyDescent="0.15">
      <c r="A107" s="5">
        <v>84</v>
      </c>
      <c r="B107" s="22">
        <v>54</v>
      </c>
      <c r="C107" s="14">
        <v>74</v>
      </c>
      <c r="D107" s="18">
        <v>128</v>
      </c>
    </row>
    <row r="108" spans="1:4" ht="18" customHeight="1" x14ac:dyDescent="0.15">
      <c r="A108" s="5" t="s">
        <v>35</v>
      </c>
      <c r="B108" s="22">
        <v>302</v>
      </c>
      <c r="C108" s="14">
        <v>430</v>
      </c>
      <c r="D108" s="18">
        <v>732</v>
      </c>
    </row>
    <row r="109" spans="1:4" ht="18" customHeight="1" x14ac:dyDescent="0.15">
      <c r="A109" s="5">
        <v>85</v>
      </c>
      <c r="B109" s="22">
        <v>52</v>
      </c>
      <c r="C109" s="14">
        <v>62</v>
      </c>
      <c r="D109" s="18">
        <v>114</v>
      </c>
    </row>
    <row r="110" spans="1:4" ht="18" customHeight="1" x14ac:dyDescent="0.15">
      <c r="A110" s="5">
        <v>86</v>
      </c>
      <c r="B110" s="22">
        <v>45</v>
      </c>
      <c r="C110" s="14">
        <v>69</v>
      </c>
      <c r="D110" s="18">
        <v>114</v>
      </c>
    </row>
    <row r="111" spans="1:4" ht="18" customHeight="1" x14ac:dyDescent="0.15">
      <c r="A111" s="5">
        <v>87</v>
      </c>
      <c r="B111" s="22">
        <v>32</v>
      </c>
      <c r="C111" s="14">
        <v>58</v>
      </c>
      <c r="D111" s="18">
        <v>90</v>
      </c>
    </row>
    <row r="112" spans="1:4" ht="18" customHeight="1" x14ac:dyDescent="0.15">
      <c r="A112" s="5">
        <v>88</v>
      </c>
      <c r="B112" s="22">
        <v>32</v>
      </c>
      <c r="C112" s="14">
        <v>60</v>
      </c>
      <c r="D112" s="18">
        <v>92</v>
      </c>
    </row>
    <row r="113" spans="1:4" ht="18" customHeight="1" x14ac:dyDescent="0.15">
      <c r="A113" s="5">
        <v>89</v>
      </c>
      <c r="B113" s="22">
        <v>30</v>
      </c>
      <c r="C113" s="14">
        <v>48</v>
      </c>
      <c r="D113" s="18">
        <v>78</v>
      </c>
    </row>
    <row r="114" spans="1:4" ht="18" customHeight="1" x14ac:dyDescent="0.15">
      <c r="A114" s="5" t="s">
        <v>37</v>
      </c>
      <c r="B114" s="22">
        <v>191</v>
      </c>
      <c r="C114" s="14">
        <v>297</v>
      </c>
      <c r="D114" s="18">
        <v>488</v>
      </c>
    </row>
    <row r="115" spans="1:4" ht="18" customHeight="1" x14ac:dyDescent="0.15">
      <c r="A115" s="5">
        <v>90</v>
      </c>
      <c r="B115" s="22">
        <v>23</v>
      </c>
      <c r="C115" s="14">
        <v>43</v>
      </c>
      <c r="D115" s="18">
        <v>66</v>
      </c>
    </row>
    <row r="116" spans="1:4" ht="18" customHeight="1" x14ac:dyDescent="0.15">
      <c r="A116" s="5">
        <v>91</v>
      </c>
      <c r="B116" s="22">
        <v>13</v>
      </c>
      <c r="C116" s="14">
        <v>35</v>
      </c>
      <c r="D116" s="18">
        <v>48</v>
      </c>
    </row>
    <row r="117" spans="1:4" ht="18" customHeight="1" x14ac:dyDescent="0.15">
      <c r="A117" s="5">
        <v>92</v>
      </c>
      <c r="B117" s="22">
        <v>10</v>
      </c>
      <c r="C117" s="14">
        <v>38</v>
      </c>
      <c r="D117" s="18">
        <v>48</v>
      </c>
    </row>
    <row r="118" spans="1:4" ht="18" customHeight="1" x14ac:dyDescent="0.15">
      <c r="A118" s="5">
        <v>93</v>
      </c>
      <c r="B118" s="22">
        <v>7</v>
      </c>
      <c r="C118" s="14">
        <v>23</v>
      </c>
      <c r="D118" s="18">
        <v>30</v>
      </c>
    </row>
    <row r="119" spans="1:4" ht="18" customHeight="1" x14ac:dyDescent="0.15">
      <c r="A119" s="5">
        <v>94</v>
      </c>
      <c r="B119" s="22">
        <v>6</v>
      </c>
      <c r="C119" s="14">
        <v>20</v>
      </c>
      <c r="D119" s="18">
        <v>26</v>
      </c>
    </row>
    <row r="120" spans="1:4" ht="18" customHeight="1" x14ac:dyDescent="0.15">
      <c r="A120" s="5" t="s">
        <v>39</v>
      </c>
      <c r="B120" s="22">
        <v>59</v>
      </c>
      <c r="C120" s="14">
        <v>159</v>
      </c>
      <c r="D120" s="18">
        <v>218</v>
      </c>
    </row>
    <row r="121" spans="1:4" ht="18" customHeight="1" x14ac:dyDescent="0.15">
      <c r="A121" s="5">
        <v>95</v>
      </c>
      <c r="B121" s="22">
        <v>3</v>
      </c>
      <c r="C121" s="14">
        <v>17</v>
      </c>
      <c r="D121" s="18">
        <v>20</v>
      </c>
    </row>
    <row r="122" spans="1:4" ht="18" customHeight="1" x14ac:dyDescent="0.15">
      <c r="A122" s="5">
        <v>96</v>
      </c>
      <c r="B122" s="22">
        <v>4</v>
      </c>
      <c r="C122" s="14">
        <v>13</v>
      </c>
      <c r="D122" s="18">
        <v>17</v>
      </c>
    </row>
    <row r="123" spans="1:4" ht="18" customHeight="1" x14ac:dyDescent="0.15">
      <c r="A123" s="5">
        <v>97</v>
      </c>
      <c r="B123" s="22">
        <v>3</v>
      </c>
      <c r="C123" s="14">
        <v>16</v>
      </c>
      <c r="D123" s="18">
        <v>19</v>
      </c>
    </row>
    <row r="124" spans="1:4" ht="18" customHeight="1" x14ac:dyDescent="0.15">
      <c r="A124" s="5">
        <v>98</v>
      </c>
      <c r="B124" s="22">
        <v>2</v>
      </c>
      <c r="C124" s="14">
        <v>2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12</v>
      </c>
      <c r="C126" s="14">
        <v>53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9</v>
      </c>
      <c r="D129" s="18">
        <v>10</v>
      </c>
    </row>
    <row r="130" spans="1:4" ht="18" customHeight="1" x14ac:dyDescent="0.15">
      <c r="A130" s="5" t="s">
        <v>46</v>
      </c>
      <c r="B130" s="22">
        <v>1933</v>
      </c>
      <c r="C130" s="14">
        <v>2517</v>
      </c>
      <c r="D130" s="18">
        <v>4450</v>
      </c>
    </row>
    <row r="131" spans="1:4" ht="18" customHeight="1" x14ac:dyDescent="0.15">
      <c r="A131" s="7" t="s">
        <v>45</v>
      </c>
      <c r="B131" s="23">
        <v>7404</v>
      </c>
      <c r="C131" s="15">
        <v>7743</v>
      </c>
      <c r="D131" s="19">
        <v>151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5</v>
      </c>
      <c r="C5" s="13">
        <v>52</v>
      </c>
      <c r="D5" s="17">
        <v>97</v>
      </c>
    </row>
    <row r="6" spans="1:4" ht="18" customHeight="1" x14ac:dyDescent="0.15">
      <c r="A6" s="5">
        <v>1</v>
      </c>
      <c r="B6" s="22">
        <v>43</v>
      </c>
      <c r="C6" s="14">
        <v>42</v>
      </c>
      <c r="D6" s="18">
        <v>85</v>
      </c>
    </row>
    <row r="7" spans="1:4" ht="18" customHeight="1" x14ac:dyDescent="0.15">
      <c r="A7" s="5">
        <v>2</v>
      </c>
      <c r="B7" s="22">
        <v>48</v>
      </c>
      <c r="C7" s="14">
        <v>39</v>
      </c>
      <c r="D7" s="18">
        <v>87</v>
      </c>
    </row>
    <row r="8" spans="1:4" ht="18" customHeight="1" x14ac:dyDescent="0.15">
      <c r="A8" s="5">
        <v>3</v>
      </c>
      <c r="B8" s="22">
        <v>60</v>
      </c>
      <c r="C8" s="14">
        <v>49</v>
      </c>
      <c r="D8" s="18">
        <v>109</v>
      </c>
    </row>
    <row r="9" spans="1:4" ht="18" customHeight="1" x14ac:dyDescent="0.15">
      <c r="A9" s="5">
        <v>4</v>
      </c>
      <c r="B9" s="22">
        <v>44</v>
      </c>
      <c r="C9" s="14">
        <v>42</v>
      </c>
      <c r="D9" s="18">
        <v>86</v>
      </c>
    </row>
    <row r="10" spans="1:4" ht="18" customHeight="1" x14ac:dyDescent="0.15">
      <c r="A10" s="5" t="s">
        <v>7</v>
      </c>
      <c r="B10" s="22">
        <v>240</v>
      </c>
      <c r="C10" s="14">
        <v>224</v>
      </c>
      <c r="D10" s="18">
        <v>464</v>
      </c>
    </row>
    <row r="11" spans="1:4" ht="18" customHeight="1" x14ac:dyDescent="0.15">
      <c r="A11" s="5">
        <v>5</v>
      </c>
      <c r="B11" s="22">
        <v>43</v>
      </c>
      <c r="C11" s="14">
        <v>47</v>
      </c>
      <c r="D11" s="18">
        <v>90</v>
      </c>
    </row>
    <row r="12" spans="1:4" ht="18" customHeight="1" x14ac:dyDescent="0.15">
      <c r="A12" s="5">
        <v>6</v>
      </c>
      <c r="B12" s="22">
        <v>33</v>
      </c>
      <c r="C12" s="14">
        <v>41</v>
      </c>
      <c r="D12" s="18">
        <v>74</v>
      </c>
    </row>
    <row r="13" spans="1:4" ht="18" customHeight="1" x14ac:dyDescent="0.15">
      <c r="A13" s="5">
        <v>7</v>
      </c>
      <c r="B13" s="22">
        <v>27</v>
      </c>
      <c r="C13" s="14">
        <v>45</v>
      </c>
      <c r="D13" s="18">
        <v>72</v>
      </c>
    </row>
    <row r="14" spans="1:4" ht="18" customHeight="1" x14ac:dyDescent="0.15">
      <c r="A14" s="5">
        <v>8</v>
      </c>
      <c r="B14" s="22">
        <v>41</v>
      </c>
      <c r="C14" s="14">
        <v>34</v>
      </c>
      <c r="D14" s="18">
        <v>75</v>
      </c>
    </row>
    <row r="15" spans="1:4" ht="18" customHeight="1" x14ac:dyDescent="0.15">
      <c r="A15" s="5">
        <v>9</v>
      </c>
      <c r="B15" s="22">
        <v>37</v>
      </c>
      <c r="C15" s="14">
        <v>39</v>
      </c>
      <c r="D15" s="18">
        <v>76</v>
      </c>
    </row>
    <row r="16" spans="1:4" ht="18" customHeight="1" x14ac:dyDescent="0.15">
      <c r="A16" s="5" t="s">
        <v>11</v>
      </c>
      <c r="B16" s="22">
        <v>181</v>
      </c>
      <c r="C16" s="14">
        <v>206</v>
      </c>
      <c r="D16" s="18">
        <v>387</v>
      </c>
    </row>
    <row r="17" spans="1:4" ht="18" customHeight="1" x14ac:dyDescent="0.15">
      <c r="A17" s="5">
        <v>10</v>
      </c>
      <c r="B17" s="22">
        <v>31</v>
      </c>
      <c r="C17" s="14">
        <v>27</v>
      </c>
      <c r="D17" s="18">
        <v>58</v>
      </c>
    </row>
    <row r="18" spans="1:4" ht="18" customHeight="1" x14ac:dyDescent="0.15">
      <c r="A18" s="5">
        <v>11</v>
      </c>
      <c r="B18" s="22">
        <v>28</v>
      </c>
      <c r="C18" s="14">
        <v>32</v>
      </c>
      <c r="D18" s="18">
        <v>60</v>
      </c>
    </row>
    <row r="19" spans="1:4" ht="18" customHeight="1" x14ac:dyDescent="0.15">
      <c r="A19" s="5">
        <v>12</v>
      </c>
      <c r="B19" s="22">
        <v>33</v>
      </c>
      <c r="C19" s="14">
        <v>24</v>
      </c>
      <c r="D19" s="18">
        <v>57</v>
      </c>
    </row>
    <row r="20" spans="1:4" ht="18" customHeight="1" x14ac:dyDescent="0.15">
      <c r="A20" s="5">
        <v>13</v>
      </c>
      <c r="B20" s="22">
        <v>34</v>
      </c>
      <c r="C20" s="14">
        <v>41</v>
      </c>
      <c r="D20" s="18">
        <v>75</v>
      </c>
    </row>
    <row r="21" spans="1:4" ht="18" customHeight="1" x14ac:dyDescent="0.15">
      <c r="A21" s="5">
        <v>14</v>
      </c>
      <c r="B21" s="22">
        <v>30</v>
      </c>
      <c r="C21" s="14">
        <v>28</v>
      </c>
      <c r="D21" s="18">
        <v>58</v>
      </c>
    </row>
    <row r="22" spans="1:4" ht="18" customHeight="1" x14ac:dyDescent="0.15">
      <c r="A22" s="5" t="s">
        <v>12</v>
      </c>
      <c r="B22" s="22">
        <v>156</v>
      </c>
      <c r="C22" s="14">
        <v>152</v>
      </c>
      <c r="D22" s="18">
        <v>308</v>
      </c>
    </row>
    <row r="23" spans="1:4" ht="18" customHeight="1" x14ac:dyDescent="0.15">
      <c r="A23" s="5" t="s">
        <v>6</v>
      </c>
      <c r="B23" s="22">
        <v>577</v>
      </c>
      <c r="C23" s="14">
        <v>582</v>
      </c>
      <c r="D23" s="18">
        <v>1159</v>
      </c>
    </row>
    <row r="24" spans="1:4" ht="18" customHeight="1" x14ac:dyDescent="0.15">
      <c r="A24" s="5">
        <v>15</v>
      </c>
      <c r="B24" s="22">
        <v>30</v>
      </c>
      <c r="C24" s="14">
        <v>22</v>
      </c>
      <c r="D24" s="18">
        <v>52</v>
      </c>
    </row>
    <row r="25" spans="1:4" ht="18" customHeight="1" x14ac:dyDescent="0.15">
      <c r="A25" s="5">
        <v>16</v>
      </c>
      <c r="B25" s="22">
        <v>34</v>
      </c>
      <c r="C25" s="14">
        <v>36</v>
      </c>
      <c r="D25" s="18">
        <v>70</v>
      </c>
    </row>
    <row r="26" spans="1:4" ht="18" customHeight="1" x14ac:dyDescent="0.15">
      <c r="A26" s="5">
        <v>17</v>
      </c>
      <c r="B26" s="22">
        <v>47</v>
      </c>
      <c r="C26" s="14">
        <v>39</v>
      </c>
      <c r="D26" s="18">
        <v>86</v>
      </c>
    </row>
    <row r="27" spans="1:4" ht="18" customHeight="1" x14ac:dyDescent="0.15">
      <c r="A27" s="5">
        <v>18</v>
      </c>
      <c r="B27" s="22">
        <v>40</v>
      </c>
      <c r="C27" s="14">
        <v>47</v>
      </c>
      <c r="D27" s="18">
        <v>87</v>
      </c>
    </row>
    <row r="28" spans="1:4" ht="18" customHeight="1" x14ac:dyDescent="0.15">
      <c r="A28" s="5">
        <v>19</v>
      </c>
      <c r="B28" s="22">
        <v>36</v>
      </c>
      <c r="C28" s="14">
        <v>40</v>
      </c>
      <c r="D28" s="18">
        <v>76</v>
      </c>
    </row>
    <row r="29" spans="1:4" ht="18" customHeight="1" x14ac:dyDescent="0.15">
      <c r="A29" s="5" t="s">
        <v>14</v>
      </c>
      <c r="B29" s="22">
        <v>187</v>
      </c>
      <c r="C29" s="14">
        <v>184</v>
      </c>
      <c r="D29" s="18">
        <v>371</v>
      </c>
    </row>
    <row r="30" spans="1:4" ht="18" customHeight="1" x14ac:dyDescent="0.15">
      <c r="A30" s="5">
        <v>20</v>
      </c>
      <c r="B30" s="22">
        <v>39</v>
      </c>
      <c r="C30" s="14">
        <v>34</v>
      </c>
      <c r="D30" s="18">
        <v>73</v>
      </c>
    </row>
    <row r="31" spans="1:4" ht="18" customHeight="1" x14ac:dyDescent="0.15">
      <c r="A31" s="5">
        <v>21</v>
      </c>
      <c r="B31" s="22">
        <v>40</v>
      </c>
      <c r="C31" s="14">
        <v>37</v>
      </c>
      <c r="D31" s="18">
        <v>77</v>
      </c>
    </row>
    <row r="32" spans="1:4" ht="18" customHeight="1" x14ac:dyDescent="0.15">
      <c r="A32" s="5">
        <v>22</v>
      </c>
      <c r="B32" s="22">
        <v>45</v>
      </c>
      <c r="C32" s="14">
        <v>36</v>
      </c>
      <c r="D32" s="18">
        <v>81</v>
      </c>
    </row>
    <row r="33" spans="1:4" ht="18" customHeight="1" x14ac:dyDescent="0.15">
      <c r="A33" s="5">
        <v>23</v>
      </c>
      <c r="B33" s="22">
        <v>43</v>
      </c>
      <c r="C33" s="14">
        <v>54</v>
      </c>
      <c r="D33" s="18">
        <v>97</v>
      </c>
    </row>
    <row r="34" spans="1:4" ht="18" customHeight="1" x14ac:dyDescent="0.15">
      <c r="A34" s="5">
        <v>24</v>
      </c>
      <c r="B34" s="22">
        <v>60</v>
      </c>
      <c r="C34" s="14">
        <v>31</v>
      </c>
      <c r="D34" s="18">
        <v>91</v>
      </c>
    </row>
    <row r="35" spans="1:4" ht="18" customHeight="1" x14ac:dyDescent="0.15">
      <c r="A35" s="5" t="s">
        <v>9</v>
      </c>
      <c r="B35" s="22">
        <v>227</v>
      </c>
      <c r="C35" s="14">
        <v>192</v>
      </c>
      <c r="D35" s="18">
        <v>419</v>
      </c>
    </row>
    <row r="36" spans="1:4" ht="18" customHeight="1" x14ac:dyDescent="0.15">
      <c r="A36" s="5">
        <v>25</v>
      </c>
      <c r="B36" s="22">
        <v>56</v>
      </c>
      <c r="C36" s="14">
        <v>56</v>
      </c>
      <c r="D36" s="18">
        <v>112</v>
      </c>
    </row>
    <row r="37" spans="1:4" ht="18" customHeight="1" x14ac:dyDescent="0.15">
      <c r="A37" s="5">
        <v>26</v>
      </c>
      <c r="B37" s="22">
        <v>61</v>
      </c>
      <c r="C37" s="14">
        <v>69</v>
      </c>
      <c r="D37" s="18">
        <v>130</v>
      </c>
    </row>
    <row r="38" spans="1:4" ht="18" customHeight="1" x14ac:dyDescent="0.15">
      <c r="A38" s="5">
        <v>27</v>
      </c>
      <c r="B38" s="22">
        <v>64</v>
      </c>
      <c r="C38" s="14">
        <v>56</v>
      </c>
      <c r="D38" s="18">
        <v>120</v>
      </c>
    </row>
    <row r="39" spans="1:4" ht="18" customHeight="1" x14ac:dyDescent="0.15">
      <c r="A39" s="5">
        <v>28</v>
      </c>
      <c r="B39" s="22">
        <v>65</v>
      </c>
      <c r="C39" s="14">
        <v>58</v>
      </c>
      <c r="D39" s="18">
        <v>123</v>
      </c>
    </row>
    <row r="40" spans="1:4" ht="18" customHeight="1" x14ac:dyDescent="0.15">
      <c r="A40" s="5">
        <v>29</v>
      </c>
      <c r="B40" s="22">
        <v>73</v>
      </c>
      <c r="C40" s="14">
        <v>69</v>
      </c>
      <c r="D40" s="18">
        <v>142</v>
      </c>
    </row>
    <row r="41" spans="1:4" ht="18" customHeight="1" x14ac:dyDescent="0.15">
      <c r="A41" s="5" t="s">
        <v>2</v>
      </c>
      <c r="B41" s="22">
        <v>319</v>
      </c>
      <c r="C41" s="14">
        <v>308</v>
      </c>
      <c r="D41" s="18">
        <v>627</v>
      </c>
    </row>
    <row r="42" spans="1:4" ht="18" customHeight="1" x14ac:dyDescent="0.15">
      <c r="A42" s="5">
        <v>30</v>
      </c>
      <c r="B42" s="22">
        <v>75</v>
      </c>
      <c r="C42" s="14">
        <v>73</v>
      </c>
      <c r="D42" s="18">
        <v>148</v>
      </c>
    </row>
    <row r="43" spans="1:4" ht="18" customHeight="1" x14ac:dyDescent="0.15">
      <c r="A43" s="5">
        <v>31</v>
      </c>
      <c r="B43" s="22">
        <v>88</v>
      </c>
      <c r="C43" s="14">
        <v>70</v>
      </c>
      <c r="D43" s="18">
        <v>158</v>
      </c>
    </row>
    <row r="44" spans="1:4" ht="18" customHeight="1" x14ac:dyDescent="0.15">
      <c r="A44" s="5">
        <v>32</v>
      </c>
      <c r="B44" s="22">
        <v>60</v>
      </c>
      <c r="C44" s="14">
        <v>73</v>
      </c>
      <c r="D44" s="18">
        <v>133</v>
      </c>
    </row>
    <row r="45" spans="1:4" ht="18" customHeight="1" x14ac:dyDescent="0.15">
      <c r="A45" s="5">
        <v>33</v>
      </c>
      <c r="B45" s="22">
        <v>70</v>
      </c>
      <c r="C45" s="14">
        <v>71</v>
      </c>
      <c r="D45" s="18">
        <v>141</v>
      </c>
    </row>
    <row r="46" spans="1:4" ht="18" customHeight="1" x14ac:dyDescent="0.15">
      <c r="A46" s="5">
        <v>34</v>
      </c>
      <c r="B46" s="22">
        <v>74</v>
      </c>
      <c r="C46" s="14">
        <v>74</v>
      </c>
      <c r="D46" s="18">
        <v>148</v>
      </c>
    </row>
    <row r="47" spans="1:4" ht="18" customHeight="1" x14ac:dyDescent="0.15">
      <c r="A47" s="5" t="s">
        <v>15</v>
      </c>
      <c r="B47" s="22">
        <v>367</v>
      </c>
      <c r="C47" s="14">
        <v>361</v>
      </c>
      <c r="D47" s="18">
        <v>728</v>
      </c>
    </row>
    <row r="48" spans="1:4" ht="18" customHeight="1" x14ac:dyDescent="0.15">
      <c r="A48" s="5">
        <v>35</v>
      </c>
      <c r="B48" s="22">
        <v>65</v>
      </c>
      <c r="C48" s="14">
        <v>56</v>
      </c>
      <c r="D48" s="18">
        <v>121</v>
      </c>
    </row>
    <row r="49" spans="1:4" ht="18" customHeight="1" x14ac:dyDescent="0.15">
      <c r="A49" s="5">
        <v>36</v>
      </c>
      <c r="B49" s="22">
        <v>65</v>
      </c>
      <c r="C49" s="14">
        <v>71</v>
      </c>
      <c r="D49" s="18">
        <v>136</v>
      </c>
    </row>
    <row r="50" spans="1:4" ht="18" customHeight="1" x14ac:dyDescent="0.15">
      <c r="A50" s="5">
        <v>37</v>
      </c>
      <c r="B50" s="22">
        <v>84</v>
      </c>
      <c r="C50" s="14">
        <v>51</v>
      </c>
      <c r="D50" s="18">
        <v>135</v>
      </c>
    </row>
    <row r="51" spans="1:4" ht="18" customHeight="1" x14ac:dyDescent="0.15">
      <c r="A51" s="5">
        <v>38</v>
      </c>
      <c r="B51" s="22">
        <v>56</v>
      </c>
      <c r="C51" s="14">
        <v>53</v>
      </c>
      <c r="D51" s="18">
        <v>109</v>
      </c>
    </row>
    <row r="52" spans="1:4" ht="18" customHeight="1" x14ac:dyDescent="0.15">
      <c r="A52" s="5">
        <v>39</v>
      </c>
      <c r="B52" s="22">
        <v>67</v>
      </c>
      <c r="C52" s="14">
        <v>55</v>
      </c>
      <c r="D52" s="18">
        <v>122</v>
      </c>
    </row>
    <row r="53" spans="1:4" ht="18" customHeight="1" x14ac:dyDescent="0.15">
      <c r="A53" s="5" t="s">
        <v>18</v>
      </c>
      <c r="B53" s="22">
        <v>337</v>
      </c>
      <c r="C53" s="14">
        <v>286</v>
      </c>
      <c r="D53" s="18">
        <v>623</v>
      </c>
    </row>
    <row r="54" spans="1:4" ht="18" customHeight="1" x14ac:dyDescent="0.15">
      <c r="A54" s="5">
        <v>40</v>
      </c>
      <c r="B54" s="22">
        <v>60</v>
      </c>
      <c r="C54" s="14">
        <v>65</v>
      </c>
      <c r="D54" s="18">
        <v>125</v>
      </c>
    </row>
    <row r="55" spans="1:4" ht="18" customHeight="1" x14ac:dyDescent="0.15">
      <c r="A55" s="5">
        <v>41</v>
      </c>
      <c r="B55" s="22">
        <v>69</v>
      </c>
      <c r="C55" s="14">
        <v>54</v>
      </c>
      <c r="D55" s="18">
        <v>123</v>
      </c>
    </row>
    <row r="56" spans="1:4" ht="18" customHeight="1" x14ac:dyDescent="0.15">
      <c r="A56" s="5">
        <v>42</v>
      </c>
      <c r="B56" s="22">
        <v>64</v>
      </c>
      <c r="C56" s="14">
        <v>60</v>
      </c>
      <c r="D56" s="18">
        <v>124</v>
      </c>
    </row>
    <row r="57" spans="1:4" ht="18" customHeight="1" x14ac:dyDescent="0.15">
      <c r="A57" s="5">
        <v>43</v>
      </c>
      <c r="B57" s="22">
        <v>62</v>
      </c>
      <c r="C57" s="14">
        <v>60</v>
      </c>
      <c r="D57" s="18">
        <v>122</v>
      </c>
    </row>
    <row r="58" spans="1:4" ht="18" customHeight="1" x14ac:dyDescent="0.15">
      <c r="A58" s="5">
        <v>44</v>
      </c>
      <c r="B58" s="22">
        <v>57</v>
      </c>
      <c r="C58" s="14">
        <v>55</v>
      </c>
      <c r="D58" s="18">
        <v>112</v>
      </c>
    </row>
    <row r="59" spans="1:4" ht="18" customHeight="1" x14ac:dyDescent="0.15">
      <c r="A59" s="5" t="s">
        <v>21</v>
      </c>
      <c r="B59" s="22">
        <v>312</v>
      </c>
      <c r="C59" s="14">
        <v>294</v>
      </c>
      <c r="D59" s="18">
        <v>606</v>
      </c>
    </row>
    <row r="60" spans="1:4" ht="18" customHeight="1" x14ac:dyDescent="0.15">
      <c r="A60" s="5">
        <v>45</v>
      </c>
      <c r="B60" s="22">
        <v>63</v>
      </c>
      <c r="C60" s="14">
        <v>48</v>
      </c>
      <c r="D60" s="18">
        <v>111</v>
      </c>
    </row>
    <row r="61" spans="1:4" ht="18" customHeight="1" x14ac:dyDescent="0.15">
      <c r="A61" s="5">
        <v>46</v>
      </c>
      <c r="B61" s="22">
        <v>65</v>
      </c>
      <c r="C61" s="14">
        <v>59</v>
      </c>
      <c r="D61" s="18">
        <v>124</v>
      </c>
    </row>
    <row r="62" spans="1:4" ht="18" customHeight="1" x14ac:dyDescent="0.15">
      <c r="A62" s="5">
        <v>47</v>
      </c>
      <c r="B62" s="22">
        <v>58</v>
      </c>
      <c r="C62" s="14">
        <v>55</v>
      </c>
      <c r="D62" s="18">
        <v>113</v>
      </c>
    </row>
    <row r="63" spans="1:4" ht="18" customHeight="1" x14ac:dyDescent="0.15">
      <c r="A63" s="5">
        <v>48</v>
      </c>
      <c r="B63" s="22">
        <v>86</v>
      </c>
      <c r="C63" s="14">
        <v>64</v>
      </c>
      <c r="D63" s="18">
        <v>150</v>
      </c>
    </row>
    <row r="64" spans="1:4" ht="18" customHeight="1" x14ac:dyDescent="0.15">
      <c r="A64" s="5">
        <v>49</v>
      </c>
      <c r="B64" s="22">
        <v>76</v>
      </c>
      <c r="C64" s="14">
        <v>57</v>
      </c>
      <c r="D64" s="18">
        <v>133</v>
      </c>
    </row>
    <row r="65" spans="1:4" ht="18" customHeight="1" x14ac:dyDescent="0.15">
      <c r="A65" s="5" t="s">
        <v>17</v>
      </c>
      <c r="B65" s="22">
        <v>348</v>
      </c>
      <c r="C65" s="14">
        <v>283</v>
      </c>
      <c r="D65" s="18">
        <v>631</v>
      </c>
    </row>
    <row r="66" spans="1:4" ht="18" customHeight="1" x14ac:dyDescent="0.15">
      <c r="A66" s="5">
        <v>50</v>
      </c>
      <c r="B66" s="22">
        <v>60</v>
      </c>
      <c r="C66" s="14">
        <v>61</v>
      </c>
      <c r="D66" s="18">
        <v>121</v>
      </c>
    </row>
    <row r="67" spans="1:4" ht="18" customHeight="1" x14ac:dyDescent="0.15">
      <c r="A67" s="5">
        <v>51</v>
      </c>
      <c r="B67" s="22">
        <v>65</v>
      </c>
      <c r="C67" s="14">
        <v>80</v>
      </c>
      <c r="D67" s="18">
        <v>145</v>
      </c>
    </row>
    <row r="68" spans="1:4" ht="18" customHeight="1" x14ac:dyDescent="0.15">
      <c r="A68" s="5">
        <v>52</v>
      </c>
      <c r="B68" s="22">
        <v>79</v>
      </c>
      <c r="C68" s="14">
        <v>85</v>
      </c>
      <c r="D68" s="18">
        <v>164</v>
      </c>
    </row>
    <row r="69" spans="1:4" ht="18" customHeight="1" x14ac:dyDescent="0.15">
      <c r="A69" s="5">
        <v>53</v>
      </c>
      <c r="B69" s="22">
        <v>97</v>
      </c>
      <c r="C69" s="14">
        <v>88</v>
      </c>
      <c r="D69" s="18">
        <v>185</v>
      </c>
    </row>
    <row r="70" spans="1:4" ht="18" customHeight="1" x14ac:dyDescent="0.15">
      <c r="A70" s="5">
        <v>54</v>
      </c>
      <c r="B70" s="22">
        <v>75</v>
      </c>
      <c r="C70" s="14">
        <v>81</v>
      </c>
      <c r="D70" s="18">
        <v>156</v>
      </c>
    </row>
    <row r="71" spans="1:4" ht="18" customHeight="1" x14ac:dyDescent="0.15">
      <c r="A71" s="5" t="s">
        <v>22</v>
      </c>
      <c r="B71" s="22">
        <v>376</v>
      </c>
      <c r="C71" s="14">
        <v>395</v>
      </c>
      <c r="D71" s="18">
        <v>771</v>
      </c>
    </row>
    <row r="72" spans="1:4" ht="18" customHeight="1" x14ac:dyDescent="0.15">
      <c r="A72" s="5">
        <v>55</v>
      </c>
      <c r="B72" s="22">
        <v>85</v>
      </c>
      <c r="C72" s="14">
        <v>85</v>
      </c>
      <c r="D72" s="18">
        <v>170</v>
      </c>
    </row>
    <row r="73" spans="1:4" ht="18" customHeight="1" x14ac:dyDescent="0.15">
      <c r="A73" s="5">
        <v>56</v>
      </c>
      <c r="B73" s="22">
        <v>63</v>
      </c>
      <c r="C73" s="14">
        <v>60</v>
      </c>
      <c r="D73" s="18">
        <v>123</v>
      </c>
    </row>
    <row r="74" spans="1:4" ht="18" customHeight="1" x14ac:dyDescent="0.15">
      <c r="A74" s="5">
        <v>57</v>
      </c>
      <c r="B74" s="22">
        <v>86</v>
      </c>
      <c r="C74" s="14">
        <v>62</v>
      </c>
      <c r="D74" s="18">
        <v>148</v>
      </c>
    </row>
    <row r="75" spans="1:4" ht="18" customHeight="1" x14ac:dyDescent="0.15">
      <c r="A75" s="5">
        <v>58</v>
      </c>
      <c r="B75" s="22">
        <v>67</v>
      </c>
      <c r="C75" s="14">
        <v>77</v>
      </c>
      <c r="D75" s="18">
        <v>144</v>
      </c>
    </row>
    <row r="76" spans="1:4" ht="18" customHeight="1" x14ac:dyDescent="0.15">
      <c r="A76" s="5">
        <v>59</v>
      </c>
      <c r="B76" s="22">
        <v>45</v>
      </c>
      <c r="C76" s="14">
        <v>46</v>
      </c>
      <c r="D76" s="18">
        <v>91</v>
      </c>
    </row>
    <row r="77" spans="1:4" ht="18" customHeight="1" x14ac:dyDescent="0.15">
      <c r="A77" s="5" t="s">
        <v>27</v>
      </c>
      <c r="B77" s="22">
        <v>346</v>
      </c>
      <c r="C77" s="14">
        <v>330</v>
      </c>
      <c r="D77" s="18">
        <v>676</v>
      </c>
    </row>
    <row r="78" spans="1:4" ht="18" customHeight="1" x14ac:dyDescent="0.15">
      <c r="A78" s="5">
        <v>60</v>
      </c>
      <c r="B78" s="22">
        <v>59</v>
      </c>
      <c r="C78" s="14">
        <v>50</v>
      </c>
      <c r="D78" s="18">
        <v>109</v>
      </c>
    </row>
    <row r="79" spans="1:4" ht="18" customHeight="1" x14ac:dyDescent="0.15">
      <c r="A79" s="5">
        <v>61</v>
      </c>
      <c r="B79" s="22">
        <v>50</v>
      </c>
      <c r="C79" s="14">
        <v>45</v>
      </c>
      <c r="D79" s="18">
        <v>95</v>
      </c>
    </row>
    <row r="80" spans="1:4" ht="18" customHeight="1" x14ac:dyDescent="0.15">
      <c r="A80" s="5">
        <v>62</v>
      </c>
      <c r="B80" s="22">
        <v>51</v>
      </c>
      <c r="C80" s="14">
        <v>58</v>
      </c>
      <c r="D80" s="18">
        <v>109</v>
      </c>
    </row>
    <row r="81" spans="1:4" ht="18" customHeight="1" x14ac:dyDescent="0.15">
      <c r="A81" s="5">
        <v>63</v>
      </c>
      <c r="B81" s="22">
        <v>52</v>
      </c>
      <c r="C81" s="14">
        <v>57</v>
      </c>
      <c r="D81" s="18">
        <v>109</v>
      </c>
    </row>
    <row r="82" spans="1:4" ht="18" customHeight="1" x14ac:dyDescent="0.15">
      <c r="A82" s="5">
        <v>64</v>
      </c>
      <c r="B82" s="22">
        <v>54</v>
      </c>
      <c r="C82" s="14">
        <v>63</v>
      </c>
      <c r="D82" s="18">
        <v>117</v>
      </c>
    </row>
    <row r="83" spans="1:4" ht="18" customHeight="1" x14ac:dyDescent="0.15">
      <c r="A83" s="5" t="s">
        <v>28</v>
      </c>
      <c r="B83" s="22">
        <v>266</v>
      </c>
      <c r="C83" s="14">
        <v>273</v>
      </c>
      <c r="D83" s="18">
        <v>539</v>
      </c>
    </row>
    <row r="84" spans="1:4" ht="18" customHeight="1" x14ac:dyDescent="0.15">
      <c r="A84" s="5" t="s">
        <v>31</v>
      </c>
      <c r="B84" s="22">
        <v>3085</v>
      </c>
      <c r="C84" s="14">
        <v>2906</v>
      </c>
      <c r="D84" s="18">
        <v>5991</v>
      </c>
    </row>
    <row r="85" spans="1:4" ht="18" customHeight="1" x14ac:dyDescent="0.15">
      <c r="A85" s="5">
        <v>65</v>
      </c>
      <c r="B85" s="22">
        <v>42</v>
      </c>
      <c r="C85" s="14">
        <v>59</v>
      </c>
      <c r="D85" s="18">
        <v>101</v>
      </c>
    </row>
    <row r="86" spans="1:4" ht="18" customHeight="1" x14ac:dyDescent="0.15">
      <c r="A86" s="5">
        <v>66</v>
      </c>
      <c r="B86" s="22">
        <v>57</v>
      </c>
      <c r="C86" s="14">
        <v>44</v>
      </c>
      <c r="D86" s="18">
        <v>101</v>
      </c>
    </row>
    <row r="87" spans="1:4" ht="18" customHeight="1" x14ac:dyDescent="0.15">
      <c r="A87" s="5">
        <v>67</v>
      </c>
      <c r="B87" s="22">
        <v>44</v>
      </c>
      <c r="C87" s="14">
        <v>57</v>
      </c>
      <c r="D87" s="18">
        <v>101</v>
      </c>
    </row>
    <row r="88" spans="1:4" ht="18" customHeight="1" x14ac:dyDescent="0.15">
      <c r="A88" s="5">
        <v>68</v>
      </c>
      <c r="B88" s="22">
        <v>35</v>
      </c>
      <c r="C88" s="14">
        <v>44</v>
      </c>
      <c r="D88" s="18">
        <v>79</v>
      </c>
    </row>
    <row r="89" spans="1:4" ht="18" customHeight="1" x14ac:dyDescent="0.15">
      <c r="A89" s="5">
        <v>69</v>
      </c>
      <c r="B89" s="22">
        <v>34</v>
      </c>
      <c r="C89" s="14">
        <v>60</v>
      </c>
      <c r="D89" s="18">
        <v>94</v>
      </c>
    </row>
    <row r="90" spans="1:4" ht="18" customHeight="1" x14ac:dyDescent="0.15">
      <c r="A90" s="5" t="s">
        <v>20</v>
      </c>
      <c r="B90" s="22">
        <v>212</v>
      </c>
      <c r="C90" s="14">
        <v>264</v>
      </c>
      <c r="D90" s="18">
        <v>476</v>
      </c>
    </row>
    <row r="91" spans="1:4" ht="18" customHeight="1" x14ac:dyDescent="0.15">
      <c r="A91" s="5">
        <v>70</v>
      </c>
      <c r="B91" s="22">
        <v>50</v>
      </c>
      <c r="C91" s="14">
        <v>70</v>
      </c>
      <c r="D91" s="18">
        <v>120</v>
      </c>
    </row>
    <row r="92" spans="1:4" ht="18" customHeight="1" x14ac:dyDescent="0.15">
      <c r="A92" s="5">
        <v>71</v>
      </c>
      <c r="B92" s="22">
        <v>51</v>
      </c>
      <c r="C92" s="14">
        <v>57</v>
      </c>
      <c r="D92" s="18">
        <v>108</v>
      </c>
    </row>
    <row r="93" spans="1:4" ht="18" customHeight="1" x14ac:dyDescent="0.15">
      <c r="A93" s="5">
        <v>72</v>
      </c>
      <c r="B93" s="22">
        <v>57</v>
      </c>
      <c r="C93" s="14">
        <v>67</v>
      </c>
      <c r="D93" s="18">
        <v>124</v>
      </c>
    </row>
    <row r="94" spans="1:4" ht="18" customHeight="1" x14ac:dyDescent="0.15">
      <c r="A94" s="5">
        <v>73</v>
      </c>
      <c r="B94" s="22">
        <v>54</v>
      </c>
      <c r="C94" s="14">
        <v>50</v>
      </c>
      <c r="D94" s="18">
        <v>104</v>
      </c>
    </row>
    <row r="95" spans="1:4" ht="18" customHeight="1" x14ac:dyDescent="0.15">
      <c r="A95" s="5">
        <v>74</v>
      </c>
      <c r="B95" s="22">
        <v>61</v>
      </c>
      <c r="C95" s="14">
        <v>77</v>
      </c>
      <c r="D95" s="18">
        <v>138</v>
      </c>
    </row>
    <row r="96" spans="1:4" ht="18" customHeight="1" x14ac:dyDescent="0.15">
      <c r="A96" s="5" t="s">
        <v>33</v>
      </c>
      <c r="B96" s="22">
        <v>273</v>
      </c>
      <c r="C96" s="14">
        <v>321</v>
      </c>
      <c r="D96" s="18">
        <v>594</v>
      </c>
    </row>
    <row r="97" spans="1:4" ht="18" customHeight="1" x14ac:dyDescent="0.15">
      <c r="A97" s="5">
        <v>75</v>
      </c>
      <c r="B97" s="22">
        <v>62</v>
      </c>
      <c r="C97" s="14">
        <v>80</v>
      </c>
      <c r="D97" s="18">
        <v>142</v>
      </c>
    </row>
    <row r="98" spans="1:4" ht="18" customHeight="1" x14ac:dyDescent="0.15">
      <c r="A98" s="5">
        <v>76</v>
      </c>
      <c r="B98" s="22">
        <v>71</v>
      </c>
      <c r="C98" s="14">
        <v>80</v>
      </c>
      <c r="D98" s="18">
        <v>151</v>
      </c>
    </row>
    <row r="99" spans="1:4" ht="18" customHeight="1" x14ac:dyDescent="0.15">
      <c r="A99" s="5">
        <v>77</v>
      </c>
      <c r="B99" s="22">
        <v>73</v>
      </c>
      <c r="C99" s="14">
        <v>95</v>
      </c>
      <c r="D99" s="18">
        <v>168</v>
      </c>
    </row>
    <row r="100" spans="1:4" ht="18" customHeight="1" x14ac:dyDescent="0.15">
      <c r="A100" s="5">
        <v>78</v>
      </c>
      <c r="B100" s="22">
        <v>63</v>
      </c>
      <c r="C100" s="14">
        <v>93</v>
      </c>
      <c r="D100" s="18">
        <v>156</v>
      </c>
    </row>
    <row r="101" spans="1:4" ht="18" customHeight="1" x14ac:dyDescent="0.15">
      <c r="A101" s="5">
        <v>79</v>
      </c>
      <c r="B101" s="22">
        <v>53</v>
      </c>
      <c r="C101" s="14">
        <v>65</v>
      </c>
      <c r="D101" s="18">
        <v>118</v>
      </c>
    </row>
    <row r="102" spans="1:4" ht="18" customHeight="1" x14ac:dyDescent="0.15">
      <c r="A102" s="5" t="s">
        <v>0</v>
      </c>
      <c r="B102" s="22">
        <v>322</v>
      </c>
      <c r="C102" s="14">
        <v>413</v>
      </c>
      <c r="D102" s="18">
        <v>735</v>
      </c>
    </row>
    <row r="103" spans="1:4" ht="18" customHeight="1" x14ac:dyDescent="0.15">
      <c r="A103" s="5">
        <v>80</v>
      </c>
      <c r="B103" s="22">
        <v>40</v>
      </c>
      <c r="C103" s="14">
        <v>45</v>
      </c>
      <c r="D103" s="18">
        <v>85</v>
      </c>
    </row>
    <row r="104" spans="1:4" ht="18" customHeight="1" x14ac:dyDescent="0.15">
      <c r="A104" s="5">
        <v>81</v>
      </c>
      <c r="B104" s="22">
        <v>51</v>
      </c>
      <c r="C104" s="14">
        <v>71</v>
      </c>
      <c r="D104" s="18">
        <v>122</v>
      </c>
    </row>
    <row r="105" spans="1:4" ht="18" customHeight="1" x14ac:dyDescent="0.15">
      <c r="A105" s="5">
        <v>82</v>
      </c>
      <c r="B105" s="22">
        <v>42</v>
      </c>
      <c r="C105" s="14">
        <v>52</v>
      </c>
      <c r="D105" s="18">
        <v>94</v>
      </c>
    </row>
    <row r="106" spans="1:4" ht="18" customHeight="1" x14ac:dyDescent="0.15">
      <c r="A106" s="5">
        <v>83</v>
      </c>
      <c r="B106" s="22">
        <v>31</v>
      </c>
      <c r="C106" s="14">
        <v>55</v>
      </c>
      <c r="D106" s="18">
        <v>86</v>
      </c>
    </row>
    <row r="107" spans="1:4" ht="18" customHeight="1" x14ac:dyDescent="0.15">
      <c r="A107" s="5">
        <v>84</v>
      </c>
      <c r="B107" s="22">
        <v>33</v>
      </c>
      <c r="C107" s="14">
        <v>62</v>
      </c>
      <c r="D107" s="18">
        <v>95</v>
      </c>
    </row>
    <row r="108" spans="1:4" ht="18" customHeight="1" x14ac:dyDescent="0.15">
      <c r="A108" s="5" t="s">
        <v>35</v>
      </c>
      <c r="B108" s="22">
        <v>197</v>
      </c>
      <c r="C108" s="14">
        <v>285</v>
      </c>
      <c r="D108" s="18">
        <v>482</v>
      </c>
    </row>
    <row r="109" spans="1:4" ht="18" customHeight="1" x14ac:dyDescent="0.15">
      <c r="A109" s="5">
        <v>85</v>
      </c>
      <c r="B109" s="22">
        <v>33</v>
      </c>
      <c r="C109" s="14">
        <v>43</v>
      </c>
      <c r="D109" s="18">
        <v>76</v>
      </c>
    </row>
    <row r="110" spans="1:4" ht="18" customHeight="1" x14ac:dyDescent="0.15">
      <c r="A110" s="5">
        <v>86</v>
      </c>
      <c r="B110" s="22">
        <v>20</v>
      </c>
      <c r="C110" s="14">
        <v>33</v>
      </c>
      <c r="D110" s="18">
        <v>53</v>
      </c>
    </row>
    <row r="111" spans="1:4" ht="18" customHeight="1" x14ac:dyDescent="0.15">
      <c r="A111" s="5">
        <v>87</v>
      </c>
      <c r="B111" s="22">
        <v>11</v>
      </c>
      <c r="C111" s="14">
        <v>33</v>
      </c>
      <c r="D111" s="18">
        <v>44</v>
      </c>
    </row>
    <row r="112" spans="1:4" ht="18" customHeight="1" x14ac:dyDescent="0.15">
      <c r="A112" s="5">
        <v>88</v>
      </c>
      <c r="B112" s="22">
        <v>21</v>
      </c>
      <c r="C112" s="14">
        <v>30</v>
      </c>
      <c r="D112" s="18">
        <v>51</v>
      </c>
    </row>
    <row r="113" spans="1:4" ht="18" customHeight="1" x14ac:dyDescent="0.15">
      <c r="A113" s="5">
        <v>89</v>
      </c>
      <c r="B113" s="22">
        <v>13</v>
      </c>
      <c r="C113" s="14">
        <v>41</v>
      </c>
      <c r="D113" s="18">
        <v>54</v>
      </c>
    </row>
    <row r="114" spans="1:4" ht="18" customHeight="1" x14ac:dyDescent="0.15">
      <c r="A114" s="5" t="s">
        <v>37</v>
      </c>
      <c r="B114" s="22">
        <v>98</v>
      </c>
      <c r="C114" s="14">
        <v>180</v>
      </c>
      <c r="D114" s="18">
        <v>278</v>
      </c>
    </row>
    <row r="115" spans="1:4" ht="18" customHeight="1" x14ac:dyDescent="0.15">
      <c r="A115" s="5">
        <v>90</v>
      </c>
      <c r="B115" s="22">
        <v>9</v>
      </c>
      <c r="C115" s="14">
        <v>30</v>
      </c>
      <c r="D115" s="18">
        <v>39</v>
      </c>
    </row>
    <row r="116" spans="1:4" ht="18" customHeight="1" x14ac:dyDescent="0.15">
      <c r="A116" s="5">
        <v>91</v>
      </c>
      <c r="B116" s="22">
        <v>15</v>
      </c>
      <c r="C116" s="14">
        <v>15</v>
      </c>
      <c r="D116" s="18">
        <v>30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11</v>
      </c>
      <c r="C118" s="14">
        <v>15</v>
      </c>
      <c r="D118" s="18">
        <v>26</v>
      </c>
    </row>
    <row r="119" spans="1:4" ht="18" customHeight="1" x14ac:dyDescent="0.15">
      <c r="A119" s="5">
        <v>94</v>
      </c>
      <c r="B119" s="22">
        <v>4</v>
      </c>
      <c r="C119" s="14">
        <v>19</v>
      </c>
      <c r="D119" s="18">
        <v>23</v>
      </c>
    </row>
    <row r="120" spans="1:4" ht="18" customHeight="1" x14ac:dyDescent="0.15">
      <c r="A120" s="5" t="s">
        <v>39</v>
      </c>
      <c r="B120" s="22">
        <v>42</v>
      </c>
      <c r="C120" s="14">
        <v>95</v>
      </c>
      <c r="D120" s="18">
        <v>137</v>
      </c>
    </row>
    <row r="121" spans="1:4" ht="18" customHeight="1" x14ac:dyDescent="0.15">
      <c r="A121" s="5">
        <v>95</v>
      </c>
      <c r="B121" s="22">
        <v>3</v>
      </c>
      <c r="C121" s="14">
        <v>10</v>
      </c>
      <c r="D121" s="18">
        <v>13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6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12</v>
      </c>
      <c r="D124" s="18">
        <v>12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6</v>
      </c>
      <c r="C126" s="14">
        <v>41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150</v>
      </c>
      <c r="C130" s="14">
        <v>1604</v>
      </c>
      <c r="D130" s="18">
        <v>2754</v>
      </c>
    </row>
    <row r="131" spans="1:4" ht="18" customHeight="1" x14ac:dyDescent="0.15">
      <c r="A131" s="7" t="s">
        <v>45</v>
      </c>
      <c r="B131" s="23">
        <v>4812</v>
      </c>
      <c r="C131" s="15">
        <v>5092</v>
      </c>
      <c r="D131" s="19">
        <v>990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2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5</v>
      </c>
      <c r="C5" s="13">
        <v>43</v>
      </c>
      <c r="D5" s="17">
        <v>88</v>
      </c>
    </row>
    <row r="6" spans="1:4" ht="18" customHeight="1" x14ac:dyDescent="0.15">
      <c r="A6" s="5">
        <v>1</v>
      </c>
      <c r="B6" s="22">
        <v>38</v>
      </c>
      <c r="C6" s="14">
        <v>36</v>
      </c>
      <c r="D6" s="18">
        <v>74</v>
      </c>
    </row>
    <row r="7" spans="1:4" ht="18" customHeight="1" x14ac:dyDescent="0.15">
      <c r="A7" s="5">
        <v>2</v>
      </c>
      <c r="B7" s="22">
        <v>43</v>
      </c>
      <c r="C7" s="14">
        <v>38</v>
      </c>
      <c r="D7" s="18">
        <v>81</v>
      </c>
    </row>
    <row r="8" spans="1:4" ht="18" customHeight="1" x14ac:dyDescent="0.15">
      <c r="A8" s="5">
        <v>3</v>
      </c>
      <c r="B8" s="22">
        <v>47</v>
      </c>
      <c r="C8" s="14">
        <v>44</v>
      </c>
      <c r="D8" s="18">
        <v>91</v>
      </c>
    </row>
    <row r="9" spans="1:4" ht="18" customHeight="1" x14ac:dyDescent="0.15">
      <c r="A9" s="5">
        <v>4</v>
      </c>
      <c r="B9" s="22">
        <v>58</v>
      </c>
      <c r="C9" s="14">
        <v>58</v>
      </c>
      <c r="D9" s="18">
        <v>116</v>
      </c>
    </row>
    <row r="10" spans="1:4" ht="18" customHeight="1" x14ac:dyDescent="0.15">
      <c r="A10" s="5" t="s">
        <v>7</v>
      </c>
      <c r="B10" s="22">
        <v>231</v>
      </c>
      <c r="C10" s="14">
        <v>219</v>
      </c>
      <c r="D10" s="18">
        <v>450</v>
      </c>
    </row>
    <row r="11" spans="1:4" ht="18" customHeight="1" x14ac:dyDescent="0.15">
      <c r="A11" s="5">
        <v>5</v>
      </c>
      <c r="B11" s="22">
        <v>61</v>
      </c>
      <c r="C11" s="14">
        <v>46</v>
      </c>
      <c r="D11" s="18">
        <v>107</v>
      </c>
    </row>
    <row r="12" spans="1:4" ht="18" customHeight="1" x14ac:dyDescent="0.15">
      <c r="A12" s="5">
        <v>6</v>
      </c>
      <c r="B12" s="22">
        <v>57</v>
      </c>
      <c r="C12" s="14">
        <v>59</v>
      </c>
      <c r="D12" s="18">
        <v>116</v>
      </c>
    </row>
    <row r="13" spans="1:4" ht="18" customHeight="1" x14ac:dyDescent="0.15">
      <c r="A13" s="5">
        <v>7</v>
      </c>
      <c r="B13" s="22">
        <v>67</v>
      </c>
      <c r="C13" s="14">
        <v>63</v>
      </c>
      <c r="D13" s="18">
        <v>130</v>
      </c>
    </row>
    <row r="14" spans="1:4" ht="18" customHeight="1" x14ac:dyDescent="0.15">
      <c r="A14" s="5">
        <v>8</v>
      </c>
      <c r="B14" s="22">
        <v>56</v>
      </c>
      <c r="C14" s="14">
        <v>51</v>
      </c>
      <c r="D14" s="18">
        <v>107</v>
      </c>
    </row>
    <row r="15" spans="1:4" ht="18" customHeight="1" x14ac:dyDescent="0.15">
      <c r="A15" s="5">
        <v>9</v>
      </c>
      <c r="B15" s="22">
        <v>45</v>
      </c>
      <c r="C15" s="14">
        <v>51</v>
      </c>
      <c r="D15" s="18">
        <v>96</v>
      </c>
    </row>
    <row r="16" spans="1:4" ht="18" customHeight="1" x14ac:dyDescent="0.15">
      <c r="A16" s="5" t="s">
        <v>11</v>
      </c>
      <c r="B16" s="22">
        <v>286</v>
      </c>
      <c r="C16" s="14">
        <v>270</v>
      </c>
      <c r="D16" s="18">
        <v>556</v>
      </c>
    </row>
    <row r="17" spans="1:4" ht="18" customHeight="1" x14ac:dyDescent="0.15">
      <c r="A17" s="5">
        <v>10</v>
      </c>
      <c r="B17" s="22">
        <v>65</v>
      </c>
      <c r="C17" s="14">
        <v>64</v>
      </c>
      <c r="D17" s="18">
        <v>129</v>
      </c>
    </row>
    <row r="18" spans="1:4" ht="18" customHeight="1" x14ac:dyDescent="0.15">
      <c r="A18" s="5">
        <v>11</v>
      </c>
      <c r="B18" s="22">
        <v>47</v>
      </c>
      <c r="C18" s="14">
        <v>59</v>
      </c>
      <c r="D18" s="18">
        <v>106</v>
      </c>
    </row>
    <row r="19" spans="1:4" ht="18" customHeight="1" x14ac:dyDescent="0.15">
      <c r="A19" s="5">
        <v>12</v>
      </c>
      <c r="B19" s="22">
        <v>49</v>
      </c>
      <c r="C19" s="14">
        <v>59</v>
      </c>
      <c r="D19" s="18">
        <v>108</v>
      </c>
    </row>
    <row r="20" spans="1:4" ht="18" customHeight="1" x14ac:dyDescent="0.15">
      <c r="A20" s="5">
        <v>13</v>
      </c>
      <c r="B20" s="22">
        <v>56</v>
      </c>
      <c r="C20" s="14">
        <v>68</v>
      </c>
      <c r="D20" s="18">
        <v>124</v>
      </c>
    </row>
    <row r="21" spans="1:4" ht="18" customHeight="1" x14ac:dyDescent="0.15">
      <c r="A21" s="5">
        <v>14</v>
      </c>
      <c r="B21" s="22">
        <v>40</v>
      </c>
      <c r="C21" s="14">
        <v>48</v>
      </c>
      <c r="D21" s="18">
        <v>88</v>
      </c>
    </row>
    <row r="22" spans="1:4" ht="18" customHeight="1" x14ac:dyDescent="0.15">
      <c r="A22" s="5" t="s">
        <v>12</v>
      </c>
      <c r="B22" s="22">
        <v>257</v>
      </c>
      <c r="C22" s="14">
        <v>298</v>
      </c>
      <c r="D22" s="18">
        <v>555</v>
      </c>
    </row>
    <row r="23" spans="1:4" ht="18" customHeight="1" x14ac:dyDescent="0.15">
      <c r="A23" s="5" t="s">
        <v>6</v>
      </c>
      <c r="B23" s="22">
        <v>774</v>
      </c>
      <c r="C23" s="14">
        <v>787</v>
      </c>
      <c r="D23" s="18">
        <v>1561</v>
      </c>
    </row>
    <row r="24" spans="1:4" ht="18" customHeight="1" x14ac:dyDescent="0.15">
      <c r="A24" s="5">
        <v>15</v>
      </c>
      <c r="B24" s="22">
        <v>52</v>
      </c>
      <c r="C24" s="14">
        <v>54</v>
      </c>
      <c r="D24" s="18">
        <v>106</v>
      </c>
    </row>
    <row r="25" spans="1:4" ht="18" customHeight="1" x14ac:dyDescent="0.15">
      <c r="A25" s="5">
        <v>16</v>
      </c>
      <c r="B25" s="22">
        <v>55</v>
      </c>
      <c r="C25" s="14">
        <v>63</v>
      </c>
      <c r="D25" s="18">
        <v>118</v>
      </c>
    </row>
    <row r="26" spans="1:4" ht="18" customHeight="1" x14ac:dyDescent="0.15">
      <c r="A26" s="5">
        <v>17</v>
      </c>
      <c r="B26" s="22">
        <v>45</v>
      </c>
      <c r="C26" s="14">
        <v>48</v>
      </c>
      <c r="D26" s="18">
        <v>93</v>
      </c>
    </row>
    <row r="27" spans="1:4" ht="18" customHeight="1" x14ac:dyDescent="0.15">
      <c r="A27" s="5">
        <v>18</v>
      </c>
      <c r="B27" s="22">
        <v>59</v>
      </c>
      <c r="C27" s="14">
        <v>51</v>
      </c>
      <c r="D27" s="18">
        <v>110</v>
      </c>
    </row>
    <row r="28" spans="1:4" ht="18" customHeight="1" x14ac:dyDescent="0.15">
      <c r="A28" s="5">
        <v>19</v>
      </c>
      <c r="B28" s="22">
        <v>57</v>
      </c>
      <c r="C28" s="14">
        <v>50</v>
      </c>
      <c r="D28" s="18">
        <v>107</v>
      </c>
    </row>
    <row r="29" spans="1:4" ht="18" customHeight="1" x14ac:dyDescent="0.15">
      <c r="A29" s="5" t="s">
        <v>14</v>
      </c>
      <c r="B29" s="22">
        <v>268</v>
      </c>
      <c r="C29" s="14">
        <v>266</v>
      </c>
      <c r="D29" s="18">
        <v>534</v>
      </c>
    </row>
    <row r="30" spans="1:4" ht="18" customHeight="1" x14ac:dyDescent="0.15">
      <c r="A30" s="5">
        <v>20</v>
      </c>
      <c r="B30" s="22">
        <v>55</v>
      </c>
      <c r="C30" s="14">
        <v>61</v>
      </c>
      <c r="D30" s="18">
        <v>116</v>
      </c>
    </row>
    <row r="31" spans="1:4" ht="18" customHeight="1" x14ac:dyDescent="0.15">
      <c r="A31" s="5">
        <v>21</v>
      </c>
      <c r="B31" s="22">
        <v>59</v>
      </c>
      <c r="C31" s="14">
        <v>57</v>
      </c>
      <c r="D31" s="18">
        <v>116</v>
      </c>
    </row>
    <row r="32" spans="1:4" ht="18" customHeight="1" x14ac:dyDescent="0.15">
      <c r="A32" s="5">
        <v>22</v>
      </c>
      <c r="B32" s="22">
        <v>53</v>
      </c>
      <c r="C32" s="14">
        <v>54</v>
      </c>
      <c r="D32" s="18">
        <v>107</v>
      </c>
    </row>
    <row r="33" spans="1:4" ht="18" customHeight="1" x14ac:dyDescent="0.15">
      <c r="A33" s="5">
        <v>23</v>
      </c>
      <c r="B33" s="22">
        <v>60</v>
      </c>
      <c r="C33" s="14">
        <v>72</v>
      </c>
      <c r="D33" s="18">
        <v>132</v>
      </c>
    </row>
    <row r="34" spans="1:4" ht="18" customHeight="1" x14ac:dyDescent="0.15">
      <c r="A34" s="5">
        <v>24</v>
      </c>
      <c r="B34" s="22">
        <v>77</v>
      </c>
      <c r="C34" s="14">
        <v>68</v>
      </c>
      <c r="D34" s="18">
        <v>145</v>
      </c>
    </row>
    <row r="35" spans="1:4" ht="18" customHeight="1" x14ac:dyDescent="0.15">
      <c r="A35" s="5" t="s">
        <v>9</v>
      </c>
      <c r="B35" s="22">
        <v>304</v>
      </c>
      <c r="C35" s="14">
        <v>312</v>
      </c>
      <c r="D35" s="18">
        <v>616</v>
      </c>
    </row>
    <row r="36" spans="1:4" ht="18" customHeight="1" x14ac:dyDescent="0.15">
      <c r="A36" s="5">
        <v>25</v>
      </c>
      <c r="B36" s="22">
        <v>77</v>
      </c>
      <c r="C36" s="14">
        <v>73</v>
      </c>
      <c r="D36" s="18">
        <v>150</v>
      </c>
    </row>
    <row r="37" spans="1:4" ht="18" customHeight="1" x14ac:dyDescent="0.15">
      <c r="A37" s="5">
        <v>26</v>
      </c>
      <c r="B37" s="22">
        <v>87</v>
      </c>
      <c r="C37" s="14">
        <v>76</v>
      </c>
      <c r="D37" s="18">
        <v>163</v>
      </c>
    </row>
    <row r="38" spans="1:4" ht="18" customHeight="1" x14ac:dyDescent="0.15">
      <c r="A38" s="5">
        <v>27</v>
      </c>
      <c r="B38" s="22">
        <v>82</v>
      </c>
      <c r="C38" s="14">
        <v>76</v>
      </c>
      <c r="D38" s="18">
        <v>158</v>
      </c>
    </row>
    <row r="39" spans="1:4" ht="18" customHeight="1" x14ac:dyDescent="0.15">
      <c r="A39" s="5">
        <v>28</v>
      </c>
      <c r="B39" s="22">
        <v>71</v>
      </c>
      <c r="C39" s="14">
        <v>77</v>
      </c>
      <c r="D39" s="18">
        <v>148</v>
      </c>
    </row>
    <row r="40" spans="1:4" ht="18" customHeight="1" x14ac:dyDescent="0.15">
      <c r="A40" s="5">
        <v>29</v>
      </c>
      <c r="B40" s="22">
        <v>80</v>
      </c>
      <c r="C40" s="14">
        <v>75</v>
      </c>
      <c r="D40" s="18">
        <v>155</v>
      </c>
    </row>
    <row r="41" spans="1:4" ht="18" customHeight="1" x14ac:dyDescent="0.15">
      <c r="A41" s="5" t="s">
        <v>2</v>
      </c>
      <c r="B41" s="22">
        <v>397</v>
      </c>
      <c r="C41" s="14">
        <v>377</v>
      </c>
      <c r="D41" s="18">
        <v>774</v>
      </c>
    </row>
    <row r="42" spans="1:4" ht="18" customHeight="1" x14ac:dyDescent="0.15">
      <c r="A42" s="5">
        <v>30</v>
      </c>
      <c r="B42" s="22">
        <v>102</v>
      </c>
      <c r="C42" s="14">
        <v>78</v>
      </c>
      <c r="D42" s="18">
        <v>180</v>
      </c>
    </row>
    <row r="43" spans="1:4" ht="18" customHeight="1" x14ac:dyDescent="0.15">
      <c r="A43" s="5">
        <v>31</v>
      </c>
      <c r="B43" s="22">
        <v>95</v>
      </c>
      <c r="C43" s="14">
        <v>86</v>
      </c>
      <c r="D43" s="18">
        <v>181</v>
      </c>
    </row>
    <row r="44" spans="1:4" ht="18" customHeight="1" x14ac:dyDescent="0.15">
      <c r="A44" s="5">
        <v>32</v>
      </c>
      <c r="B44" s="22">
        <v>78</v>
      </c>
      <c r="C44" s="14">
        <v>68</v>
      </c>
      <c r="D44" s="18">
        <v>146</v>
      </c>
    </row>
    <row r="45" spans="1:4" ht="18" customHeight="1" x14ac:dyDescent="0.15">
      <c r="A45" s="5">
        <v>33</v>
      </c>
      <c r="B45" s="22">
        <v>73</v>
      </c>
      <c r="C45" s="14">
        <v>67</v>
      </c>
      <c r="D45" s="18">
        <v>140</v>
      </c>
    </row>
    <row r="46" spans="1:4" ht="18" customHeight="1" x14ac:dyDescent="0.15">
      <c r="A46" s="5">
        <v>34</v>
      </c>
      <c r="B46" s="22">
        <v>92</v>
      </c>
      <c r="C46" s="14">
        <v>51</v>
      </c>
      <c r="D46" s="18">
        <v>143</v>
      </c>
    </row>
    <row r="47" spans="1:4" ht="18" customHeight="1" x14ac:dyDescent="0.15">
      <c r="A47" s="5" t="s">
        <v>15</v>
      </c>
      <c r="B47" s="22">
        <v>440</v>
      </c>
      <c r="C47" s="14">
        <v>350</v>
      </c>
      <c r="D47" s="18">
        <v>790</v>
      </c>
    </row>
    <row r="48" spans="1:4" ht="18" customHeight="1" x14ac:dyDescent="0.15">
      <c r="A48" s="5">
        <v>35</v>
      </c>
      <c r="B48" s="22">
        <v>64</v>
      </c>
      <c r="C48" s="14">
        <v>73</v>
      </c>
      <c r="D48" s="18">
        <v>137</v>
      </c>
    </row>
    <row r="49" spans="1:4" ht="18" customHeight="1" x14ac:dyDescent="0.15">
      <c r="A49" s="5">
        <v>36</v>
      </c>
      <c r="B49" s="22">
        <v>83</v>
      </c>
      <c r="C49" s="14">
        <v>66</v>
      </c>
      <c r="D49" s="18">
        <v>149</v>
      </c>
    </row>
    <row r="50" spans="1:4" ht="18" customHeight="1" x14ac:dyDescent="0.15">
      <c r="A50" s="5">
        <v>37</v>
      </c>
      <c r="B50" s="22">
        <v>81</v>
      </c>
      <c r="C50" s="14">
        <v>72</v>
      </c>
      <c r="D50" s="18">
        <v>153</v>
      </c>
    </row>
    <row r="51" spans="1:4" ht="18" customHeight="1" x14ac:dyDescent="0.15">
      <c r="A51" s="5">
        <v>38</v>
      </c>
      <c r="B51" s="22">
        <v>67</v>
      </c>
      <c r="C51" s="14">
        <v>68</v>
      </c>
      <c r="D51" s="18">
        <v>135</v>
      </c>
    </row>
    <row r="52" spans="1:4" ht="18" customHeight="1" x14ac:dyDescent="0.15">
      <c r="A52" s="5">
        <v>39</v>
      </c>
      <c r="B52" s="22">
        <v>80</v>
      </c>
      <c r="C52" s="14">
        <v>74</v>
      </c>
      <c r="D52" s="18">
        <v>154</v>
      </c>
    </row>
    <row r="53" spans="1:4" ht="18" customHeight="1" x14ac:dyDescent="0.15">
      <c r="A53" s="5" t="s">
        <v>18</v>
      </c>
      <c r="B53" s="22">
        <v>375</v>
      </c>
      <c r="C53" s="14">
        <v>353</v>
      </c>
      <c r="D53" s="18">
        <v>728</v>
      </c>
    </row>
    <row r="54" spans="1:4" ht="18" customHeight="1" x14ac:dyDescent="0.15">
      <c r="A54" s="5">
        <v>40</v>
      </c>
      <c r="B54" s="22">
        <v>88</v>
      </c>
      <c r="C54" s="14">
        <v>95</v>
      </c>
      <c r="D54" s="18">
        <v>183</v>
      </c>
    </row>
    <row r="55" spans="1:4" ht="18" customHeight="1" x14ac:dyDescent="0.15">
      <c r="A55" s="5">
        <v>41</v>
      </c>
      <c r="B55" s="22">
        <v>72</v>
      </c>
      <c r="C55" s="14">
        <v>76</v>
      </c>
      <c r="D55" s="18">
        <v>148</v>
      </c>
    </row>
    <row r="56" spans="1:4" ht="18" customHeight="1" x14ac:dyDescent="0.15">
      <c r="A56" s="5">
        <v>42</v>
      </c>
      <c r="B56" s="22">
        <v>97</v>
      </c>
      <c r="C56" s="14">
        <v>86</v>
      </c>
      <c r="D56" s="18">
        <v>183</v>
      </c>
    </row>
    <row r="57" spans="1:4" ht="18" customHeight="1" x14ac:dyDescent="0.15">
      <c r="A57" s="5">
        <v>43</v>
      </c>
      <c r="B57" s="22">
        <v>79</v>
      </c>
      <c r="C57" s="14">
        <v>84</v>
      </c>
      <c r="D57" s="18">
        <v>163</v>
      </c>
    </row>
    <row r="58" spans="1:4" ht="18" customHeight="1" x14ac:dyDescent="0.15">
      <c r="A58" s="5">
        <v>44</v>
      </c>
      <c r="B58" s="22">
        <v>93</v>
      </c>
      <c r="C58" s="14">
        <v>82</v>
      </c>
      <c r="D58" s="18">
        <v>175</v>
      </c>
    </row>
    <row r="59" spans="1:4" ht="18" customHeight="1" x14ac:dyDescent="0.15">
      <c r="A59" s="5" t="s">
        <v>21</v>
      </c>
      <c r="B59" s="22">
        <v>429</v>
      </c>
      <c r="C59" s="14">
        <v>423</v>
      </c>
      <c r="D59" s="18">
        <v>852</v>
      </c>
    </row>
    <row r="60" spans="1:4" ht="18" customHeight="1" x14ac:dyDescent="0.15">
      <c r="A60" s="5">
        <v>45</v>
      </c>
      <c r="B60" s="22">
        <v>83</v>
      </c>
      <c r="C60" s="14">
        <v>84</v>
      </c>
      <c r="D60" s="18">
        <v>167</v>
      </c>
    </row>
    <row r="61" spans="1:4" ht="18" customHeight="1" x14ac:dyDescent="0.15">
      <c r="A61" s="5">
        <v>46</v>
      </c>
      <c r="B61" s="22">
        <v>89</v>
      </c>
      <c r="C61" s="14">
        <v>90</v>
      </c>
      <c r="D61" s="18">
        <v>179</v>
      </c>
    </row>
    <row r="62" spans="1:4" ht="18" customHeight="1" x14ac:dyDescent="0.15">
      <c r="A62" s="5">
        <v>47</v>
      </c>
      <c r="B62" s="22">
        <v>100</v>
      </c>
      <c r="C62" s="14">
        <v>62</v>
      </c>
      <c r="D62" s="18">
        <v>162</v>
      </c>
    </row>
    <row r="63" spans="1:4" ht="18" customHeight="1" x14ac:dyDescent="0.15">
      <c r="A63" s="5">
        <v>48</v>
      </c>
      <c r="B63" s="22">
        <v>98</v>
      </c>
      <c r="C63" s="14">
        <v>78</v>
      </c>
      <c r="D63" s="18">
        <v>176</v>
      </c>
    </row>
    <row r="64" spans="1:4" ht="18" customHeight="1" x14ac:dyDescent="0.15">
      <c r="A64" s="5">
        <v>49</v>
      </c>
      <c r="B64" s="22">
        <v>90</v>
      </c>
      <c r="C64" s="14">
        <v>83</v>
      </c>
      <c r="D64" s="18">
        <v>173</v>
      </c>
    </row>
    <row r="65" spans="1:4" ht="18" customHeight="1" x14ac:dyDescent="0.15">
      <c r="A65" s="5" t="s">
        <v>17</v>
      </c>
      <c r="B65" s="22">
        <v>460</v>
      </c>
      <c r="C65" s="14">
        <v>397</v>
      </c>
      <c r="D65" s="18">
        <v>857</v>
      </c>
    </row>
    <row r="66" spans="1:4" ht="18" customHeight="1" x14ac:dyDescent="0.15">
      <c r="A66" s="5">
        <v>50</v>
      </c>
      <c r="B66" s="22">
        <v>104</v>
      </c>
      <c r="C66" s="14">
        <v>90</v>
      </c>
      <c r="D66" s="18">
        <v>194</v>
      </c>
    </row>
    <row r="67" spans="1:4" ht="18" customHeight="1" x14ac:dyDescent="0.15">
      <c r="A67" s="5">
        <v>51</v>
      </c>
      <c r="B67" s="22">
        <v>116</v>
      </c>
      <c r="C67" s="14">
        <v>115</v>
      </c>
      <c r="D67" s="18">
        <v>231</v>
      </c>
    </row>
    <row r="68" spans="1:4" ht="18" customHeight="1" x14ac:dyDescent="0.15">
      <c r="A68" s="5">
        <v>52</v>
      </c>
      <c r="B68" s="22">
        <v>107</v>
      </c>
      <c r="C68" s="14">
        <v>105</v>
      </c>
      <c r="D68" s="18">
        <v>212</v>
      </c>
    </row>
    <row r="69" spans="1:4" ht="18" customHeight="1" x14ac:dyDescent="0.15">
      <c r="A69" s="5">
        <v>53</v>
      </c>
      <c r="B69" s="22">
        <v>95</v>
      </c>
      <c r="C69" s="14">
        <v>104</v>
      </c>
      <c r="D69" s="18">
        <v>199</v>
      </c>
    </row>
    <row r="70" spans="1:4" ht="18" customHeight="1" x14ac:dyDescent="0.15">
      <c r="A70" s="5">
        <v>54</v>
      </c>
      <c r="B70" s="22">
        <v>96</v>
      </c>
      <c r="C70" s="14">
        <v>108</v>
      </c>
      <c r="D70" s="18">
        <v>204</v>
      </c>
    </row>
    <row r="71" spans="1:4" ht="18" customHeight="1" x14ac:dyDescent="0.15">
      <c r="A71" s="5" t="s">
        <v>22</v>
      </c>
      <c r="B71" s="22">
        <v>518</v>
      </c>
      <c r="C71" s="14">
        <v>522</v>
      </c>
      <c r="D71" s="18">
        <v>1040</v>
      </c>
    </row>
    <row r="72" spans="1:4" ht="18" customHeight="1" x14ac:dyDescent="0.15">
      <c r="A72" s="5">
        <v>55</v>
      </c>
      <c r="B72" s="22">
        <v>97</v>
      </c>
      <c r="C72" s="14">
        <v>102</v>
      </c>
      <c r="D72" s="18">
        <v>199</v>
      </c>
    </row>
    <row r="73" spans="1:4" ht="18" customHeight="1" x14ac:dyDescent="0.15">
      <c r="A73" s="5">
        <v>56</v>
      </c>
      <c r="B73" s="22">
        <v>122</v>
      </c>
      <c r="C73" s="14">
        <v>83</v>
      </c>
      <c r="D73" s="18">
        <v>205</v>
      </c>
    </row>
    <row r="74" spans="1:4" ht="18" customHeight="1" x14ac:dyDescent="0.15">
      <c r="A74" s="5">
        <v>57</v>
      </c>
      <c r="B74" s="22">
        <v>80</v>
      </c>
      <c r="C74" s="14">
        <v>101</v>
      </c>
      <c r="D74" s="18">
        <v>181</v>
      </c>
    </row>
    <row r="75" spans="1:4" ht="18" customHeight="1" x14ac:dyDescent="0.15">
      <c r="A75" s="5">
        <v>58</v>
      </c>
      <c r="B75" s="22">
        <v>80</v>
      </c>
      <c r="C75" s="14">
        <v>88</v>
      </c>
      <c r="D75" s="18">
        <v>168</v>
      </c>
    </row>
    <row r="76" spans="1:4" ht="18" customHeight="1" x14ac:dyDescent="0.15">
      <c r="A76" s="5">
        <v>59</v>
      </c>
      <c r="B76" s="22">
        <v>72</v>
      </c>
      <c r="C76" s="14">
        <v>56</v>
      </c>
      <c r="D76" s="18">
        <v>128</v>
      </c>
    </row>
    <row r="77" spans="1:4" ht="18" customHeight="1" x14ac:dyDescent="0.15">
      <c r="A77" s="5" t="s">
        <v>27</v>
      </c>
      <c r="B77" s="22">
        <v>451</v>
      </c>
      <c r="C77" s="14">
        <v>430</v>
      </c>
      <c r="D77" s="18">
        <v>881</v>
      </c>
    </row>
    <row r="78" spans="1:4" ht="18" customHeight="1" x14ac:dyDescent="0.15">
      <c r="A78" s="5">
        <v>60</v>
      </c>
      <c r="B78" s="22">
        <v>71</v>
      </c>
      <c r="C78" s="14">
        <v>74</v>
      </c>
      <c r="D78" s="18">
        <v>145</v>
      </c>
    </row>
    <row r="79" spans="1:4" ht="18" customHeight="1" x14ac:dyDescent="0.15">
      <c r="A79" s="5">
        <v>61</v>
      </c>
      <c r="B79" s="22">
        <v>66</v>
      </c>
      <c r="C79" s="14">
        <v>65</v>
      </c>
      <c r="D79" s="18">
        <v>131</v>
      </c>
    </row>
    <row r="80" spans="1:4" ht="18" customHeight="1" x14ac:dyDescent="0.15">
      <c r="A80" s="5">
        <v>62</v>
      </c>
      <c r="B80" s="22">
        <v>74</v>
      </c>
      <c r="C80" s="14">
        <v>71</v>
      </c>
      <c r="D80" s="18">
        <v>145</v>
      </c>
    </row>
    <row r="81" spans="1:4" ht="18" customHeight="1" x14ac:dyDescent="0.15">
      <c r="A81" s="5">
        <v>63</v>
      </c>
      <c r="B81" s="22">
        <v>75</v>
      </c>
      <c r="C81" s="14">
        <v>84</v>
      </c>
      <c r="D81" s="18">
        <v>159</v>
      </c>
    </row>
    <row r="82" spans="1:4" ht="18" customHeight="1" x14ac:dyDescent="0.15">
      <c r="A82" s="5">
        <v>64</v>
      </c>
      <c r="B82" s="22">
        <v>62</v>
      </c>
      <c r="C82" s="14">
        <v>61</v>
      </c>
      <c r="D82" s="18">
        <v>123</v>
      </c>
    </row>
    <row r="83" spans="1:4" ht="18" customHeight="1" x14ac:dyDescent="0.15">
      <c r="A83" s="5" t="s">
        <v>28</v>
      </c>
      <c r="B83" s="22">
        <v>348</v>
      </c>
      <c r="C83" s="14">
        <v>355</v>
      </c>
      <c r="D83" s="18">
        <v>703</v>
      </c>
    </row>
    <row r="84" spans="1:4" ht="18" customHeight="1" x14ac:dyDescent="0.15">
      <c r="A84" s="5" t="s">
        <v>31</v>
      </c>
      <c r="B84" s="22">
        <v>3990</v>
      </c>
      <c r="C84" s="14">
        <v>3785</v>
      </c>
      <c r="D84" s="18">
        <v>7775</v>
      </c>
    </row>
    <row r="85" spans="1:4" ht="18" customHeight="1" x14ac:dyDescent="0.15">
      <c r="A85" s="5">
        <v>65</v>
      </c>
      <c r="B85" s="22">
        <v>49</v>
      </c>
      <c r="C85" s="14">
        <v>66</v>
      </c>
      <c r="D85" s="18">
        <v>115</v>
      </c>
    </row>
    <row r="86" spans="1:4" ht="18" customHeight="1" x14ac:dyDescent="0.15">
      <c r="A86" s="5">
        <v>66</v>
      </c>
      <c r="B86" s="22">
        <v>63</v>
      </c>
      <c r="C86" s="14">
        <v>62</v>
      </c>
      <c r="D86" s="18">
        <v>125</v>
      </c>
    </row>
    <row r="87" spans="1:4" ht="18" customHeight="1" x14ac:dyDescent="0.15">
      <c r="A87" s="5">
        <v>67</v>
      </c>
      <c r="B87" s="22">
        <v>44</v>
      </c>
      <c r="C87" s="14">
        <v>74</v>
      </c>
      <c r="D87" s="18">
        <v>118</v>
      </c>
    </row>
    <row r="88" spans="1:4" ht="18" customHeight="1" x14ac:dyDescent="0.15">
      <c r="A88" s="5">
        <v>68</v>
      </c>
      <c r="B88" s="22">
        <v>52</v>
      </c>
      <c r="C88" s="14">
        <v>55</v>
      </c>
      <c r="D88" s="18">
        <v>107</v>
      </c>
    </row>
    <row r="89" spans="1:4" ht="18" customHeight="1" x14ac:dyDescent="0.15">
      <c r="A89" s="5">
        <v>69</v>
      </c>
      <c r="B89" s="22">
        <v>55</v>
      </c>
      <c r="C89" s="14">
        <v>60</v>
      </c>
      <c r="D89" s="18">
        <v>115</v>
      </c>
    </row>
    <row r="90" spans="1:4" ht="18" customHeight="1" x14ac:dyDescent="0.15">
      <c r="A90" s="5" t="s">
        <v>20</v>
      </c>
      <c r="B90" s="22">
        <v>263</v>
      </c>
      <c r="C90" s="14">
        <v>317</v>
      </c>
      <c r="D90" s="18">
        <v>580</v>
      </c>
    </row>
    <row r="91" spans="1:4" ht="18" customHeight="1" x14ac:dyDescent="0.15">
      <c r="A91" s="5">
        <v>70</v>
      </c>
      <c r="B91" s="22">
        <v>64</v>
      </c>
      <c r="C91" s="14">
        <v>55</v>
      </c>
      <c r="D91" s="18">
        <v>119</v>
      </c>
    </row>
    <row r="92" spans="1:4" ht="18" customHeight="1" x14ac:dyDescent="0.15">
      <c r="A92" s="5">
        <v>71</v>
      </c>
      <c r="B92" s="22">
        <v>62</v>
      </c>
      <c r="C92" s="14">
        <v>66</v>
      </c>
      <c r="D92" s="18">
        <v>128</v>
      </c>
    </row>
    <row r="93" spans="1:4" ht="18" customHeight="1" x14ac:dyDescent="0.15">
      <c r="A93" s="5">
        <v>72</v>
      </c>
      <c r="B93" s="22">
        <v>58</v>
      </c>
      <c r="C93" s="14">
        <v>57</v>
      </c>
      <c r="D93" s="18">
        <v>115</v>
      </c>
    </row>
    <row r="94" spans="1:4" ht="18" customHeight="1" x14ac:dyDescent="0.15">
      <c r="A94" s="5">
        <v>73</v>
      </c>
      <c r="B94" s="22">
        <v>67</v>
      </c>
      <c r="C94" s="14">
        <v>77</v>
      </c>
      <c r="D94" s="18">
        <v>144</v>
      </c>
    </row>
    <row r="95" spans="1:4" ht="18" customHeight="1" x14ac:dyDescent="0.15">
      <c r="A95" s="5">
        <v>74</v>
      </c>
      <c r="B95" s="22">
        <v>55</v>
      </c>
      <c r="C95" s="14">
        <v>75</v>
      </c>
      <c r="D95" s="18">
        <v>130</v>
      </c>
    </row>
    <row r="96" spans="1:4" ht="18" customHeight="1" x14ac:dyDescent="0.15">
      <c r="A96" s="5" t="s">
        <v>33</v>
      </c>
      <c r="B96" s="22">
        <v>306</v>
      </c>
      <c r="C96" s="14">
        <v>330</v>
      </c>
      <c r="D96" s="18">
        <v>636</v>
      </c>
    </row>
    <row r="97" spans="1:4" ht="18" customHeight="1" x14ac:dyDescent="0.15">
      <c r="A97" s="5">
        <v>75</v>
      </c>
      <c r="B97" s="22">
        <v>72</v>
      </c>
      <c r="C97" s="14">
        <v>92</v>
      </c>
      <c r="D97" s="18">
        <v>164</v>
      </c>
    </row>
    <row r="98" spans="1:4" ht="18" customHeight="1" x14ac:dyDescent="0.15">
      <c r="A98" s="5">
        <v>76</v>
      </c>
      <c r="B98" s="22">
        <v>71</v>
      </c>
      <c r="C98" s="14">
        <v>99</v>
      </c>
      <c r="D98" s="18">
        <v>170</v>
      </c>
    </row>
    <row r="99" spans="1:4" ht="18" customHeight="1" x14ac:dyDescent="0.15">
      <c r="A99" s="5">
        <v>77</v>
      </c>
      <c r="B99" s="22">
        <v>86</v>
      </c>
      <c r="C99" s="14">
        <v>90</v>
      </c>
      <c r="D99" s="18">
        <v>176</v>
      </c>
    </row>
    <row r="100" spans="1:4" ht="18" customHeight="1" x14ac:dyDescent="0.15">
      <c r="A100" s="5">
        <v>78</v>
      </c>
      <c r="B100" s="22">
        <v>54</v>
      </c>
      <c r="C100" s="14">
        <v>109</v>
      </c>
      <c r="D100" s="18">
        <v>163</v>
      </c>
    </row>
    <row r="101" spans="1:4" ht="18" customHeight="1" x14ac:dyDescent="0.15">
      <c r="A101" s="5">
        <v>79</v>
      </c>
      <c r="B101" s="22">
        <v>45</v>
      </c>
      <c r="C101" s="14">
        <v>71</v>
      </c>
      <c r="D101" s="18">
        <v>116</v>
      </c>
    </row>
    <row r="102" spans="1:4" ht="18" customHeight="1" x14ac:dyDescent="0.15">
      <c r="A102" s="5" t="s">
        <v>0</v>
      </c>
      <c r="B102" s="22">
        <v>328</v>
      </c>
      <c r="C102" s="14">
        <v>461</v>
      </c>
      <c r="D102" s="18">
        <v>789</v>
      </c>
    </row>
    <row r="103" spans="1:4" ht="18" customHeight="1" x14ac:dyDescent="0.15">
      <c r="A103" s="5">
        <v>80</v>
      </c>
      <c r="B103" s="22">
        <v>36</v>
      </c>
      <c r="C103" s="14">
        <v>52</v>
      </c>
      <c r="D103" s="18">
        <v>88</v>
      </c>
    </row>
    <row r="104" spans="1:4" ht="18" customHeight="1" x14ac:dyDescent="0.15">
      <c r="A104" s="5">
        <v>81</v>
      </c>
      <c r="B104" s="22">
        <v>52</v>
      </c>
      <c r="C104" s="14">
        <v>72</v>
      </c>
      <c r="D104" s="18">
        <v>124</v>
      </c>
    </row>
    <row r="105" spans="1:4" ht="18" customHeight="1" x14ac:dyDescent="0.15">
      <c r="A105" s="5">
        <v>82</v>
      </c>
      <c r="B105" s="22">
        <v>44</v>
      </c>
      <c r="C105" s="14">
        <v>78</v>
      </c>
      <c r="D105" s="18">
        <v>122</v>
      </c>
    </row>
    <row r="106" spans="1:4" ht="18" customHeight="1" x14ac:dyDescent="0.15">
      <c r="A106" s="5">
        <v>83</v>
      </c>
      <c r="B106" s="22">
        <v>48</v>
      </c>
      <c r="C106" s="14">
        <v>73</v>
      </c>
      <c r="D106" s="18">
        <v>121</v>
      </c>
    </row>
    <row r="107" spans="1:4" ht="18" customHeight="1" x14ac:dyDescent="0.15">
      <c r="A107" s="5">
        <v>84</v>
      </c>
      <c r="B107" s="22">
        <v>40</v>
      </c>
      <c r="C107" s="14">
        <v>71</v>
      </c>
      <c r="D107" s="18">
        <v>111</v>
      </c>
    </row>
    <row r="108" spans="1:4" ht="18" customHeight="1" x14ac:dyDescent="0.15">
      <c r="A108" s="5" t="s">
        <v>35</v>
      </c>
      <c r="B108" s="22">
        <v>220</v>
      </c>
      <c r="C108" s="14">
        <v>346</v>
      </c>
      <c r="D108" s="18">
        <v>566</v>
      </c>
    </row>
    <row r="109" spans="1:4" ht="18" customHeight="1" x14ac:dyDescent="0.15">
      <c r="A109" s="5">
        <v>85</v>
      </c>
      <c r="B109" s="22">
        <v>41</v>
      </c>
      <c r="C109" s="14">
        <v>56</v>
      </c>
      <c r="D109" s="18">
        <v>97</v>
      </c>
    </row>
    <row r="110" spans="1:4" ht="18" customHeight="1" x14ac:dyDescent="0.15">
      <c r="A110" s="5">
        <v>86</v>
      </c>
      <c r="B110" s="22">
        <v>20</v>
      </c>
      <c r="C110" s="14">
        <v>55</v>
      </c>
      <c r="D110" s="18">
        <v>75</v>
      </c>
    </row>
    <row r="111" spans="1:4" ht="18" customHeight="1" x14ac:dyDescent="0.15">
      <c r="A111" s="5">
        <v>87</v>
      </c>
      <c r="B111" s="22">
        <v>25</v>
      </c>
      <c r="C111" s="14">
        <v>41</v>
      </c>
      <c r="D111" s="18">
        <v>66</v>
      </c>
    </row>
    <row r="112" spans="1:4" ht="18" customHeight="1" x14ac:dyDescent="0.15">
      <c r="A112" s="5">
        <v>88</v>
      </c>
      <c r="B112" s="22">
        <v>27</v>
      </c>
      <c r="C112" s="14">
        <v>37</v>
      </c>
      <c r="D112" s="18">
        <v>64</v>
      </c>
    </row>
    <row r="113" spans="1:4" ht="18" customHeight="1" x14ac:dyDescent="0.15">
      <c r="A113" s="5">
        <v>89</v>
      </c>
      <c r="B113" s="22">
        <v>23</v>
      </c>
      <c r="C113" s="14">
        <v>37</v>
      </c>
      <c r="D113" s="18">
        <v>60</v>
      </c>
    </row>
    <row r="114" spans="1:4" ht="18" customHeight="1" x14ac:dyDescent="0.15">
      <c r="A114" s="5" t="s">
        <v>37</v>
      </c>
      <c r="B114" s="22">
        <v>136</v>
      </c>
      <c r="C114" s="14">
        <v>226</v>
      </c>
      <c r="D114" s="18">
        <v>362</v>
      </c>
    </row>
    <row r="115" spans="1:4" ht="18" customHeight="1" x14ac:dyDescent="0.15">
      <c r="A115" s="5">
        <v>90</v>
      </c>
      <c r="B115" s="22">
        <v>23</v>
      </c>
      <c r="C115" s="14">
        <v>45</v>
      </c>
      <c r="D115" s="18">
        <v>68</v>
      </c>
    </row>
    <row r="116" spans="1:4" ht="18" customHeight="1" x14ac:dyDescent="0.15">
      <c r="A116" s="5">
        <v>91</v>
      </c>
      <c r="B116" s="22">
        <v>15</v>
      </c>
      <c r="C116" s="14">
        <v>34</v>
      </c>
      <c r="D116" s="18">
        <v>49</v>
      </c>
    </row>
    <row r="117" spans="1:4" ht="18" customHeight="1" x14ac:dyDescent="0.15">
      <c r="A117" s="5">
        <v>92</v>
      </c>
      <c r="B117" s="22">
        <v>11</v>
      </c>
      <c r="C117" s="14">
        <v>35</v>
      </c>
      <c r="D117" s="18">
        <v>46</v>
      </c>
    </row>
    <row r="118" spans="1:4" ht="18" customHeight="1" x14ac:dyDescent="0.15">
      <c r="A118" s="5">
        <v>93</v>
      </c>
      <c r="B118" s="22">
        <v>9</v>
      </c>
      <c r="C118" s="14">
        <v>30</v>
      </c>
      <c r="D118" s="18">
        <v>39</v>
      </c>
    </row>
    <row r="119" spans="1:4" ht="18" customHeight="1" x14ac:dyDescent="0.15">
      <c r="A119" s="5">
        <v>94</v>
      </c>
      <c r="B119" s="22">
        <v>2</v>
      </c>
      <c r="C119" s="14">
        <v>23</v>
      </c>
      <c r="D119" s="18">
        <v>25</v>
      </c>
    </row>
    <row r="120" spans="1:4" ht="18" customHeight="1" x14ac:dyDescent="0.15">
      <c r="A120" s="5" t="s">
        <v>39</v>
      </c>
      <c r="B120" s="22">
        <v>60</v>
      </c>
      <c r="C120" s="14">
        <v>167</v>
      </c>
      <c r="D120" s="18">
        <v>227</v>
      </c>
    </row>
    <row r="121" spans="1:4" ht="18" customHeight="1" x14ac:dyDescent="0.15">
      <c r="A121" s="5">
        <v>95</v>
      </c>
      <c r="B121" s="22">
        <v>4</v>
      </c>
      <c r="C121" s="14">
        <v>14</v>
      </c>
      <c r="D121" s="18">
        <v>18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6</v>
      </c>
      <c r="C126" s="14">
        <v>47</v>
      </c>
      <c r="D126" s="18">
        <v>53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9</v>
      </c>
      <c r="D129" s="18">
        <v>11</v>
      </c>
    </row>
    <row r="130" spans="1:4" ht="18" customHeight="1" x14ac:dyDescent="0.15">
      <c r="A130" s="5" t="s">
        <v>46</v>
      </c>
      <c r="B130" s="22">
        <v>1321</v>
      </c>
      <c r="C130" s="14">
        <v>1903</v>
      </c>
      <c r="D130" s="18">
        <v>3224</v>
      </c>
    </row>
    <row r="131" spans="1:4" ht="18" customHeight="1" x14ac:dyDescent="0.15">
      <c r="A131" s="7" t="s">
        <v>45</v>
      </c>
      <c r="B131" s="23">
        <v>6085</v>
      </c>
      <c r="C131" s="15">
        <v>6475</v>
      </c>
      <c r="D131" s="19">
        <v>125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4</v>
      </c>
      <c r="C5" s="13">
        <v>65</v>
      </c>
      <c r="D5" s="17">
        <v>129</v>
      </c>
    </row>
    <row r="6" spans="1:4" ht="18" customHeight="1" x14ac:dyDescent="0.15">
      <c r="A6" s="5">
        <v>1</v>
      </c>
      <c r="B6" s="22">
        <v>62</v>
      </c>
      <c r="C6" s="14">
        <v>76</v>
      </c>
      <c r="D6" s="18">
        <v>138</v>
      </c>
    </row>
    <row r="7" spans="1:4" ht="18" customHeight="1" x14ac:dyDescent="0.15">
      <c r="A7" s="5">
        <v>2</v>
      </c>
      <c r="B7" s="22">
        <v>82</v>
      </c>
      <c r="C7" s="14">
        <v>77</v>
      </c>
      <c r="D7" s="18">
        <v>159</v>
      </c>
    </row>
    <row r="8" spans="1:4" ht="18" customHeight="1" x14ac:dyDescent="0.15">
      <c r="A8" s="5">
        <v>3</v>
      </c>
      <c r="B8" s="22">
        <v>91</v>
      </c>
      <c r="C8" s="14">
        <v>83</v>
      </c>
      <c r="D8" s="18">
        <v>174</v>
      </c>
    </row>
    <row r="9" spans="1:4" ht="18" customHeight="1" x14ac:dyDescent="0.15">
      <c r="A9" s="5">
        <v>4</v>
      </c>
      <c r="B9" s="22">
        <v>82</v>
      </c>
      <c r="C9" s="14">
        <v>79</v>
      </c>
      <c r="D9" s="18">
        <v>161</v>
      </c>
    </row>
    <row r="10" spans="1:4" ht="18" customHeight="1" x14ac:dyDescent="0.15">
      <c r="A10" s="5" t="s">
        <v>7</v>
      </c>
      <c r="B10" s="22">
        <v>381</v>
      </c>
      <c r="C10" s="14">
        <v>380</v>
      </c>
      <c r="D10" s="18">
        <v>761</v>
      </c>
    </row>
    <row r="11" spans="1:4" ht="18" customHeight="1" x14ac:dyDescent="0.15">
      <c r="A11" s="5">
        <v>5</v>
      </c>
      <c r="B11" s="22">
        <v>79</v>
      </c>
      <c r="C11" s="14">
        <v>96</v>
      </c>
      <c r="D11" s="18">
        <v>175</v>
      </c>
    </row>
    <row r="12" spans="1:4" ht="18" customHeight="1" x14ac:dyDescent="0.15">
      <c r="A12" s="5">
        <v>6</v>
      </c>
      <c r="B12" s="22">
        <v>86</v>
      </c>
      <c r="C12" s="14">
        <v>87</v>
      </c>
      <c r="D12" s="18">
        <v>173</v>
      </c>
    </row>
    <row r="13" spans="1:4" ht="18" customHeight="1" x14ac:dyDescent="0.15">
      <c r="A13" s="5">
        <v>7</v>
      </c>
      <c r="B13" s="22">
        <v>79</v>
      </c>
      <c r="C13" s="14">
        <v>68</v>
      </c>
      <c r="D13" s="18">
        <v>147</v>
      </c>
    </row>
    <row r="14" spans="1:4" ht="18" customHeight="1" x14ac:dyDescent="0.15">
      <c r="A14" s="5">
        <v>8</v>
      </c>
      <c r="B14" s="22">
        <v>103</v>
      </c>
      <c r="C14" s="14">
        <v>83</v>
      </c>
      <c r="D14" s="18">
        <v>186</v>
      </c>
    </row>
    <row r="15" spans="1:4" ht="18" customHeight="1" x14ac:dyDescent="0.15">
      <c r="A15" s="5">
        <v>9</v>
      </c>
      <c r="B15" s="22">
        <v>95</v>
      </c>
      <c r="C15" s="14">
        <v>80</v>
      </c>
      <c r="D15" s="18">
        <v>175</v>
      </c>
    </row>
    <row r="16" spans="1:4" ht="18" customHeight="1" x14ac:dyDescent="0.15">
      <c r="A16" s="5" t="s">
        <v>11</v>
      </c>
      <c r="B16" s="22">
        <v>442</v>
      </c>
      <c r="C16" s="14">
        <v>414</v>
      </c>
      <c r="D16" s="18">
        <v>856</v>
      </c>
    </row>
    <row r="17" spans="1:4" ht="18" customHeight="1" x14ac:dyDescent="0.15">
      <c r="A17" s="5">
        <v>10</v>
      </c>
      <c r="B17" s="22">
        <v>102</v>
      </c>
      <c r="C17" s="14">
        <v>79</v>
      </c>
      <c r="D17" s="18">
        <v>181</v>
      </c>
    </row>
    <row r="18" spans="1:4" ht="18" customHeight="1" x14ac:dyDescent="0.15">
      <c r="A18" s="5">
        <v>11</v>
      </c>
      <c r="B18" s="22">
        <v>88</v>
      </c>
      <c r="C18" s="14">
        <v>89</v>
      </c>
      <c r="D18" s="18">
        <v>177</v>
      </c>
    </row>
    <row r="19" spans="1:4" ht="18" customHeight="1" x14ac:dyDescent="0.15">
      <c r="A19" s="5">
        <v>12</v>
      </c>
      <c r="B19" s="22">
        <v>95</v>
      </c>
      <c r="C19" s="14">
        <v>92</v>
      </c>
      <c r="D19" s="18">
        <v>187</v>
      </c>
    </row>
    <row r="20" spans="1:4" ht="18" customHeight="1" x14ac:dyDescent="0.15">
      <c r="A20" s="5">
        <v>13</v>
      </c>
      <c r="B20" s="22">
        <v>88</v>
      </c>
      <c r="C20" s="14">
        <v>92</v>
      </c>
      <c r="D20" s="18">
        <v>180</v>
      </c>
    </row>
    <row r="21" spans="1:4" ht="18" customHeight="1" x14ac:dyDescent="0.15">
      <c r="A21" s="5">
        <v>14</v>
      </c>
      <c r="B21" s="22">
        <v>89</v>
      </c>
      <c r="C21" s="14">
        <v>83</v>
      </c>
      <c r="D21" s="18">
        <v>172</v>
      </c>
    </row>
    <row r="22" spans="1:4" ht="18" customHeight="1" x14ac:dyDescent="0.15">
      <c r="A22" s="5" t="s">
        <v>12</v>
      </c>
      <c r="B22" s="22">
        <v>462</v>
      </c>
      <c r="C22" s="14">
        <v>435</v>
      </c>
      <c r="D22" s="18">
        <v>897</v>
      </c>
    </row>
    <row r="23" spans="1:4" ht="18" customHeight="1" x14ac:dyDescent="0.15">
      <c r="A23" s="5" t="s">
        <v>6</v>
      </c>
      <c r="B23" s="22">
        <v>1285</v>
      </c>
      <c r="C23" s="14">
        <v>1229</v>
      </c>
      <c r="D23" s="18">
        <v>2514</v>
      </c>
    </row>
    <row r="24" spans="1:4" ht="18" customHeight="1" x14ac:dyDescent="0.15">
      <c r="A24" s="5">
        <v>15</v>
      </c>
      <c r="B24" s="22">
        <v>88</v>
      </c>
      <c r="C24" s="14">
        <v>81</v>
      </c>
      <c r="D24" s="18">
        <v>169</v>
      </c>
    </row>
    <row r="25" spans="1:4" ht="18" customHeight="1" x14ac:dyDescent="0.15">
      <c r="A25" s="5">
        <v>16</v>
      </c>
      <c r="B25" s="22">
        <v>92</v>
      </c>
      <c r="C25" s="14">
        <v>83</v>
      </c>
      <c r="D25" s="18">
        <v>175</v>
      </c>
    </row>
    <row r="26" spans="1:4" ht="18" customHeight="1" x14ac:dyDescent="0.15">
      <c r="A26" s="5">
        <v>17</v>
      </c>
      <c r="B26" s="22">
        <v>97</v>
      </c>
      <c r="C26" s="14">
        <v>95</v>
      </c>
      <c r="D26" s="18">
        <v>192</v>
      </c>
    </row>
    <row r="27" spans="1:4" ht="18" customHeight="1" x14ac:dyDescent="0.15">
      <c r="A27" s="5">
        <v>18</v>
      </c>
      <c r="B27" s="22">
        <v>74</v>
      </c>
      <c r="C27" s="14">
        <v>90</v>
      </c>
      <c r="D27" s="18">
        <v>164</v>
      </c>
    </row>
    <row r="28" spans="1:4" ht="18" customHeight="1" x14ac:dyDescent="0.15">
      <c r="A28" s="5">
        <v>19</v>
      </c>
      <c r="B28" s="22">
        <v>77</v>
      </c>
      <c r="C28" s="14">
        <v>90</v>
      </c>
      <c r="D28" s="18">
        <v>167</v>
      </c>
    </row>
    <row r="29" spans="1:4" ht="18" customHeight="1" x14ac:dyDescent="0.15">
      <c r="A29" s="5" t="s">
        <v>14</v>
      </c>
      <c r="B29" s="22">
        <v>428</v>
      </c>
      <c r="C29" s="14">
        <v>439</v>
      </c>
      <c r="D29" s="18">
        <v>867</v>
      </c>
    </row>
    <row r="30" spans="1:4" ht="18" customHeight="1" x14ac:dyDescent="0.15">
      <c r="A30" s="5">
        <v>20</v>
      </c>
      <c r="B30" s="22">
        <v>79</v>
      </c>
      <c r="C30" s="14">
        <v>62</v>
      </c>
      <c r="D30" s="18">
        <v>141</v>
      </c>
    </row>
    <row r="31" spans="1:4" ht="18" customHeight="1" x14ac:dyDescent="0.15">
      <c r="A31" s="5">
        <v>21</v>
      </c>
      <c r="B31" s="22">
        <v>77</v>
      </c>
      <c r="C31" s="14">
        <v>63</v>
      </c>
      <c r="D31" s="18">
        <v>140</v>
      </c>
    </row>
    <row r="32" spans="1:4" ht="18" customHeight="1" x14ac:dyDescent="0.15">
      <c r="A32" s="5">
        <v>22</v>
      </c>
      <c r="B32" s="22">
        <v>70</v>
      </c>
      <c r="C32" s="14">
        <v>77</v>
      </c>
      <c r="D32" s="18">
        <v>147</v>
      </c>
    </row>
    <row r="33" spans="1:4" ht="18" customHeight="1" x14ac:dyDescent="0.15">
      <c r="A33" s="5">
        <v>23</v>
      </c>
      <c r="B33" s="22">
        <v>86</v>
      </c>
      <c r="C33" s="14">
        <v>61</v>
      </c>
      <c r="D33" s="18">
        <v>147</v>
      </c>
    </row>
    <row r="34" spans="1:4" ht="18" customHeight="1" x14ac:dyDescent="0.15">
      <c r="A34" s="5">
        <v>24</v>
      </c>
      <c r="B34" s="22">
        <v>67</v>
      </c>
      <c r="C34" s="14">
        <v>74</v>
      </c>
      <c r="D34" s="18">
        <v>141</v>
      </c>
    </row>
    <row r="35" spans="1:4" ht="18" customHeight="1" x14ac:dyDescent="0.15">
      <c r="A35" s="5" t="s">
        <v>9</v>
      </c>
      <c r="B35" s="22">
        <v>379</v>
      </c>
      <c r="C35" s="14">
        <v>337</v>
      </c>
      <c r="D35" s="18">
        <v>716</v>
      </c>
    </row>
    <row r="36" spans="1:4" ht="18" customHeight="1" x14ac:dyDescent="0.15">
      <c r="A36" s="5">
        <v>25</v>
      </c>
      <c r="B36" s="22">
        <v>87</v>
      </c>
      <c r="C36" s="14">
        <v>63</v>
      </c>
      <c r="D36" s="18">
        <v>150</v>
      </c>
    </row>
    <row r="37" spans="1:4" ht="18" customHeight="1" x14ac:dyDescent="0.15">
      <c r="A37" s="5">
        <v>26</v>
      </c>
      <c r="B37" s="22">
        <v>78</v>
      </c>
      <c r="C37" s="14">
        <v>80</v>
      </c>
      <c r="D37" s="18">
        <v>158</v>
      </c>
    </row>
    <row r="38" spans="1:4" ht="18" customHeight="1" x14ac:dyDescent="0.15">
      <c r="A38" s="5">
        <v>27</v>
      </c>
      <c r="B38" s="22">
        <v>71</v>
      </c>
      <c r="C38" s="14">
        <v>78</v>
      </c>
      <c r="D38" s="18">
        <v>149</v>
      </c>
    </row>
    <row r="39" spans="1:4" ht="18" customHeight="1" x14ac:dyDescent="0.15">
      <c r="A39" s="5">
        <v>28</v>
      </c>
      <c r="B39" s="22">
        <v>85</v>
      </c>
      <c r="C39" s="14">
        <v>110</v>
      </c>
      <c r="D39" s="18">
        <v>195</v>
      </c>
    </row>
    <row r="40" spans="1:4" ht="18" customHeight="1" x14ac:dyDescent="0.15">
      <c r="A40" s="5">
        <v>29</v>
      </c>
      <c r="B40" s="22">
        <v>86</v>
      </c>
      <c r="C40" s="14">
        <v>97</v>
      </c>
      <c r="D40" s="18">
        <v>183</v>
      </c>
    </row>
    <row r="41" spans="1:4" ht="18" customHeight="1" x14ac:dyDescent="0.15">
      <c r="A41" s="5" t="s">
        <v>2</v>
      </c>
      <c r="B41" s="22">
        <v>407</v>
      </c>
      <c r="C41" s="14">
        <v>428</v>
      </c>
      <c r="D41" s="18">
        <v>835</v>
      </c>
    </row>
    <row r="42" spans="1:4" ht="18" customHeight="1" x14ac:dyDescent="0.15">
      <c r="A42" s="5">
        <v>30</v>
      </c>
      <c r="B42" s="22">
        <v>80</v>
      </c>
      <c r="C42" s="14">
        <v>76</v>
      </c>
      <c r="D42" s="18">
        <v>156</v>
      </c>
    </row>
    <row r="43" spans="1:4" ht="18" customHeight="1" x14ac:dyDescent="0.15">
      <c r="A43" s="5">
        <v>31</v>
      </c>
      <c r="B43" s="22">
        <v>107</v>
      </c>
      <c r="C43" s="14">
        <v>103</v>
      </c>
      <c r="D43" s="18">
        <v>210</v>
      </c>
    </row>
    <row r="44" spans="1:4" ht="18" customHeight="1" x14ac:dyDescent="0.15">
      <c r="A44" s="5">
        <v>32</v>
      </c>
      <c r="B44" s="22">
        <v>77</v>
      </c>
      <c r="C44" s="14">
        <v>93</v>
      </c>
      <c r="D44" s="18">
        <v>170</v>
      </c>
    </row>
    <row r="45" spans="1:4" ht="18" customHeight="1" x14ac:dyDescent="0.15">
      <c r="A45" s="5">
        <v>33</v>
      </c>
      <c r="B45" s="22">
        <v>81</v>
      </c>
      <c r="C45" s="14">
        <v>100</v>
      </c>
      <c r="D45" s="18">
        <v>181</v>
      </c>
    </row>
    <row r="46" spans="1:4" ht="18" customHeight="1" x14ac:dyDescent="0.15">
      <c r="A46" s="5">
        <v>34</v>
      </c>
      <c r="B46" s="22">
        <v>91</v>
      </c>
      <c r="C46" s="14">
        <v>104</v>
      </c>
      <c r="D46" s="18">
        <v>195</v>
      </c>
    </row>
    <row r="47" spans="1:4" ht="18" customHeight="1" x14ac:dyDescent="0.15">
      <c r="A47" s="5" t="s">
        <v>15</v>
      </c>
      <c r="B47" s="22">
        <v>436</v>
      </c>
      <c r="C47" s="14">
        <v>476</v>
      </c>
      <c r="D47" s="18">
        <v>912</v>
      </c>
    </row>
    <row r="48" spans="1:4" ht="18" customHeight="1" x14ac:dyDescent="0.15">
      <c r="A48" s="5">
        <v>35</v>
      </c>
      <c r="B48" s="22">
        <v>103</v>
      </c>
      <c r="C48" s="14">
        <v>103</v>
      </c>
      <c r="D48" s="18">
        <v>206</v>
      </c>
    </row>
    <row r="49" spans="1:4" ht="18" customHeight="1" x14ac:dyDescent="0.15">
      <c r="A49" s="5">
        <v>36</v>
      </c>
      <c r="B49" s="22">
        <v>99</v>
      </c>
      <c r="C49" s="14">
        <v>101</v>
      </c>
      <c r="D49" s="18">
        <v>200</v>
      </c>
    </row>
    <row r="50" spans="1:4" ht="18" customHeight="1" x14ac:dyDescent="0.15">
      <c r="A50" s="5">
        <v>37</v>
      </c>
      <c r="B50" s="22">
        <v>107</v>
      </c>
      <c r="C50" s="14">
        <v>96</v>
      </c>
      <c r="D50" s="18">
        <v>203</v>
      </c>
    </row>
    <row r="51" spans="1:4" ht="18" customHeight="1" x14ac:dyDescent="0.15">
      <c r="A51" s="5">
        <v>38</v>
      </c>
      <c r="B51" s="22">
        <v>92</v>
      </c>
      <c r="C51" s="14">
        <v>89</v>
      </c>
      <c r="D51" s="18">
        <v>181</v>
      </c>
    </row>
    <row r="52" spans="1:4" ht="18" customHeight="1" x14ac:dyDescent="0.15">
      <c r="A52" s="5">
        <v>39</v>
      </c>
      <c r="B52" s="22">
        <v>109</v>
      </c>
      <c r="C52" s="14">
        <v>112</v>
      </c>
      <c r="D52" s="18">
        <v>221</v>
      </c>
    </row>
    <row r="53" spans="1:4" ht="18" customHeight="1" x14ac:dyDescent="0.15">
      <c r="A53" s="5" t="s">
        <v>18</v>
      </c>
      <c r="B53" s="22">
        <v>510</v>
      </c>
      <c r="C53" s="14">
        <v>501</v>
      </c>
      <c r="D53" s="18">
        <v>1011</v>
      </c>
    </row>
    <row r="54" spans="1:4" ht="18" customHeight="1" x14ac:dyDescent="0.15">
      <c r="A54" s="5">
        <v>40</v>
      </c>
      <c r="B54" s="22">
        <v>120</v>
      </c>
      <c r="C54" s="14">
        <v>122</v>
      </c>
      <c r="D54" s="18">
        <v>242</v>
      </c>
    </row>
    <row r="55" spans="1:4" ht="18" customHeight="1" x14ac:dyDescent="0.15">
      <c r="A55" s="5">
        <v>41</v>
      </c>
      <c r="B55" s="22">
        <v>144</v>
      </c>
      <c r="C55" s="14">
        <v>109</v>
      </c>
      <c r="D55" s="18">
        <v>253</v>
      </c>
    </row>
    <row r="56" spans="1:4" ht="18" customHeight="1" x14ac:dyDescent="0.15">
      <c r="A56" s="5">
        <v>42</v>
      </c>
      <c r="B56" s="22">
        <v>130</v>
      </c>
      <c r="C56" s="14">
        <v>104</v>
      </c>
      <c r="D56" s="18">
        <v>234</v>
      </c>
    </row>
    <row r="57" spans="1:4" ht="18" customHeight="1" x14ac:dyDescent="0.15">
      <c r="A57" s="5">
        <v>43</v>
      </c>
      <c r="B57" s="22">
        <v>146</v>
      </c>
      <c r="C57" s="14">
        <v>126</v>
      </c>
      <c r="D57" s="18">
        <v>272</v>
      </c>
    </row>
    <row r="58" spans="1:4" ht="18" customHeight="1" x14ac:dyDescent="0.15">
      <c r="A58" s="5">
        <v>44</v>
      </c>
      <c r="B58" s="22">
        <v>127</v>
      </c>
      <c r="C58" s="14">
        <v>128</v>
      </c>
      <c r="D58" s="18">
        <v>255</v>
      </c>
    </row>
    <row r="59" spans="1:4" ht="18" customHeight="1" x14ac:dyDescent="0.15">
      <c r="A59" s="5" t="s">
        <v>21</v>
      </c>
      <c r="B59" s="22">
        <v>667</v>
      </c>
      <c r="C59" s="14">
        <v>589</v>
      </c>
      <c r="D59" s="18">
        <v>1256</v>
      </c>
    </row>
    <row r="60" spans="1:4" ht="18" customHeight="1" x14ac:dyDescent="0.15">
      <c r="A60" s="5">
        <v>45</v>
      </c>
      <c r="B60" s="22">
        <v>141</v>
      </c>
      <c r="C60" s="14">
        <v>119</v>
      </c>
      <c r="D60" s="18">
        <v>260</v>
      </c>
    </row>
    <row r="61" spans="1:4" ht="18" customHeight="1" x14ac:dyDescent="0.15">
      <c r="A61" s="5">
        <v>46</v>
      </c>
      <c r="B61" s="22">
        <v>131</v>
      </c>
      <c r="C61" s="14">
        <v>135</v>
      </c>
      <c r="D61" s="18">
        <v>266</v>
      </c>
    </row>
    <row r="62" spans="1:4" ht="18" customHeight="1" x14ac:dyDescent="0.15">
      <c r="A62" s="5">
        <v>47</v>
      </c>
      <c r="B62" s="22">
        <v>117</v>
      </c>
      <c r="C62" s="14">
        <v>111</v>
      </c>
      <c r="D62" s="18">
        <v>228</v>
      </c>
    </row>
    <row r="63" spans="1:4" ht="18" customHeight="1" x14ac:dyDescent="0.15">
      <c r="A63" s="5">
        <v>48</v>
      </c>
      <c r="B63" s="22">
        <v>134</v>
      </c>
      <c r="C63" s="14">
        <v>122</v>
      </c>
      <c r="D63" s="18">
        <v>256</v>
      </c>
    </row>
    <row r="64" spans="1:4" ht="18" customHeight="1" x14ac:dyDescent="0.15">
      <c r="A64" s="5">
        <v>49</v>
      </c>
      <c r="B64" s="22">
        <v>143</v>
      </c>
      <c r="C64" s="14">
        <v>128</v>
      </c>
      <c r="D64" s="18">
        <v>271</v>
      </c>
    </row>
    <row r="65" spans="1:4" ht="18" customHeight="1" x14ac:dyDescent="0.15">
      <c r="A65" s="5" t="s">
        <v>17</v>
      </c>
      <c r="B65" s="22">
        <v>666</v>
      </c>
      <c r="C65" s="14">
        <v>615</v>
      </c>
      <c r="D65" s="18">
        <v>1281</v>
      </c>
    </row>
    <row r="66" spans="1:4" ht="18" customHeight="1" x14ac:dyDescent="0.15">
      <c r="A66" s="5">
        <v>50</v>
      </c>
      <c r="B66" s="22">
        <v>147</v>
      </c>
      <c r="C66" s="14">
        <v>128</v>
      </c>
      <c r="D66" s="18">
        <v>275</v>
      </c>
    </row>
    <row r="67" spans="1:4" ht="18" customHeight="1" x14ac:dyDescent="0.15">
      <c r="A67" s="5">
        <v>51</v>
      </c>
      <c r="B67" s="22">
        <v>160</v>
      </c>
      <c r="C67" s="14">
        <v>170</v>
      </c>
      <c r="D67" s="18">
        <v>330</v>
      </c>
    </row>
    <row r="68" spans="1:4" ht="18" customHeight="1" x14ac:dyDescent="0.15">
      <c r="A68" s="5">
        <v>52</v>
      </c>
      <c r="B68" s="22">
        <v>142</v>
      </c>
      <c r="C68" s="14">
        <v>147</v>
      </c>
      <c r="D68" s="18">
        <v>289</v>
      </c>
    </row>
    <row r="69" spans="1:4" ht="18" customHeight="1" x14ac:dyDescent="0.15">
      <c r="A69" s="5">
        <v>53</v>
      </c>
      <c r="B69" s="22">
        <v>136</v>
      </c>
      <c r="C69" s="14">
        <v>139</v>
      </c>
      <c r="D69" s="18">
        <v>275</v>
      </c>
    </row>
    <row r="70" spans="1:4" ht="18" customHeight="1" x14ac:dyDescent="0.15">
      <c r="A70" s="5">
        <v>54</v>
      </c>
      <c r="B70" s="22">
        <v>143</v>
      </c>
      <c r="C70" s="14">
        <v>124</v>
      </c>
      <c r="D70" s="18">
        <v>267</v>
      </c>
    </row>
    <row r="71" spans="1:4" ht="18" customHeight="1" x14ac:dyDescent="0.15">
      <c r="A71" s="5" t="s">
        <v>22</v>
      </c>
      <c r="B71" s="22">
        <v>728</v>
      </c>
      <c r="C71" s="14">
        <v>708</v>
      </c>
      <c r="D71" s="18">
        <v>1436</v>
      </c>
    </row>
    <row r="72" spans="1:4" ht="18" customHeight="1" x14ac:dyDescent="0.15">
      <c r="A72" s="5">
        <v>55</v>
      </c>
      <c r="B72" s="22">
        <v>103</v>
      </c>
      <c r="C72" s="14">
        <v>111</v>
      </c>
      <c r="D72" s="18">
        <v>214</v>
      </c>
    </row>
    <row r="73" spans="1:4" ht="18" customHeight="1" x14ac:dyDescent="0.15">
      <c r="A73" s="5">
        <v>56</v>
      </c>
      <c r="B73" s="22">
        <v>92</v>
      </c>
      <c r="C73" s="14">
        <v>100</v>
      </c>
      <c r="D73" s="18">
        <v>192</v>
      </c>
    </row>
    <row r="74" spans="1:4" ht="18" customHeight="1" x14ac:dyDescent="0.15">
      <c r="A74" s="5">
        <v>57</v>
      </c>
      <c r="B74" s="22">
        <v>103</v>
      </c>
      <c r="C74" s="14">
        <v>93</v>
      </c>
      <c r="D74" s="18">
        <v>196</v>
      </c>
    </row>
    <row r="75" spans="1:4" ht="18" customHeight="1" x14ac:dyDescent="0.15">
      <c r="A75" s="5">
        <v>58</v>
      </c>
      <c r="B75" s="22">
        <v>103</v>
      </c>
      <c r="C75" s="14">
        <v>93</v>
      </c>
      <c r="D75" s="18">
        <v>196</v>
      </c>
    </row>
    <row r="76" spans="1:4" ht="18" customHeight="1" x14ac:dyDescent="0.15">
      <c r="A76" s="5">
        <v>59</v>
      </c>
      <c r="B76" s="22">
        <v>63</v>
      </c>
      <c r="C76" s="14">
        <v>79</v>
      </c>
      <c r="D76" s="18">
        <v>142</v>
      </c>
    </row>
    <row r="77" spans="1:4" ht="18" customHeight="1" x14ac:dyDescent="0.15">
      <c r="A77" s="5" t="s">
        <v>27</v>
      </c>
      <c r="B77" s="22">
        <v>464</v>
      </c>
      <c r="C77" s="14">
        <v>476</v>
      </c>
      <c r="D77" s="18">
        <v>940</v>
      </c>
    </row>
    <row r="78" spans="1:4" ht="18" customHeight="1" x14ac:dyDescent="0.15">
      <c r="A78" s="5">
        <v>60</v>
      </c>
      <c r="B78" s="22">
        <v>91</v>
      </c>
      <c r="C78" s="14">
        <v>83</v>
      </c>
      <c r="D78" s="18">
        <v>174</v>
      </c>
    </row>
    <row r="79" spans="1:4" ht="18" customHeight="1" x14ac:dyDescent="0.15">
      <c r="A79" s="5">
        <v>61</v>
      </c>
      <c r="B79" s="22">
        <v>85</v>
      </c>
      <c r="C79" s="14">
        <v>92</v>
      </c>
      <c r="D79" s="18">
        <v>177</v>
      </c>
    </row>
    <row r="80" spans="1:4" ht="18" customHeight="1" x14ac:dyDescent="0.15">
      <c r="A80" s="5">
        <v>62</v>
      </c>
      <c r="B80" s="22">
        <v>78</v>
      </c>
      <c r="C80" s="14">
        <v>79</v>
      </c>
      <c r="D80" s="18">
        <v>157</v>
      </c>
    </row>
    <row r="81" spans="1:4" ht="18" customHeight="1" x14ac:dyDescent="0.15">
      <c r="A81" s="5">
        <v>63</v>
      </c>
      <c r="B81" s="22">
        <v>69</v>
      </c>
      <c r="C81" s="14">
        <v>74</v>
      </c>
      <c r="D81" s="18">
        <v>143</v>
      </c>
    </row>
    <row r="82" spans="1:4" ht="18" customHeight="1" x14ac:dyDescent="0.15">
      <c r="A82" s="5">
        <v>64</v>
      </c>
      <c r="B82" s="22">
        <v>72</v>
      </c>
      <c r="C82" s="14">
        <v>65</v>
      </c>
      <c r="D82" s="18">
        <v>137</v>
      </c>
    </row>
    <row r="83" spans="1:4" ht="18" customHeight="1" x14ac:dyDescent="0.15">
      <c r="A83" s="5" t="s">
        <v>28</v>
      </c>
      <c r="B83" s="22">
        <v>395</v>
      </c>
      <c r="C83" s="14">
        <v>393</v>
      </c>
      <c r="D83" s="18">
        <v>788</v>
      </c>
    </row>
    <row r="84" spans="1:4" ht="18" customHeight="1" x14ac:dyDescent="0.15">
      <c r="A84" s="5" t="s">
        <v>31</v>
      </c>
      <c r="B84" s="22">
        <v>5080</v>
      </c>
      <c r="C84" s="14">
        <v>4962</v>
      </c>
      <c r="D84" s="18">
        <v>10042</v>
      </c>
    </row>
    <row r="85" spans="1:4" ht="18" customHeight="1" x14ac:dyDescent="0.15">
      <c r="A85" s="5">
        <v>65</v>
      </c>
      <c r="B85" s="22">
        <v>69</v>
      </c>
      <c r="C85" s="14">
        <v>85</v>
      </c>
      <c r="D85" s="18">
        <v>154</v>
      </c>
    </row>
    <row r="86" spans="1:4" ht="18" customHeight="1" x14ac:dyDescent="0.15">
      <c r="A86" s="5">
        <v>66</v>
      </c>
      <c r="B86" s="22">
        <v>60</v>
      </c>
      <c r="C86" s="14">
        <v>75</v>
      </c>
      <c r="D86" s="18">
        <v>135</v>
      </c>
    </row>
    <row r="87" spans="1:4" ht="18" customHeight="1" x14ac:dyDescent="0.15">
      <c r="A87" s="5">
        <v>67</v>
      </c>
      <c r="B87" s="22">
        <v>76</v>
      </c>
      <c r="C87" s="14">
        <v>91</v>
      </c>
      <c r="D87" s="18">
        <v>167</v>
      </c>
    </row>
    <row r="88" spans="1:4" ht="18" customHeight="1" x14ac:dyDescent="0.15">
      <c r="A88" s="5">
        <v>68</v>
      </c>
      <c r="B88" s="22">
        <v>66</v>
      </c>
      <c r="C88" s="14">
        <v>72</v>
      </c>
      <c r="D88" s="18">
        <v>138</v>
      </c>
    </row>
    <row r="89" spans="1:4" ht="18" customHeight="1" x14ac:dyDescent="0.15">
      <c r="A89" s="5">
        <v>69</v>
      </c>
      <c r="B89" s="22">
        <v>66</v>
      </c>
      <c r="C89" s="14">
        <v>64</v>
      </c>
      <c r="D89" s="18">
        <v>130</v>
      </c>
    </row>
    <row r="90" spans="1:4" ht="18" customHeight="1" x14ac:dyDescent="0.15">
      <c r="A90" s="5" t="s">
        <v>20</v>
      </c>
      <c r="B90" s="22">
        <v>337</v>
      </c>
      <c r="C90" s="14">
        <v>387</v>
      </c>
      <c r="D90" s="18">
        <v>724</v>
      </c>
    </row>
    <row r="91" spans="1:4" ht="18" customHeight="1" x14ac:dyDescent="0.15">
      <c r="A91" s="5">
        <v>70</v>
      </c>
      <c r="B91" s="22">
        <v>68</v>
      </c>
      <c r="C91" s="14">
        <v>80</v>
      </c>
      <c r="D91" s="18">
        <v>148</v>
      </c>
    </row>
    <row r="92" spans="1:4" ht="18" customHeight="1" x14ac:dyDescent="0.15">
      <c r="A92" s="5">
        <v>71</v>
      </c>
      <c r="B92" s="22">
        <v>83</v>
      </c>
      <c r="C92" s="14">
        <v>74</v>
      </c>
      <c r="D92" s="18">
        <v>157</v>
      </c>
    </row>
    <row r="93" spans="1:4" ht="18" customHeight="1" x14ac:dyDescent="0.15">
      <c r="A93" s="5">
        <v>72</v>
      </c>
      <c r="B93" s="22">
        <v>73</v>
      </c>
      <c r="C93" s="14">
        <v>92</v>
      </c>
      <c r="D93" s="18">
        <v>165</v>
      </c>
    </row>
    <row r="94" spans="1:4" ht="18" customHeight="1" x14ac:dyDescent="0.15">
      <c r="A94" s="5">
        <v>73</v>
      </c>
      <c r="B94" s="22">
        <v>83</v>
      </c>
      <c r="C94" s="14">
        <v>99</v>
      </c>
      <c r="D94" s="18">
        <v>182</v>
      </c>
    </row>
    <row r="95" spans="1:4" ht="18" customHeight="1" x14ac:dyDescent="0.15">
      <c r="A95" s="5">
        <v>74</v>
      </c>
      <c r="B95" s="22">
        <v>68</v>
      </c>
      <c r="C95" s="14">
        <v>76</v>
      </c>
      <c r="D95" s="18">
        <v>144</v>
      </c>
    </row>
    <row r="96" spans="1:4" ht="18" customHeight="1" x14ac:dyDescent="0.15">
      <c r="A96" s="5" t="s">
        <v>33</v>
      </c>
      <c r="B96" s="22">
        <v>375</v>
      </c>
      <c r="C96" s="14">
        <v>421</v>
      </c>
      <c r="D96" s="18">
        <v>796</v>
      </c>
    </row>
    <row r="97" spans="1:4" ht="18" customHeight="1" x14ac:dyDescent="0.15">
      <c r="A97" s="5">
        <v>75</v>
      </c>
      <c r="B97" s="22">
        <v>85</v>
      </c>
      <c r="C97" s="14">
        <v>119</v>
      </c>
      <c r="D97" s="18">
        <v>204</v>
      </c>
    </row>
    <row r="98" spans="1:4" ht="18" customHeight="1" x14ac:dyDescent="0.15">
      <c r="A98" s="5">
        <v>76</v>
      </c>
      <c r="B98" s="22">
        <v>96</v>
      </c>
      <c r="C98" s="14">
        <v>106</v>
      </c>
      <c r="D98" s="18">
        <v>202</v>
      </c>
    </row>
    <row r="99" spans="1:4" ht="18" customHeight="1" x14ac:dyDescent="0.15">
      <c r="A99" s="5">
        <v>77</v>
      </c>
      <c r="B99" s="22">
        <v>82</v>
      </c>
      <c r="C99" s="14">
        <v>139</v>
      </c>
      <c r="D99" s="18">
        <v>221</v>
      </c>
    </row>
    <row r="100" spans="1:4" ht="18" customHeight="1" x14ac:dyDescent="0.15">
      <c r="A100" s="5">
        <v>78</v>
      </c>
      <c r="B100" s="22">
        <v>106</v>
      </c>
      <c r="C100" s="14">
        <v>158</v>
      </c>
      <c r="D100" s="18">
        <v>264</v>
      </c>
    </row>
    <row r="101" spans="1:4" ht="18" customHeight="1" x14ac:dyDescent="0.15">
      <c r="A101" s="5">
        <v>79</v>
      </c>
      <c r="B101" s="22">
        <v>71</v>
      </c>
      <c r="C101" s="14">
        <v>89</v>
      </c>
      <c r="D101" s="18">
        <v>160</v>
      </c>
    </row>
    <row r="102" spans="1:4" ht="18" customHeight="1" x14ac:dyDescent="0.15">
      <c r="A102" s="5" t="s">
        <v>0</v>
      </c>
      <c r="B102" s="22">
        <v>440</v>
      </c>
      <c r="C102" s="14">
        <v>611</v>
      </c>
      <c r="D102" s="18">
        <v>1051</v>
      </c>
    </row>
    <row r="103" spans="1:4" ht="18" customHeight="1" x14ac:dyDescent="0.15">
      <c r="A103" s="5">
        <v>80</v>
      </c>
      <c r="B103" s="22">
        <v>56</v>
      </c>
      <c r="C103" s="14">
        <v>75</v>
      </c>
      <c r="D103" s="18">
        <v>131</v>
      </c>
    </row>
    <row r="104" spans="1:4" ht="18" customHeight="1" x14ac:dyDescent="0.15">
      <c r="A104" s="5">
        <v>81</v>
      </c>
      <c r="B104" s="22">
        <v>74</v>
      </c>
      <c r="C104" s="14">
        <v>101</v>
      </c>
      <c r="D104" s="18">
        <v>175</v>
      </c>
    </row>
    <row r="105" spans="1:4" ht="18" customHeight="1" x14ac:dyDescent="0.15">
      <c r="A105" s="5">
        <v>82</v>
      </c>
      <c r="B105" s="22">
        <v>71</v>
      </c>
      <c r="C105" s="14">
        <v>96</v>
      </c>
      <c r="D105" s="18">
        <v>167</v>
      </c>
    </row>
    <row r="106" spans="1:4" ht="18" customHeight="1" x14ac:dyDescent="0.15">
      <c r="A106" s="5">
        <v>83</v>
      </c>
      <c r="B106" s="22">
        <v>49</v>
      </c>
      <c r="C106" s="14">
        <v>99</v>
      </c>
      <c r="D106" s="18">
        <v>148</v>
      </c>
    </row>
    <row r="107" spans="1:4" ht="18" customHeight="1" x14ac:dyDescent="0.15">
      <c r="A107" s="5">
        <v>84</v>
      </c>
      <c r="B107" s="22">
        <v>58</v>
      </c>
      <c r="C107" s="14">
        <v>75</v>
      </c>
      <c r="D107" s="18">
        <v>133</v>
      </c>
    </row>
    <row r="108" spans="1:4" ht="18" customHeight="1" x14ac:dyDescent="0.15">
      <c r="A108" s="5" t="s">
        <v>35</v>
      </c>
      <c r="B108" s="22">
        <v>308</v>
      </c>
      <c r="C108" s="14">
        <v>446</v>
      </c>
      <c r="D108" s="18">
        <v>754</v>
      </c>
    </row>
    <row r="109" spans="1:4" ht="18" customHeight="1" x14ac:dyDescent="0.15">
      <c r="A109" s="5">
        <v>85</v>
      </c>
      <c r="B109" s="22">
        <v>50</v>
      </c>
      <c r="C109" s="14">
        <v>76</v>
      </c>
      <c r="D109" s="18">
        <v>126</v>
      </c>
    </row>
    <row r="110" spans="1:4" ht="18" customHeight="1" x14ac:dyDescent="0.15">
      <c r="A110" s="5">
        <v>86</v>
      </c>
      <c r="B110" s="22">
        <v>36</v>
      </c>
      <c r="C110" s="14">
        <v>54</v>
      </c>
      <c r="D110" s="18">
        <v>90</v>
      </c>
    </row>
    <row r="111" spans="1:4" ht="18" customHeight="1" x14ac:dyDescent="0.15">
      <c r="A111" s="5">
        <v>87</v>
      </c>
      <c r="B111" s="22">
        <v>31</v>
      </c>
      <c r="C111" s="14">
        <v>48</v>
      </c>
      <c r="D111" s="18">
        <v>79</v>
      </c>
    </row>
    <row r="112" spans="1:4" ht="18" customHeight="1" x14ac:dyDescent="0.15">
      <c r="A112" s="5">
        <v>88</v>
      </c>
      <c r="B112" s="22">
        <v>41</v>
      </c>
      <c r="C112" s="14">
        <v>54</v>
      </c>
      <c r="D112" s="18">
        <v>95</v>
      </c>
    </row>
    <row r="113" spans="1:4" ht="18" customHeight="1" x14ac:dyDescent="0.15">
      <c r="A113" s="5">
        <v>89</v>
      </c>
      <c r="B113" s="22">
        <v>20</v>
      </c>
      <c r="C113" s="14">
        <v>37</v>
      </c>
      <c r="D113" s="18">
        <v>57</v>
      </c>
    </row>
    <row r="114" spans="1:4" ht="18" customHeight="1" x14ac:dyDescent="0.15">
      <c r="A114" s="5" t="s">
        <v>37</v>
      </c>
      <c r="B114" s="22">
        <v>178</v>
      </c>
      <c r="C114" s="14">
        <v>269</v>
      </c>
      <c r="D114" s="18">
        <v>447</v>
      </c>
    </row>
    <row r="115" spans="1:4" ht="18" customHeight="1" x14ac:dyDescent="0.15">
      <c r="A115" s="5">
        <v>90</v>
      </c>
      <c r="B115" s="22">
        <v>21</v>
      </c>
      <c r="C115" s="14">
        <v>44</v>
      </c>
      <c r="D115" s="18">
        <v>65</v>
      </c>
    </row>
    <row r="116" spans="1:4" ht="18" customHeight="1" x14ac:dyDescent="0.15">
      <c r="A116" s="5">
        <v>91</v>
      </c>
      <c r="B116" s="22">
        <v>14</v>
      </c>
      <c r="C116" s="14">
        <v>29</v>
      </c>
      <c r="D116" s="18">
        <v>43</v>
      </c>
    </row>
    <row r="117" spans="1:4" ht="18" customHeight="1" x14ac:dyDescent="0.15">
      <c r="A117" s="5">
        <v>92</v>
      </c>
      <c r="B117" s="22">
        <v>15</v>
      </c>
      <c r="C117" s="14">
        <v>24</v>
      </c>
      <c r="D117" s="18">
        <v>39</v>
      </c>
    </row>
    <row r="118" spans="1:4" ht="18" customHeight="1" x14ac:dyDescent="0.15">
      <c r="A118" s="5">
        <v>93</v>
      </c>
      <c r="B118" s="22">
        <v>3</v>
      </c>
      <c r="C118" s="14">
        <v>23</v>
      </c>
      <c r="D118" s="18">
        <v>26</v>
      </c>
    </row>
    <row r="119" spans="1:4" ht="18" customHeight="1" x14ac:dyDescent="0.15">
      <c r="A119" s="5">
        <v>94</v>
      </c>
      <c r="B119" s="22">
        <v>12</v>
      </c>
      <c r="C119" s="14">
        <v>14</v>
      </c>
      <c r="D119" s="18">
        <v>26</v>
      </c>
    </row>
    <row r="120" spans="1:4" ht="18" customHeight="1" x14ac:dyDescent="0.15">
      <c r="A120" s="5" t="s">
        <v>39</v>
      </c>
      <c r="B120" s="22">
        <v>65</v>
      </c>
      <c r="C120" s="14">
        <v>134</v>
      </c>
      <c r="D120" s="18">
        <v>199</v>
      </c>
    </row>
    <row r="121" spans="1:4" ht="18" customHeight="1" x14ac:dyDescent="0.15">
      <c r="A121" s="5">
        <v>95</v>
      </c>
      <c r="B121" s="22">
        <v>4</v>
      </c>
      <c r="C121" s="14">
        <v>13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11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7</v>
      </c>
      <c r="C126" s="14">
        <v>41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10</v>
      </c>
      <c r="D129" s="18">
        <v>10</v>
      </c>
    </row>
    <row r="130" spans="1:4" ht="18" customHeight="1" x14ac:dyDescent="0.15">
      <c r="A130" s="5" t="s">
        <v>46</v>
      </c>
      <c r="B130" s="22">
        <v>1710</v>
      </c>
      <c r="C130" s="14">
        <v>2319</v>
      </c>
      <c r="D130" s="18">
        <v>4029</v>
      </c>
    </row>
    <row r="131" spans="1:4" ht="18" customHeight="1" x14ac:dyDescent="0.15">
      <c r="A131" s="7" t="s">
        <v>45</v>
      </c>
      <c r="B131" s="23">
        <v>8075</v>
      </c>
      <c r="C131" s="15">
        <v>8510</v>
      </c>
      <c r="D131" s="19">
        <v>165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2</v>
      </c>
      <c r="C5" s="13">
        <v>33</v>
      </c>
      <c r="D5" s="17">
        <v>75</v>
      </c>
    </row>
    <row r="6" spans="1:4" ht="18" customHeight="1" x14ac:dyDescent="0.15">
      <c r="A6" s="5">
        <v>1</v>
      </c>
      <c r="B6" s="22">
        <v>45</v>
      </c>
      <c r="C6" s="14">
        <v>37</v>
      </c>
      <c r="D6" s="18">
        <v>82</v>
      </c>
    </row>
    <row r="7" spans="1:4" ht="18" customHeight="1" x14ac:dyDescent="0.15">
      <c r="A7" s="5">
        <v>2</v>
      </c>
      <c r="B7" s="22">
        <v>50</v>
      </c>
      <c r="C7" s="14">
        <v>35</v>
      </c>
      <c r="D7" s="18">
        <v>85</v>
      </c>
    </row>
    <row r="8" spans="1:4" ht="18" customHeight="1" x14ac:dyDescent="0.15">
      <c r="A8" s="5">
        <v>3</v>
      </c>
      <c r="B8" s="22">
        <v>46</v>
      </c>
      <c r="C8" s="14">
        <v>48</v>
      </c>
      <c r="D8" s="18">
        <v>94</v>
      </c>
    </row>
    <row r="9" spans="1:4" ht="18" customHeight="1" x14ac:dyDescent="0.15">
      <c r="A9" s="5">
        <v>4</v>
      </c>
      <c r="B9" s="22">
        <v>37</v>
      </c>
      <c r="C9" s="14">
        <v>27</v>
      </c>
      <c r="D9" s="18">
        <v>64</v>
      </c>
    </row>
    <row r="10" spans="1:4" ht="18" customHeight="1" x14ac:dyDescent="0.15">
      <c r="A10" s="5" t="s">
        <v>7</v>
      </c>
      <c r="B10" s="22">
        <v>220</v>
      </c>
      <c r="C10" s="14">
        <v>180</v>
      </c>
      <c r="D10" s="18">
        <v>400</v>
      </c>
    </row>
    <row r="11" spans="1:4" ht="18" customHeight="1" x14ac:dyDescent="0.15">
      <c r="A11" s="5">
        <v>5</v>
      </c>
      <c r="B11" s="22">
        <v>51</v>
      </c>
      <c r="C11" s="14">
        <v>37</v>
      </c>
      <c r="D11" s="18">
        <v>88</v>
      </c>
    </row>
    <row r="12" spans="1:4" ht="18" customHeight="1" x14ac:dyDescent="0.15">
      <c r="A12" s="5">
        <v>6</v>
      </c>
      <c r="B12" s="22">
        <v>38</v>
      </c>
      <c r="C12" s="14">
        <v>44</v>
      </c>
      <c r="D12" s="18">
        <v>82</v>
      </c>
    </row>
    <row r="13" spans="1:4" ht="18" customHeight="1" x14ac:dyDescent="0.15">
      <c r="A13" s="5">
        <v>7</v>
      </c>
      <c r="B13" s="22">
        <v>54</v>
      </c>
      <c r="C13" s="14">
        <v>43</v>
      </c>
      <c r="D13" s="18">
        <v>97</v>
      </c>
    </row>
    <row r="14" spans="1:4" ht="18" customHeight="1" x14ac:dyDescent="0.15">
      <c r="A14" s="5">
        <v>8</v>
      </c>
      <c r="B14" s="22">
        <v>46</v>
      </c>
      <c r="C14" s="14">
        <v>53</v>
      </c>
      <c r="D14" s="18">
        <v>99</v>
      </c>
    </row>
    <row r="15" spans="1:4" ht="18" customHeight="1" x14ac:dyDescent="0.15">
      <c r="A15" s="5">
        <v>9</v>
      </c>
      <c r="B15" s="22">
        <v>61</v>
      </c>
      <c r="C15" s="14">
        <v>52</v>
      </c>
      <c r="D15" s="18">
        <v>113</v>
      </c>
    </row>
    <row r="16" spans="1:4" ht="18" customHeight="1" x14ac:dyDescent="0.15">
      <c r="A16" s="5" t="s">
        <v>11</v>
      </c>
      <c r="B16" s="22">
        <v>250</v>
      </c>
      <c r="C16" s="14">
        <v>229</v>
      </c>
      <c r="D16" s="18">
        <v>479</v>
      </c>
    </row>
    <row r="17" spans="1:4" ht="18" customHeight="1" x14ac:dyDescent="0.15">
      <c r="A17" s="5">
        <v>10</v>
      </c>
      <c r="B17" s="22">
        <v>36</v>
      </c>
      <c r="C17" s="14">
        <v>55</v>
      </c>
      <c r="D17" s="18">
        <v>91</v>
      </c>
    </row>
    <row r="18" spans="1:4" ht="18" customHeight="1" x14ac:dyDescent="0.15">
      <c r="A18" s="5">
        <v>11</v>
      </c>
      <c r="B18" s="22">
        <v>47</v>
      </c>
      <c r="C18" s="14">
        <v>63</v>
      </c>
      <c r="D18" s="18">
        <v>110</v>
      </c>
    </row>
    <row r="19" spans="1:4" ht="18" customHeight="1" x14ac:dyDescent="0.15">
      <c r="A19" s="5">
        <v>12</v>
      </c>
      <c r="B19" s="22">
        <v>52</v>
      </c>
      <c r="C19" s="14">
        <v>42</v>
      </c>
      <c r="D19" s="18">
        <v>94</v>
      </c>
    </row>
    <row r="20" spans="1:4" ht="18" customHeight="1" x14ac:dyDescent="0.15">
      <c r="A20" s="5">
        <v>13</v>
      </c>
      <c r="B20" s="22">
        <v>48</v>
      </c>
      <c r="C20" s="14">
        <v>57</v>
      </c>
      <c r="D20" s="18">
        <v>105</v>
      </c>
    </row>
    <row r="21" spans="1:4" ht="18" customHeight="1" x14ac:dyDescent="0.15">
      <c r="A21" s="5">
        <v>14</v>
      </c>
      <c r="B21" s="22">
        <v>48</v>
      </c>
      <c r="C21" s="14">
        <v>36</v>
      </c>
      <c r="D21" s="18">
        <v>84</v>
      </c>
    </row>
    <row r="22" spans="1:4" ht="18" customHeight="1" x14ac:dyDescent="0.15">
      <c r="A22" s="5" t="s">
        <v>12</v>
      </c>
      <c r="B22" s="22">
        <v>231</v>
      </c>
      <c r="C22" s="14">
        <v>253</v>
      </c>
      <c r="D22" s="18">
        <v>484</v>
      </c>
    </row>
    <row r="23" spans="1:4" ht="18" customHeight="1" x14ac:dyDescent="0.15">
      <c r="A23" s="5" t="s">
        <v>6</v>
      </c>
      <c r="B23" s="22">
        <v>701</v>
      </c>
      <c r="C23" s="14">
        <v>662</v>
      </c>
      <c r="D23" s="18">
        <v>1363</v>
      </c>
    </row>
    <row r="24" spans="1:4" ht="18" customHeight="1" x14ac:dyDescent="0.15">
      <c r="A24" s="5">
        <v>15</v>
      </c>
      <c r="B24" s="22">
        <v>49</v>
      </c>
      <c r="C24" s="14">
        <v>46</v>
      </c>
      <c r="D24" s="18">
        <v>95</v>
      </c>
    </row>
    <row r="25" spans="1:4" ht="18" customHeight="1" x14ac:dyDescent="0.15">
      <c r="A25" s="5">
        <v>16</v>
      </c>
      <c r="B25" s="22">
        <v>44</v>
      </c>
      <c r="C25" s="14">
        <v>47</v>
      </c>
      <c r="D25" s="18">
        <v>91</v>
      </c>
    </row>
    <row r="26" spans="1:4" ht="18" customHeight="1" x14ac:dyDescent="0.15">
      <c r="A26" s="5">
        <v>17</v>
      </c>
      <c r="B26" s="22">
        <v>57</v>
      </c>
      <c r="C26" s="14">
        <v>37</v>
      </c>
      <c r="D26" s="18">
        <v>94</v>
      </c>
    </row>
    <row r="27" spans="1:4" ht="18" customHeight="1" x14ac:dyDescent="0.15">
      <c r="A27" s="5">
        <v>18</v>
      </c>
      <c r="B27" s="22">
        <v>39</v>
      </c>
      <c r="C27" s="14">
        <v>47</v>
      </c>
      <c r="D27" s="18">
        <v>86</v>
      </c>
    </row>
    <row r="28" spans="1:4" ht="18" customHeight="1" x14ac:dyDescent="0.15">
      <c r="A28" s="5">
        <v>19</v>
      </c>
      <c r="B28" s="22">
        <v>46</v>
      </c>
      <c r="C28" s="14">
        <v>54</v>
      </c>
      <c r="D28" s="18">
        <v>100</v>
      </c>
    </row>
    <row r="29" spans="1:4" ht="18" customHeight="1" x14ac:dyDescent="0.15">
      <c r="A29" s="5" t="s">
        <v>14</v>
      </c>
      <c r="B29" s="22">
        <v>235</v>
      </c>
      <c r="C29" s="14">
        <v>231</v>
      </c>
      <c r="D29" s="18">
        <v>466</v>
      </c>
    </row>
    <row r="30" spans="1:4" ht="18" customHeight="1" x14ac:dyDescent="0.15">
      <c r="A30" s="5">
        <v>20</v>
      </c>
      <c r="B30" s="22">
        <v>50</v>
      </c>
      <c r="C30" s="14">
        <v>42</v>
      </c>
      <c r="D30" s="18">
        <v>92</v>
      </c>
    </row>
    <row r="31" spans="1:4" ht="18" customHeight="1" x14ac:dyDescent="0.15">
      <c r="A31" s="5">
        <v>21</v>
      </c>
      <c r="B31" s="22">
        <v>38</v>
      </c>
      <c r="C31" s="14">
        <v>56</v>
      </c>
      <c r="D31" s="18">
        <v>94</v>
      </c>
    </row>
    <row r="32" spans="1:4" ht="18" customHeight="1" x14ac:dyDescent="0.15">
      <c r="A32" s="5">
        <v>22</v>
      </c>
      <c r="B32" s="22">
        <v>54</v>
      </c>
      <c r="C32" s="14">
        <v>40</v>
      </c>
      <c r="D32" s="18">
        <v>94</v>
      </c>
    </row>
    <row r="33" spans="1:4" ht="18" customHeight="1" x14ac:dyDescent="0.15">
      <c r="A33" s="5">
        <v>23</v>
      </c>
      <c r="B33" s="22">
        <v>54</v>
      </c>
      <c r="C33" s="14">
        <v>56</v>
      </c>
      <c r="D33" s="18">
        <v>110</v>
      </c>
    </row>
    <row r="34" spans="1:4" ht="18" customHeight="1" x14ac:dyDescent="0.15">
      <c r="A34" s="5">
        <v>24</v>
      </c>
      <c r="B34" s="22">
        <v>61</v>
      </c>
      <c r="C34" s="14">
        <v>68</v>
      </c>
      <c r="D34" s="18">
        <v>129</v>
      </c>
    </row>
    <row r="35" spans="1:4" ht="18" customHeight="1" x14ac:dyDescent="0.15">
      <c r="A35" s="5" t="s">
        <v>9</v>
      </c>
      <c r="B35" s="22">
        <v>257</v>
      </c>
      <c r="C35" s="14">
        <v>262</v>
      </c>
      <c r="D35" s="18">
        <v>519</v>
      </c>
    </row>
    <row r="36" spans="1:4" ht="18" customHeight="1" x14ac:dyDescent="0.15">
      <c r="A36" s="5">
        <v>25</v>
      </c>
      <c r="B36" s="22">
        <v>48</v>
      </c>
      <c r="C36" s="14">
        <v>48</v>
      </c>
      <c r="D36" s="18">
        <v>96</v>
      </c>
    </row>
    <row r="37" spans="1:4" ht="18" customHeight="1" x14ac:dyDescent="0.15">
      <c r="A37" s="5">
        <v>26</v>
      </c>
      <c r="B37" s="22">
        <v>51</v>
      </c>
      <c r="C37" s="14">
        <v>53</v>
      </c>
      <c r="D37" s="18">
        <v>104</v>
      </c>
    </row>
    <row r="38" spans="1:4" ht="18" customHeight="1" x14ac:dyDescent="0.15">
      <c r="A38" s="5">
        <v>27</v>
      </c>
      <c r="B38" s="22">
        <v>45</v>
      </c>
      <c r="C38" s="14">
        <v>58</v>
      </c>
      <c r="D38" s="18">
        <v>103</v>
      </c>
    </row>
    <row r="39" spans="1:4" ht="18" customHeight="1" x14ac:dyDescent="0.15">
      <c r="A39" s="5">
        <v>28</v>
      </c>
      <c r="B39" s="22">
        <v>71</v>
      </c>
      <c r="C39" s="14">
        <v>72</v>
      </c>
      <c r="D39" s="18">
        <v>143</v>
      </c>
    </row>
    <row r="40" spans="1:4" ht="18" customHeight="1" x14ac:dyDescent="0.15">
      <c r="A40" s="5">
        <v>29</v>
      </c>
      <c r="B40" s="22">
        <v>67</v>
      </c>
      <c r="C40" s="14">
        <v>81</v>
      </c>
      <c r="D40" s="18">
        <v>148</v>
      </c>
    </row>
    <row r="41" spans="1:4" ht="18" customHeight="1" x14ac:dyDescent="0.15">
      <c r="A41" s="5" t="s">
        <v>2</v>
      </c>
      <c r="B41" s="22">
        <v>282</v>
      </c>
      <c r="C41" s="14">
        <v>312</v>
      </c>
      <c r="D41" s="18">
        <v>594</v>
      </c>
    </row>
    <row r="42" spans="1:4" ht="18" customHeight="1" x14ac:dyDescent="0.15">
      <c r="A42" s="5">
        <v>30</v>
      </c>
      <c r="B42" s="22">
        <v>77</v>
      </c>
      <c r="C42" s="14">
        <v>69</v>
      </c>
      <c r="D42" s="18">
        <v>146</v>
      </c>
    </row>
    <row r="43" spans="1:4" ht="18" customHeight="1" x14ac:dyDescent="0.15">
      <c r="A43" s="5">
        <v>31</v>
      </c>
      <c r="B43" s="22">
        <v>76</v>
      </c>
      <c r="C43" s="14">
        <v>72</v>
      </c>
      <c r="D43" s="18">
        <v>148</v>
      </c>
    </row>
    <row r="44" spans="1:4" ht="18" customHeight="1" x14ac:dyDescent="0.15">
      <c r="A44" s="5">
        <v>32</v>
      </c>
      <c r="B44" s="22">
        <v>68</v>
      </c>
      <c r="C44" s="14">
        <v>66</v>
      </c>
      <c r="D44" s="18">
        <v>134</v>
      </c>
    </row>
    <row r="45" spans="1:4" ht="18" customHeight="1" x14ac:dyDescent="0.15">
      <c r="A45" s="5">
        <v>33</v>
      </c>
      <c r="B45" s="22">
        <v>59</v>
      </c>
      <c r="C45" s="14">
        <v>58</v>
      </c>
      <c r="D45" s="18">
        <v>117</v>
      </c>
    </row>
    <row r="46" spans="1:4" ht="18" customHeight="1" x14ac:dyDescent="0.15">
      <c r="A46" s="5">
        <v>34</v>
      </c>
      <c r="B46" s="22">
        <v>73</v>
      </c>
      <c r="C46" s="14">
        <v>62</v>
      </c>
      <c r="D46" s="18">
        <v>135</v>
      </c>
    </row>
    <row r="47" spans="1:4" ht="18" customHeight="1" x14ac:dyDescent="0.15">
      <c r="A47" s="5" t="s">
        <v>15</v>
      </c>
      <c r="B47" s="22">
        <v>353</v>
      </c>
      <c r="C47" s="14">
        <v>327</v>
      </c>
      <c r="D47" s="18">
        <v>680</v>
      </c>
    </row>
    <row r="48" spans="1:4" ht="18" customHeight="1" x14ac:dyDescent="0.15">
      <c r="A48" s="5">
        <v>35</v>
      </c>
      <c r="B48" s="22">
        <v>56</v>
      </c>
      <c r="C48" s="14">
        <v>56</v>
      </c>
      <c r="D48" s="18">
        <v>112</v>
      </c>
    </row>
    <row r="49" spans="1:4" ht="18" customHeight="1" x14ac:dyDescent="0.15">
      <c r="A49" s="5">
        <v>36</v>
      </c>
      <c r="B49" s="22">
        <v>75</v>
      </c>
      <c r="C49" s="14">
        <v>67</v>
      </c>
      <c r="D49" s="18">
        <v>142</v>
      </c>
    </row>
    <row r="50" spans="1:4" ht="18" customHeight="1" x14ac:dyDescent="0.15">
      <c r="A50" s="5">
        <v>37</v>
      </c>
      <c r="B50" s="22">
        <v>71</v>
      </c>
      <c r="C50" s="14">
        <v>65</v>
      </c>
      <c r="D50" s="18">
        <v>136</v>
      </c>
    </row>
    <row r="51" spans="1:4" ht="18" customHeight="1" x14ac:dyDescent="0.15">
      <c r="A51" s="5">
        <v>38</v>
      </c>
      <c r="B51" s="22">
        <v>57</v>
      </c>
      <c r="C51" s="14">
        <v>68</v>
      </c>
      <c r="D51" s="18">
        <v>125</v>
      </c>
    </row>
    <row r="52" spans="1:4" ht="18" customHeight="1" x14ac:dyDescent="0.15">
      <c r="A52" s="5">
        <v>39</v>
      </c>
      <c r="B52" s="22">
        <v>71</v>
      </c>
      <c r="C52" s="14">
        <v>65</v>
      </c>
      <c r="D52" s="18">
        <v>136</v>
      </c>
    </row>
    <row r="53" spans="1:4" ht="18" customHeight="1" x14ac:dyDescent="0.15">
      <c r="A53" s="5" t="s">
        <v>18</v>
      </c>
      <c r="B53" s="22">
        <v>330</v>
      </c>
      <c r="C53" s="14">
        <v>321</v>
      </c>
      <c r="D53" s="18">
        <v>651</v>
      </c>
    </row>
    <row r="54" spans="1:4" ht="18" customHeight="1" x14ac:dyDescent="0.15">
      <c r="A54" s="5">
        <v>40</v>
      </c>
      <c r="B54" s="22">
        <v>83</v>
      </c>
      <c r="C54" s="14">
        <v>76</v>
      </c>
      <c r="D54" s="18">
        <v>159</v>
      </c>
    </row>
    <row r="55" spans="1:4" ht="18" customHeight="1" x14ac:dyDescent="0.15">
      <c r="A55" s="5">
        <v>41</v>
      </c>
      <c r="B55" s="22">
        <v>87</v>
      </c>
      <c r="C55" s="14">
        <v>67</v>
      </c>
      <c r="D55" s="18">
        <v>154</v>
      </c>
    </row>
    <row r="56" spans="1:4" ht="18" customHeight="1" x14ac:dyDescent="0.15">
      <c r="A56" s="5">
        <v>42</v>
      </c>
      <c r="B56" s="22">
        <v>59</v>
      </c>
      <c r="C56" s="14">
        <v>70</v>
      </c>
      <c r="D56" s="18">
        <v>129</v>
      </c>
    </row>
    <row r="57" spans="1:4" ht="18" customHeight="1" x14ac:dyDescent="0.15">
      <c r="A57" s="5">
        <v>43</v>
      </c>
      <c r="B57" s="22">
        <v>80</v>
      </c>
      <c r="C57" s="14">
        <v>65</v>
      </c>
      <c r="D57" s="18">
        <v>145</v>
      </c>
    </row>
    <row r="58" spans="1:4" ht="18" customHeight="1" x14ac:dyDescent="0.15">
      <c r="A58" s="5">
        <v>44</v>
      </c>
      <c r="B58" s="22">
        <v>73</v>
      </c>
      <c r="C58" s="14">
        <v>78</v>
      </c>
      <c r="D58" s="18">
        <v>151</v>
      </c>
    </row>
    <row r="59" spans="1:4" ht="18" customHeight="1" x14ac:dyDescent="0.15">
      <c r="A59" s="5" t="s">
        <v>21</v>
      </c>
      <c r="B59" s="22">
        <v>382</v>
      </c>
      <c r="C59" s="14">
        <v>356</v>
      </c>
      <c r="D59" s="18">
        <v>738</v>
      </c>
    </row>
    <row r="60" spans="1:4" ht="18" customHeight="1" x14ac:dyDescent="0.15">
      <c r="A60" s="5">
        <v>45</v>
      </c>
      <c r="B60" s="22">
        <v>73</v>
      </c>
      <c r="C60" s="14">
        <v>79</v>
      </c>
      <c r="D60" s="18">
        <v>152</v>
      </c>
    </row>
    <row r="61" spans="1:4" ht="18" customHeight="1" x14ac:dyDescent="0.15">
      <c r="A61" s="5">
        <v>46</v>
      </c>
      <c r="B61" s="22">
        <v>72</v>
      </c>
      <c r="C61" s="14">
        <v>56</v>
      </c>
      <c r="D61" s="18">
        <v>128</v>
      </c>
    </row>
    <row r="62" spans="1:4" ht="18" customHeight="1" x14ac:dyDescent="0.15">
      <c r="A62" s="5">
        <v>47</v>
      </c>
      <c r="B62" s="22">
        <v>92</v>
      </c>
      <c r="C62" s="14">
        <v>96</v>
      </c>
      <c r="D62" s="18">
        <v>188</v>
      </c>
    </row>
    <row r="63" spans="1:4" ht="18" customHeight="1" x14ac:dyDescent="0.15">
      <c r="A63" s="5">
        <v>48</v>
      </c>
      <c r="B63" s="22">
        <v>68</v>
      </c>
      <c r="C63" s="14">
        <v>88</v>
      </c>
      <c r="D63" s="18">
        <v>156</v>
      </c>
    </row>
    <row r="64" spans="1:4" ht="18" customHeight="1" x14ac:dyDescent="0.15">
      <c r="A64" s="5">
        <v>49</v>
      </c>
      <c r="B64" s="22">
        <v>98</v>
      </c>
      <c r="C64" s="14">
        <v>81</v>
      </c>
      <c r="D64" s="18">
        <v>179</v>
      </c>
    </row>
    <row r="65" spans="1:4" ht="18" customHeight="1" x14ac:dyDescent="0.15">
      <c r="A65" s="5" t="s">
        <v>17</v>
      </c>
      <c r="B65" s="22">
        <v>403</v>
      </c>
      <c r="C65" s="14">
        <v>400</v>
      </c>
      <c r="D65" s="18">
        <v>803</v>
      </c>
    </row>
    <row r="66" spans="1:4" ht="18" customHeight="1" x14ac:dyDescent="0.15">
      <c r="A66" s="5">
        <v>50</v>
      </c>
      <c r="B66" s="22">
        <v>111</v>
      </c>
      <c r="C66" s="14">
        <v>94</v>
      </c>
      <c r="D66" s="18">
        <v>205</v>
      </c>
    </row>
    <row r="67" spans="1:4" ht="18" customHeight="1" x14ac:dyDescent="0.15">
      <c r="A67" s="5">
        <v>51</v>
      </c>
      <c r="B67" s="22">
        <v>110</v>
      </c>
      <c r="C67" s="14">
        <v>94</v>
      </c>
      <c r="D67" s="18">
        <v>204</v>
      </c>
    </row>
    <row r="68" spans="1:4" ht="18" customHeight="1" x14ac:dyDescent="0.15">
      <c r="A68" s="5">
        <v>52</v>
      </c>
      <c r="B68" s="22">
        <v>87</v>
      </c>
      <c r="C68" s="14">
        <v>81</v>
      </c>
      <c r="D68" s="18">
        <v>168</v>
      </c>
    </row>
    <row r="69" spans="1:4" ht="18" customHeight="1" x14ac:dyDescent="0.15">
      <c r="A69" s="5">
        <v>53</v>
      </c>
      <c r="B69" s="22">
        <v>98</v>
      </c>
      <c r="C69" s="14">
        <v>86</v>
      </c>
      <c r="D69" s="18">
        <v>184</v>
      </c>
    </row>
    <row r="70" spans="1:4" ht="18" customHeight="1" x14ac:dyDescent="0.15">
      <c r="A70" s="5">
        <v>54</v>
      </c>
      <c r="B70" s="22">
        <v>91</v>
      </c>
      <c r="C70" s="14">
        <v>87</v>
      </c>
      <c r="D70" s="18">
        <v>178</v>
      </c>
    </row>
    <row r="71" spans="1:4" ht="18" customHeight="1" x14ac:dyDescent="0.15">
      <c r="A71" s="5" t="s">
        <v>22</v>
      </c>
      <c r="B71" s="22">
        <v>497</v>
      </c>
      <c r="C71" s="14">
        <v>442</v>
      </c>
      <c r="D71" s="18">
        <v>939</v>
      </c>
    </row>
    <row r="72" spans="1:4" ht="18" customHeight="1" x14ac:dyDescent="0.15">
      <c r="A72" s="5">
        <v>55</v>
      </c>
      <c r="B72" s="22">
        <v>86</v>
      </c>
      <c r="C72" s="14">
        <v>76</v>
      </c>
      <c r="D72" s="18">
        <v>162</v>
      </c>
    </row>
    <row r="73" spans="1:4" ht="18" customHeight="1" x14ac:dyDescent="0.15">
      <c r="A73" s="5">
        <v>56</v>
      </c>
      <c r="B73" s="22">
        <v>84</v>
      </c>
      <c r="C73" s="14">
        <v>80</v>
      </c>
      <c r="D73" s="18">
        <v>164</v>
      </c>
    </row>
    <row r="74" spans="1:4" ht="18" customHeight="1" x14ac:dyDescent="0.15">
      <c r="A74" s="5">
        <v>57</v>
      </c>
      <c r="B74" s="22">
        <v>69</v>
      </c>
      <c r="C74" s="14">
        <v>76</v>
      </c>
      <c r="D74" s="18">
        <v>145</v>
      </c>
    </row>
    <row r="75" spans="1:4" ht="18" customHeight="1" x14ac:dyDescent="0.15">
      <c r="A75" s="5">
        <v>58</v>
      </c>
      <c r="B75" s="22">
        <v>84</v>
      </c>
      <c r="C75" s="14">
        <v>74</v>
      </c>
      <c r="D75" s="18">
        <v>158</v>
      </c>
    </row>
    <row r="76" spans="1:4" ht="18" customHeight="1" x14ac:dyDescent="0.15">
      <c r="A76" s="5">
        <v>59</v>
      </c>
      <c r="B76" s="22">
        <v>46</v>
      </c>
      <c r="C76" s="14">
        <v>59</v>
      </c>
      <c r="D76" s="18">
        <v>105</v>
      </c>
    </row>
    <row r="77" spans="1:4" ht="18" customHeight="1" x14ac:dyDescent="0.15">
      <c r="A77" s="5" t="s">
        <v>27</v>
      </c>
      <c r="B77" s="22">
        <v>369</v>
      </c>
      <c r="C77" s="14">
        <v>365</v>
      </c>
      <c r="D77" s="18">
        <v>734</v>
      </c>
    </row>
    <row r="78" spans="1:4" ht="18" customHeight="1" x14ac:dyDescent="0.15">
      <c r="A78" s="5">
        <v>60</v>
      </c>
      <c r="B78" s="22">
        <v>66</v>
      </c>
      <c r="C78" s="14">
        <v>74</v>
      </c>
      <c r="D78" s="18">
        <v>140</v>
      </c>
    </row>
    <row r="79" spans="1:4" ht="18" customHeight="1" x14ac:dyDescent="0.15">
      <c r="A79" s="5">
        <v>61</v>
      </c>
      <c r="B79" s="22">
        <v>56</v>
      </c>
      <c r="C79" s="14">
        <v>70</v>
      </c>
      <c r="D79" s="18">
        <v>126</v>
      </c>
    </row>
    <row r="80" spans="1:4" ht="18" customHeight="1" x14ac:dyDescent="0.15">
      <c r="A80" s="5">
        <v>62</v>
      </c>
      <c r="B80" s="22">
        <v>74</v>
      </c>
      <c r="C80" s="14">
        <v>61</v>
      </c>
      <c r="D80" s="18">
        <v>135</v>
      </c>
    </row>
    <row r="81" spans="1:4" ht="18" customHeight="1" x14ac:dyDescent="0.15">
      <c r="A81" s="5">
        <v>63</v>
      </c>
      <c r="B81" s="22">
        <v>53</v>
      </c>
      <c r="C81" s="14">
        <v>73</v>
      </c>
      <c r="D81" s="18">
        <v>126</v>
      </c>
    </row>
    <row r="82" spans="1:4" ht="18" customHeight="1" x14ac:dyDescent="0.15">
      <c r="A82" s="5">
        <v>64</v>
      </c>
      <c r="B82" s="22">
        <v>59</v>
      </c>
      <c r="C82" s="14">
        <v>57</v>
      </c>
      <c r="D82" s="18">
        <v>116</v>
      </c>
    </row>
    <row r="83" spans="1:4" ht="18" customHeight="1" x14ac:dyDescent="0.15">
      <c r="A83" s="5" t="s">
        <v>28</v>
      </c>
      <c r="B83" s="22">
        <v>308</v>
      </c>
      <c r="C83" s="14">
        <v>335</v>
      </c>
      <c r="D83" s="18">
        <v>643</v>
      </c>
    </row>
    <row r="84" spans="1:4" ht="18" customHeight="1" x14ac:dyDescent="0.15">
      <c r="A84" s="5" t="s">
        <v>31</v>
      </c>
      <c r="B84" s="22">
        <v>3416</v>
      </c>
      <c r="C84" s="14">
        <v>3351</v>
      </c>
      <c r="D84" s="18">
        <v>6767</v>
      </c>
    </row>
    <row r="85" spans="1:4" ht="18" customHeight="1" x14ac:dyDescent="0.15">
      <c r="A85" s="5">
        <v>65</v>
      </c>
      <c r="B85" s="22">
        <v>61</v>
      </c>
      <c r="C85" s="14">
        <v>47</v>
      </c>
      <c r="D85" s="18">
        <v>108</v>
      </c>
    </row>
    <row r="86" spans="1:4" ht="18" customHeight="1" x14ac:dyDescent="0.15">
      <c r="A86" s="5">
        <v>66</v>
      </c>
      <c r="B86" s="22">
        <v>68</v>
      </c>
      <c r="C86" s="14">
        <v>61</v>
      </c>
      <c r="D86" s="18">
        <v>129</v>
      </c>
    </row>
    <row r="87" spans="1:4" ht="18" customHeight="1" x14ac:dyDescent="0.15">
      <c r="A87" s="5">
        <v>67</v>
      </c>
      <c r="B87" s="22">
        <v>62</v>
      </c>
      <c r="C87" s="14">
        <v>64</v>
      </c>
      <c r="D87" s="18">
        <v>126</v>
      </c>
    </row>
    <row r="88" spans="1:4" ht="18" customHeight="1" x14ac:dyDescent="0.15">
      <c r="A88" s="5">
        <v>68</v>
      </c>
      <c r="B88" s="22">
        <v>55</v>
      </c>
      <c r="C88" s="14">
        <v>60</v>
      </c>
      <c r="D88" s="18">
        <v>115</v>
      </c>
    </row>
    <row r="89" spans="1:4" ht="18" customHeight="1" x14ac:dyDescent="0.15">
      <c r="A89" s="5">
        <v>69</v>
      </c>
      <c r="B89" s="22">
        <v>38</v>
      </c>
      <c r="C89" s="14">
        <v>70</v>
      </c>
      <c r="D89" s="18">
        <v>108</v>
      </c>
    </row>
    <row r="90" spans="1:4" ht="18" customHeight="1" x14ac:dyDescent="0.15">
      <c r="A90" s="5" t="s">
        <v>20</v>
      </c>
      <c r="B90" s="22">
        <v>284</v>
      </c>
      <c r="C90" s="14">
        <v>302</v>
      </c>
      <c r="D90" s="18">
        <v>586</v>
      </c>
    </row>
    <row r="91" spans="1:4" ht="18" customHeight="1" x14ac:dyDescent="0.15">
      <c r="A91" s="5">
        <v>70</v>
      </c>
      <c r="B91" s="22">
        <v>65</v>
      </c>
      <c r="C91" s="14">
        <v>70</v>
      </c>
      <c r="D91" s="18">
        <v>135</v>
      </c>
    </row>
    <row r="92" spans="1:4" ht="18" customHeight="1" x14ac:dyDescent="0.15">
      <c r="A92" s="5">
        <v>71</v>
      </c>
      <c r="B92" s="22">
        <v>68</v>
      </c>
      <c r="C92" s="14">
        <v>66</v>
      </c>
      <c r="D92" s="18">
        <v>134</v>
      </c>
    </row>
    <row r="93" spans="1:4" ht="18" customHeight="1" x14ac:dyDescent="0.15">
      <c r="A93" s="5">
        <v>72</v>
      </c>
      <c r="B93" s="22">
        <v>51</v>
      </c>
      <c r="C93" s="14">
        <v>64</v>
      </c>
      <c r="D93" s="18">
        <v>115</v>
      </c>
    </row>
    <row r="94" spans="1:4" ht="18" customHeight="1" x14ac:dyDescent="0.15">
      <c r="A94" s="5">
        <v>73</v>
      </c>
      <c r="B94" s="22">
        <v>71</v>
      </c>
      <c r="C94" s="14">
        <v>66</v>
      </c>
      <c r="D94" s="18">
        <v>137</v>
      </c>
    </row>
    <row r="95" spans="1:4" ht="18" customHeight="1" x14ac:dyDescent="0.15">
      <c r="A95" s="5">
        <v>74</v>
      </c>
      <c r="B95" s="22">
        <v>44</v>
      </c>
      <c r="C95" s="14">
        <v>86</v>
      </c>
      <c r="D95" s="18">
        <v>130</v>
      </c>
    </row>
    <row r="96" spans="1:4" ht="18" customHeight="1" x14ac:dyDescent="0.15">
      <c r="A96" s="5" t="s">
        <v>33</v>
      </c>
      <c r="B96" s="22">
        <v>299</v>
      </c>
      <c r="C96" s="14">
        <v>352</v>
      </c>
      <c r="D96" s="18">
        <v>651</v>
      </c>
    </row>
    <row r="97" spans="1:4" ht="18" customHeight="1" x14ac:dyDescent="0.15">
      <c r="A97" s="5">
        <v>75</v>
      </c>
      <c r="B97" s="22">
        <v>69</v>
      </c>
      <c r="C97" s="14">
        <v>100</v>
      </c>
      <c r="D97" s="18">
        <v>169</v>
      </c>
    </row>
    <row r="98" spans="1:4" ht="18" customHeight="1" x14ac:dyDescent="0.15">
      <c r="A98" s="5">
        <v>76</v>
      </c>
      <c r="B98" s="22">
        <v>69</v>
      </c>
      <c r="C98" s="14">
        <v>103</v>
      </c>
      <c r="D98" s="18">
        <v>172</v>
      </c>
    </row>
    <row r="99" spans="1:4" ht="18" customHeight="1" x14ac:dyDescent="0.15">
      <c r="A99" s="5">
        <v>77</v>
      </c>
      <c r="B99" s="22">
        <v>76</v>
      </c>
      <c r="C99" s="14">
        <v>107</v>
      </c>
      <c r="D99" s="18">
        <v>183</v>
      </c>
    </row>
    <row r="100" spans="1:4" ht="18" customHeight="1" x14ac:dyDescent="0.15">
      <c r="A100" s="5">
        <v>78</v>
      </c>
      <c r="B100" s="22">
        <v>63</v>
      </c>
      <c r="C100" s="14">
        <v>91</v>
      </c>
      <c r="D100" s="18">
        <v>154</v>
      </c>
    </row>
    <row r="101" spans="1:4" ht="18" customHeight="1" x14ac:dyDescent="0.15">
      <c r="A101" s="5">
        <v>79</v>
      </c>
      <c r="B101" s="22">
        <v>48</v>
      </c>
      <c r="C101" s="14">
        <v>82</v>
      </c>
      <c r="D101" s="18">
        <v>130</v>
      </c>
    </row>
    <row r="102" spans="1:4" ht="18" customHeight="1" x14ac:dyDescent="0.15">
      <c r="A102" s="5" t="s">
        <v>0</v>
      </c>
      <c r="B102" s="22">
        <v>325</v>
      </c>
      <c r="C102" s="14">
        <v>483</v>
      </c>
      <c r="D102" s="18">
        <v>808</v>
      </c>
    </row>
    <row r="103" spans="1:4" ht="18" customHeight="1" x14ac:dyDescent="0.15">
      <c r="A103" s="5">
        <v>80</v>
      </c>
      <c r="B103" s="22">
        <v>38</v>
      </c>
      <c r="C103" s="14">
        <v>62</v>
      </c>
      <c r="D103" s="18">
        <v>100</v>
      </c>
    </row>
    <row r="104" spans="1:4" ht="18" customHeight="1" x14ac:dyDescent="0.15">
      <c r="A104" s="5">
        <v>81</v>
      </c>
      <c r="B104" s="22">
        <v>61</v>
      </c>
      <c r="C104" s="14">
        <v>71</v>
      </c>
      <c r="D104" s="18">
        <v>132</v>
      </c>
    </row>
    <row r="105" spans="1:4" ht="18" customHeight="1" x14ac:dyDescent="0.15">
      <c r="A105" s="5">
        <v>82</v>
      </c>
      <c r="B105" s="22">
        <v>51</v>
      </c>
      <c r="C105" s="14">
        <v>82</v>
      </c>
      <c r="D105" s="18">
        <v>133</v>
      </c>
    </row>
    <row r="106" spans="1:4" ht="18" customHeight="1" x14ac:dyDescent="0.15">
      <c r="A106" s="5">
        <v>83</v>
      </c>
      <c r="B106" s="22">
        <v>44</v>
      </c>
      <c r="C106" s="14">
        <v>88</v>
      </c>
      <c r="D106" s="18">
        <v>132</v>
      </c>
    </row>
    <row r="107" spans="1:4" ht="18" customHeight="1" x14ac:dyDescent="0.15">
      <c r="A107" s="5">
        <v>84</v>
      </c>
      <c r="B107" s="22">
        <v>53</v>
      </c>
      <c r="C107" s="14">
        <v>77</v>
      </c>
      <c r="D107" s="18">
        <v>130</v>
      </c>
    </row>
    <row r="108" spans="1:4" ht="18" customHeight="1" x14ac:dyDescent="0.15">
      <c r="A108" s="5" t="s">
        <v>35</v>
      </c>
      <c r="B108" s="22">
        <v>247</v>
      </c>
      <c r="C108" s="14">
        <v>380</v>
      </c>
      <c r="D108" s="18">
        <v>627</v>
      </c>
    </row>
    <row r="109" spans="1:4" ht="18" customHeight="1" x14ac:dyDescent="0.15">
      <c r="A109" s="5">
        <v>85</v>
      </c>
      <c r="B109" s="22">
        <v>41</v>
      </c>
      <c r="C109" s="14">
        <v>57</v>
      </c>
      <c r="D109" s="18">
        <v>98</v>
      </c>
    </row>
    <row r="110" spans="1:4" ht="18" customHeight="1" x14ac:dyDescent="0.15">
      <c r="A110" s="5">
        <v>86</v>
      </c>
      <c r="B110" s="22">
        <v>33</v>
      </c>
      <c r="C110" s="14">
        <v>50</v>
      </c>
      <c r="D110" s="18">
        <v>83</v>
      </c>
    </row>
    <row r="111" spans="1:4" ht="18" customHeight="1" x14ac:dyDescent="0.15">
      <c r="A111" s="5">
        <v>87</v>
      </c>
      <c r="B111" s="22">
        <v>20</v>
      </c>
      <c r="C111" s="14">
        <v>43</v>
      </c>
      <c r="D111" s="18">
        <v>63</v>
      </c>
    </row>
    <row r="112" spans="1:4" ht="18" customHeight="1" x14ac:dyDescent="0.15">
      <c r="A112" s="5">
        <v>88</v>
      </c>
      <c r="B112" s="22">
        <v>18</v>
      </c>
      <c r="C112" s="14">
        <v>57</v>
      </c>
      <c r="D112" s="18">
        <v>75</v>
      </c>
    </row>
    <row r="113" spans="1:4" ht="18" customHeight="1" x14ac:dyDescent="0.15">
      <c r="A113" s="5">
        <v>89</v>
      </c>
      <c r="B113" s="22">
        <v>25</v>
      </c>
      <c r="C113" s="14">
        <v>43</v>
      </c>
      <c r="D113" s="18">
        <v>68</v>
      </c>
    </row>
    <row r="114" spans="1:4" ht="18" customHeight="1" x14ac:dyDescent="0.15">
      <c r="A114" s="5" t="s">
        <v>37</v>
      </c>
      <c r="B114" s="22">
        <v>137</v>
      </c>
      <c r="C114" s="14">
        <v>250</v>
      </c>
      <c r="D114" s="18">
        <v>387</v>
      </c>
    </row>
    <row r="115" spans="1:4" ht="18" customHeight="1" x14ac:dyDescent="0.15">
      <c r="A115" s="5">
        <v>90</v>
      </c>
      <c r="B115" s="22">
        <v>22</v>
      </c>
      <c r="C115" s="14">
        <v>37</v>
      </c>
      <c r="D115" s="18">
        <v>59</v>
      </c>
    </row>
    <row r="116" spans="1:4" ht="18" customHeight="1" x14ac:dyDescent="0.15">
      <c r="A116" s="5">
        <v>91</v>
      </c>
      <c r="B116" s="22">
        <v>13</v>
      </c>
      <c r="C116" s="14">
        <v>28</v>
      </c>
      <c r="D116" s="18">
        <v>41</v>
      </c>
    </row>
    <row r="117" spans="1:4" ht="18" customHeight="1" x14ac:dyDescent="0.15">
      <c r="A117" s="5">
        <v>92</v>
      </c>
      <c r="B117" s="22">
        <v>16</v>
      </c>
      <c r="C117" s="14">
        <v>29</v>
      </c>
      <c r="D117" s="18">
        <v>45</v>
      </c>
    </row>
    <row r="118" spans="1:4" ht="18" customHeight="1" x14ac:dyDescent="0.15">
      <c r="A118" s="5">
        <v>93</v>
      </c>
      <c r="B118" s="22">
        <v>9</v>
      </c>
      <c r="C118" s="14">
        <v>24</v>
      </c>
      <c r="D118" s="18">
        <v>33</v>
      </c>
    </row>
    <row r="119" spans="1:4" ht="18" customHeight="1" x14ac:dyDescent="0.15">
      <c r="A119" s="5">
        <v>94</v>
      </c>
      <c r="B119" s="22">
        <v>4</v>
      </c>
      <c r="C119" s="14">
        <v>28</v>
      </c>
      <c r="D119" s="18">
        <v>32</v>
      </c>
    </row>
    <row r="120" spans="1:4" ht="18" customHeight="1" x14ac:dyDescent="0.15">
      <c r="A120" s="5" t="s">
        <v>39</v>
      </c>
      <c r="B120" s="22">
        <v>64</v>
      </c>
      <c r="C120" s="14">
        <v>146</v>
      </c>
      <c r="D120" s="18">
        <v>210</v>
      </c>
    </row>
    <row r="121" spans="1:4" ht="18" customHeight="1" x14ac:dyDescent="0.15">
      <c r="A121" s="5">
        <v>95</v>
      </c>
      <c r="B121" s="22">
        <v>7</v>
      </c>
      <c r="C121" s="14">
        <v>18</v>
      </c>
      <c r="D121" s="18">
        <v>25</v>
      </c>
    </row>
    <row r="122" spans="1:4" ht="18" customHeight="1" x14ac:dyDescent="0.15">
      <c r="A122" s="5">
        <v>96</v>
      </c>
      <c r="B122" s="22">
        <v>2</v>
      </c>
      <c r="C122" s="14">
        <v>11</v>
      </c>
      <c r="D122" s="18">
        <v>13</v>
      </c>
    </row>
    <row r="123" spans="1:4" ht="18" customHeight="1" x14ac:dyDescent="0.15">
      <c r="A123" s="5">
        <v>97</v>
      </c>
      <c r="B123" s="22">
        <v>4</v>
      </c>
      <c r="C123" s="14">
        <v>8</v>
      </c>
      <c r="D123" s="18">
        <v>12</v>
      </c>
    </row>
    <row r="124" spans="1:4" ht="18" customHeight="1" x14ac:dyDescent="0.15">
      <c r="A124" s="5">
        <v>98</v>
      </c>
      <c r="B124" s="22">
        <v>4</v>
      </c>
      <c r="C124" s="14">
        <v>10</v>
      </c>
      <c r="D124" s="18">
        <v>1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7</v>
      </c>
      <c r="C126" s="14">
        <v>49</v>
      </c>
      <c r="D126" s="18">
        <v>6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373</v>
      </c>
      <c r="C130" s="14">
        <v>1964</v>
      </c>
      <c r="D130" s="18">
        <v>3337</v>
      </c>
    </row>
    <row r="131" spans="1:4" ht="18" customHeight="1" x14ac:dyDescent="0.15">
      <c r="A131" s="7" t="s">
        <v>45</v>
      </c>
      <c r="B131" s="23">
        <v>5490</v>
      </c>
      <c r="C131" s="15">
        <v>5977</v>
      </c>
      <c r="D131" s="19">
        <v>114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4</v>
      </c>
      <c r="C5" s="13">
        <v>43</v>
      </c>
      <c r="D5" s="17">
        <v>77</v>
      </c>
    </row>
    <row r="6" spans="1:4" ht="18" customHeight="1" x14ac:dyDescent="0.15">
      <c r="A6" s="5">
        <v>1</v>
      </c>
      <c r="B6" s="22">
        <v>37</v>
      </c>
      <c r="C6" s="14">
        <v>31</v>
      </c>
      <c r="D6" s="18">
        <v>68</v>
      </c>
    </row>
    <row r="7" spans="1:4" ht="18" customHeight="1" x14ac:dyDescent="0.15">
      <c r="A7" s="5">
        <v>2</v>
      </c>
      <c r="B7" s="22">
        <v>42</v>
      </c>
      <c r="C7" s="14">
        <v>30</v>
      </c>
      <c r="D7" s="18">
        <v>72</v>
      </c>
    </row>
    <row r="8" spans="1:4" ht="18" customHeight="1" x14ac:dyDescent="0.15">
      <c r="A8" s="5">
        <v>3</v>
      </c>
      <c r="B8" s="22">
        <v>37</v>
      </c>
      <c r="C8" s="14">
        <v>27</v>
      </c>
      <c r="D8" s="18">
        <v>64</v>
      </c>
    </row>
    <row r="9" spans="1:4" ht="18" customHeight="1" x14ac:dyDescent="0.15">
      <c r="A9" s="5">
        <v>4</v>
      </c>
      <c r="B9" s="22">
        <v>29</v>
      </c>
      <c r="C9" s="14">
        <v>45</v>
      </c>
      <c r="D9" s="18">
        <v>74</v>
      </c>
    </row>
    <row r="10" spans="1:4" ht="18" customHeight="1" x14ac:dyDescent="0.15">
      <c r="A10" s="5" t="s">
        <v>7</v>
      </c>
      <c r="B10" s="22">
        <v>179</v>
      </c>
      <c r="C10" s="14">
        <v>176</v>
      </c>
      <c r="D10" s="18">
        <v>355</v>
      </c>
    </row>
    <row r="11" spans="1:4" ht="18" customHeight="1" x14ac:dyDescent="0.15">
      <c r="A11" s="5">
        <v>5</v>
      </c>
      <c r="B11" s="22">
        <v>30</v>
      </c>
      <c r="C11" s="14">
        <v>38</v>
      </c>
      <c r="D11" s="18">
        <v>68</v>
      </c>
    </row>
    <row r="12" spans="1:4" ht="18" customHeight="1" x14ac:dyDescent="0.15">
      <c r="A12" s="5">
        <v>6</v>
      </c>
      <c r="B12" s="22">
        <v>31</v>
      </c>
      <c r="C12" s="14">
        <v>41</v>
      </c>
      <c r="D12" s="18">
        <v>72</v>
      </c>
    </row>
    <row r="13" spans="1:4" ht="18" customHeight="1" x14ac:dyDescent="0.15">
      <c r="A13" s="5">
        <v>7</v>
      </c>
      <c r="B13" s="22">
        <v>42</v>
      </c>
      <c r="C13" s="14">
        <v>41</v>
      </c>
      <c r="D13" s="18">
        <v>83</v>
      </c>
    </row>
    <row r="14" spans="1:4" ht="18" customHeight="1" x14ac:dyDescent="0.15">
      <c r="A14" s="5">
        <v>8</v>
      </c>
      <c r="B14" s="22">
        <v>56</v>
      </c>
      <c r="C14" s="14">
        <v>41</v>
      </c>
      <c r="D14" s="18">
        <v>97</v>
      </c>
    </row>
    <row r="15" spans="1:4" ht="18" customHeight="1" x14ac:dyDescent="0.15">
      <c r="A15" s="5">
        <v>9</v>
      </c>
      <c r="B15" s="22">
        <v>35</v>
      </c>
      <c r="C15" s="14">
        <v>35</v>
      </c>
      <c r="D15" s="18">
        <v>70</v>
      </c>
    </row>
    <row r="16" spans="1:4" ht="18" customHeight="1" x14ac:dyDescent="0.15">
      <c r="A16" s="5" t="s">
        <v>11</v>
      </c>
      <c r="B16" s="22">
        <v>194</v>
      </c>
      <c r="C16" s="14">
        <v>196</v>
      </c>
      <c r="D16" s="18">
        <v>390</v>
      </c>
    </row>
    <row r="17" spans="1:4" ht="18" customHeight="1" x14ac:dyDescent="0.15">
      <c r="A17" s="5">
        <v>10</v>
      </c>
      <c r="B17" s="22">
        <v>37</v>
      </c>
      <c r="C17" s="14">
        <v>43</v>
      </c>
      <c r="D17" s="18">
        <v>80</v>
      </c>
    </row>
    <row r="18" spans="1:4" ht="18" customHeight="1" x14ac:dyDescent="0.15">
      <c r="A18" s="5">
        <v>11</v>
      </c>
      <c r="B18" s="22">
        <v>39</v>
      </c>
      <c r="C18" s="14">
        <v>41</v>
      </c>
      <c r="D18" s="18">
        <v>80</v>
      </c>
    </row>
    <row r="19" spans="1:4" ht="18" customHeight="1" x14ac:dyDescent="0.15">
      <c r="A19" s="5">
        <v>12</v>
      </c>
      <c r="B19" s="22">
        <v>50</v>
      </c>
      <c r="C19" s="14">
        <v>49</v>
      </c>
      <c r="D19" s="18">
        <v>99</v>
      </c>
    </row>
    <row r="20" spans="1:4" ht="18" customHeight="1" x14ac:dyDescent="0.15">
      <c r="A20" s="5">
        <v>13</v>
      </c>
      <c r="B20" s="22">
        <v>48</v>
      </c>
      <c r="C20" s="14">
        <v>40</v>
      </c>
      <c r="D20" s="18">
        <v>88</v>
      </c>
    </row>
    <row r="21" spans="1:4" ht="18" customHeight="1" x14ac:dyDescent="0.15">
      <c r="A21" s="5">
        <v>14</v>
      </c>
      <c r="B21" s="22">
        <v>46</v>
      </c>
      <c r="C21" s="14">
        <v>50</v>
      </c>
      <c r="D21" s="18">
        <v>96</v>
      </c>
    </row>
    <row r="22" spans="1:4" ht="18" customHeight="1" x14ac:dyDescent="0.15">
      <c r="A22" s="5" t="s">
        <v>12</v>
      </c>
      <c r="B22" s="22">
        <v>220</v>
      </c>
      <c r="C22" s="14">
        <v>223</v>
      </c>
      <c r="D22" s="18">
        <v>443</v>
      </c>
    </row>
    <row r="23" spans="1:4" ht="18" customHeight="1" x14ac:dyDescent="0.15">
      <c r="A23" s="5" t="s">
        <v>6</v>
      </c>
      <c r="B23" s="22">
        <v>593</v>
      </c>
      <c r="C23" s="14">
        <v>595</v>
      </c>
      <c r="D23" s="18">
        <v>1188</v>
      </c>
    </row>
    <row r="24" spans="1:4" ht="18" customHeight="1" x14ac:dyDescent="0.15">
      <c r="A24" s="5">
        <v>15</v>
      </c>
      <c r="B24" s="22">
        <v>47</v>
      </c>
      <c r="C24" s="14">
        <v>50</v>
      </c>
      <c r="D24" s="18">
        <v>97</v>
      </c>
    </row>
    <row r="25" spans="1:4" ht="18" customHeight="1" x14ac:dyDescent="0.15">
      <c r="A25" s="5">
        <v>16</v>
      </c>
      <c r="B25" s="22">
        <v>51</v>
      </c>
      <c r="C25" s="14">
        <v>54</v>
      </c>
      <c r="D25" s="18">
        <v>105</v>
      </c>
    </row>
    <row r="26" spans="1:4" ht="18" customHeight="1" x14ac:dyDescent="0.15">
      <c r="A26" s="5">
        <v>17</v>
      </c>
      <c r="B26" s="22">
        <v>49</v>
      </c>
      <c r="C26" s="14">
        <v>45</v>
      </c>
      <c r="D26" s="18">
        <v>94</v>
      </c>
    </row>
    <row r="27" spans="1:4" ht="18" customHeight="1" x14ac:dyDescent="0.15">
      <c r="A27" s="5">
        <v>18</v>
      </c>
      <c r="B27" s="22">
        <v>67</v>
      </c>
      <c r="C27" s="14">
        <v>51</v>
      </c>
      <c r="D27" s="18">
        <v>118</v>
      </c>
    </row>
    <row r="28" spans="1:4" ht="18" customHeight="1" x14ac:dyDescent="0.15">
      <c r="A28" s="5">
        <v>19</v>
      </c>
      <c r="B28" s="22">
        <v>64</v>
      </c>
      <c r="C28" s="14">
        <v>47</v>
      </c>
      <c r="D28" s="18">
        <v>111</v>
      </c>
    </row>
    <row r="29" spans="1:4" ht="18" customHeight="1" x14ac:dyDescent="0.15">
      <c r="A29" s="5" t="s">
        <v>14</v>
      </c>
      <c r="B29" s="22">
        <v>278</v>
      </c>
      <c r="C29" s="14">
        <v>247</v>
      </c>
      <c r="D29" s="18">
        <v>525</v>
      </c>
    </row>
    <row r="30" spans="1:4" ht="18" customHeight="1" x14ac:dyDescent="0.15">
      <c r="A30" s="5">
        <v>20</v>
      </c>
      <c r="B30" s="22">
        <v>39</v>
      </c>
      <c r="C30" s="14">
        <v>65</v>
      </c>
      <c r="D30" s="18">
        <v>104</v>
      </c>
    </row>
    <row r="31" spans="1:4" ht="18" customHeight="1" x14ac:dyDescent="0.15">
      <c r="A31" s="5">
        <v>21</v>
      </c>
      <c r="B31" s="22">
        <v>71</v>
      </c>
      <c r="C31" s="14">
        <v>59</v>
      </c>
      <c r="D31" s="18">
        <v>130</v>
      </c>
    </row>
    <row r="32" spans="1:4" ht="18" customHeight="1" x14ac:dyDescent="0.15">
      <c r="A32" s="5">
        <v>22</v>
      </c>
      <c r="B32" s="22">
        <v>62</v>
      </c>
      <c r="C32" s="14">
        <v>43</v>
      </c>
      <c r="D32" s="18">
        <v>105</v>
      </c>
    </row>
    <row r="33" spans="1:4" ht="18" customHeight="1" x14ac:dyDescent="0.15">
      <c r="A33" s="5">
        <v>23</v>
      </c>
      <c r="B33" s="22">
        <v>52</v>
      </c>
      <c r="C33" s="14">
        <v>54</v>
      </c>
      <c r="D33" s="18">
        <v>106</v>
      </c>
    </row>
    <row r="34" spans="1:4" ht="18" customHeight="1" x14ac:dyDescent="0.15">
      <c r="A34" s="5">
        <v>24</v>
      </c>
      <c r="B34" s="22">
        <v>63</v>
      </c>
      <c r="C34" s="14">
        <v>59</v>
      </c>
      <c r="D34" s="18">
        <v>122</v>
      </c>
    </row>
    <row r="35" spans="1:4" ht="18" customHeight="1" x14ac:dyDescent="0.15">
      <c r="A35" s="5" t="s">
        <v>9</v>
      </c>
      <c r="B35" s="22">
        <v>287</v>
      </c>
      <c r="C35" s="14">
        <v>280</v>
      </c>
      <c r="D35" s="18">
        <v>567</v>
      </c>
    </row>
    <row r="36" spans="1:4" ht="18" customHeight="1" x14ac:dyDescent="0.15">
      <c r="A36" s="5">
        <v>25</v>
      </c>
      <c r="B36" s="22">
        <v>56</v>
      </c>
      <c r="C36" s="14">
        <v>55</v>
      </c>
      <c r="D36" s="18">
        <v>111</v>
      </c>
    </row>
    <row r="37" spans="1:4" ht="18" customHeight="1" x14ac:dyDescent="0.15">
      <c r="A37" s="5">
        <v>26</v>
      </c>
      <c r="B37" s="22">
        <v>64</v>
      </c>
      <c r="C37" s="14">
        <v>57</v>
      </c>
      <c r="D37" s="18">
        <v>121</v>
      </c>
    </row>
    <row r="38" spans="1:4" ht="18" customHeight="1" x14ac:dyDescent="0.15">
      <c r="A38" s="5">
        <v>27</v>
      </c>
      <c r="B38" s="22">
        <v>60</v>
      </c>
      <c r="C38" s="14">
        <v>53</v>
      </c>
      <c r="D38" s="18">
        <v>113</v>
      </c>
    </row>
    <row r="39" spans="1:4" ht="18" customHeight="1" x14ac:dyDescent="0.15">
      <c r="A39" s="5">
        <v>28</v>
      </c>
      <c r="B39" s="22">
        <v>63</v>
      </c>
      <c r="C39" s="14">
        <v>59</v>
      </c>
      <c r="D39" s="18">
        <v>122</v>
      </c>
    </row>
    <row r="40" spans="1:4" ht="18" customHeight="1" x14ac:dyDescent="0.15">
      <c r="A40" s="5">
        <v>29</v>
      </c>
      <c r="B40" s="22">
        <v>60</v>
      </c>
      <c r="C40" s="14">
        <v>61</v>
      </c>
      <c r="D40" s="18">
        <v>121</v>
      </c>
    </row>
    <row r="41" spans="1:4" ht="18" customHeight="1" x14ac:dyDescent="0.15">
      <c r="A41" s="5" t="s">
        <v>2</v>
      </c>
      <c r="B41" s="22">
        <v>303</v>
      </c>
      <c r="C41" s="14">
        <v>285</v>
      </c>
      <c r="D41" s="18">
        <v>588</v>
      </c>
    </row>
    <row r="42" spans="1:4" ht="18" customHeight="1" x14ac:dyDescent="0.15">
      <c r="A42" s="5">
        <v>30</v>
      </c>
      <c r="B42" s="22">
        <v>58</v>
      </c>
      <c r="C42" s="14">
        <v>66</v>
      </c>
      <c r="D42" s="18">
        <v>124</v>
      </c>
    </row>
    <row r="43" spans="1:4" ht="18" customHeight="1" x14ac:dyDescent="0.15">
      <c r="A43" s="5">
        <v>31</v>
      </c>
      <c r="B43" s="22">
        <v>72</v>
      </c>
      <c r="C43" s="14">
        <v>56</v>
      </c>
      <c r="D43" s="18">
        <v>128</v>
      </c>
    </row>
    <row r="44" spans="1:4" ht="18" customHeight="1" x14ac:dyDescent="0.15">
      <c r="A44" s="5">
        <v>32</v>
      </c>
      <c r="B44" s="22">
        <v>59</v>
      </c>
      <c r="C44" s="14">
        <v>47</v>
      </c>
      <c r="D44" s="18">
        <v>106</v>
      </c>
    </row>
    <row r="45" spans="1:4" ht="18" customHeight="1" x14ac:dyDescent="0.15">
      <c r="A45" s="5">
        <v>33</v>
      </c>
      <c r="B45" s="22">
        <v>54</v>
      </c>
      <c r="C45" s="14">
        <v>53</v>
      </c>
      <c r="D45" s="18">
        <v>107</v>
      </c>
    </row>
    <row r="46" spans="1:4" ht="18" customHeight="1" x14ac:dyDescent="0.15">
      <c r="A46" s="5">
        <v>34</v>
      </c>
      <c r="B46" s="22">
        <v>63</v>
      </c>
      <c r="C46" s="14">
        <v>53</v>
      </c>
      <c r="D46" s="18">
        <v>116</v>
      </c>
    </row>
    <row r="47" spans="1:4" ht="18" customHeight="1" x14ac:dyDescent="0.15">
      <c r="A47" s="5" t="s">
        <v>15</v>
      </c>
      <c r="B47" s="22">
        <v>306</v>
      </c>
      <c r="C47" s="14">
        <v>275</v>
      </c>
      <c r="D47" s="18">
        <v>581</v>
      </c>
    </row>
    <row r="48" spans="1:4" ht="18" customHeight="1" x14ac:dyDescent="0.15">
      <c r="A48" s="5">
        <v>35</v>
      </c>
      <c r="B48" s="22">
        <v>54</v>
      </c>
      <c r="C48" s="14">
        <v>50</v>
      </c>
      <c r="D48" s="18">
        <v>104</v>
      </c>
    </row>
    <row r="49" spans="1:4" ht="18" customHeight="1" x14ac:dyDescent="0.15">
      <c r="A49" s="5">
        <v>36</v>
      </c>
      <c r="B49" s="22">
        <v>53</v>
      </c>
      <c r="C49" s="14">
        <v>60</v>
      </c>
      <c r="D49" s="18">
        <v>113</v>
      </c>
    </row>
    <row r="50" spans="1:4" ht="18" customHeight="1" x14ac:dyDescent="0.15">
      <c r="A50" s="5">
        <v>37</v>
      </c>
      <c r="B50" s="22">
        <v>61</v>
      </c>
      <c r="C50" s="14">
        <v>56</v>
      </c>
      <c r="D50" s="18">
        <v>117</v>
      </c>
    </row>
    <row r="51" spans="1:4" ht="18" customHeight="1" x14ac:dyDescent="0.15">
      <c r="A51" s="5">
        <v>38</v>
      </c>
      <c r="B51" s="22">
        <v>59</v>
      </c>
      <c r="C51" s="14">
        <v>62</v>
      </c>
      <c r="D51" s="18">
        <v>121</v>
      </c>
    </row>
    <row r="52" spans="1:4" ht="18" customHeight="1" x14ac:dyDescent="0.15">
      <c r="A52" s="5">
        <v>39</v>
      </c>
      <c r="B52" s="22">
        <v>57</v>
      </c>
      <c r="C52" s="14">
        <v>61</v>
      </c>
      <c r="D52" s="18">
        <v>118</v>
      </c>
    </row>
    <row r="53" spans="1:4" ht="18" customHeight="1" x14ac:dyDescent="0.15">
      <c r="A53" s="5" t="s">
        <v>18</v>
      </c>
      <c r="B53" s="22">
        <v>284</v>
      </c>
      <c r="C53" s="14">
        <v>289</v>
      </c>
      <c r="D53" s="18">
        <v>573</v>
      </c>
    </row>
    <row r="54" spans="1:4" ht="18" customHeight="1" x14ac:dyDescent="0.15">
      <c r="A54" s="5">
        <v>40</v>
      </c>
      <c r="B54" s="22">
        <v>56</v>
      </c>
      <c r="C54" s="14">
        <v>56</v>
      </c>
      <c r="D54" s="18">
        <v>112</v>
      </c>
    </row>
    <row r="55" spans="1:4" ht="18" customHeight="1" x14ac:dyDescent="0.15">
      <c r="A55" s="5">
        <v>41</v>
      </c>
      <c r="B55" s="22">
        <v>63</v>
      </c>
      <c r="C55" s="14">
        <v>61</v>
      </c>
      <c r="D55" s="18">
        <v>124</v>
      </c>
    </row>
    <row r="56" spans="1:4" ht="18" customHeight="1" x14ac:dyDescent="0.15">
      <c r="A56" s="5">
        <v>42</v>
      </c>
      <c r="B56" s="22">
        <v>54</v>
      </c>
      <c r="C56" s="14">
        <v>57</v>
      </c>
      <c r="D56" s="18">
        <v>111</v>
      </c>
    </row>
    <row r="57" spans="1:4" ht="18" customHeight="1" x14ac:dyDescent="0.15">
      <c r="A57" s="5">
        <v>43</v>
      </c>
      <c r="B57" s="22">
        <v>76</v>
      </c>
      <c r="C57" s="14">
        <v>54</v>
      </c>
      <c r="D57" s="18">
        <v>130</v>
      </c>
    </row>
    <row r="58" spans="1:4" ht="18" customHeight="1" x14ac:dyDescent="0.15">
      <c r="A58" s="5">
        <v>44</v>
      </c>
      <c r="B58" s="22">
        <v>68</v>
      </c>
      <c r="C58" s="14">
        <v>68</v>
      </c>
      <c r="D58" s="18">
        <v>136</v>
      </c>
    </row>
    <row r="59" spans="1:4" ht="18" customHeight="1" x14ac:dyDescent="0.15">
      <c r="A59" s="5" t="s">
        <v>21</v>
      </c>
      <c r="B59" s="22">
        <v>317</v>
      </c>
      <c r="C59" s="14">
        <v>296</v>
      </c>
      <c r="D59" s="18">
        <v>613</v>
      </c>
    </row>
    <row r="60" spans="1:4" ht="18" customHeight="1" x14ac:dyDescent="0.15">
      <c r="A60" s="5">
        <v>45</v>
      </c>
      <c r="B60" s="22">
        <v>60</v>
      </c>
      <c r="C60" s="14">
        <v>60</v>
      </c>
      <c r="D60" s="18">
        <v>120</v>
      </c>
    </row>
    <row r="61" spans="1:4" ht="18" customHeight="1" x14ac:dyDescent="0.15">
      <c r="A61" s="5">
        <v>46</v>
      </c>
      <c r="B61" s="22">
        <v>81</v>
      </c>
      <c r="C61" s="14">
        <v>66</v>
      </c>
      <c r="D61" s="18">
        <v>147</v>
      </c>
    </row>
    <row r="62" spans="1:4" ht="18" customHeight="1" x14ac:dyDescent="0.15">
      <c r="A62" s="5">
        <v>47</v>
      </c>
      <c r="B62" s="22">
        <v>91</v>
      </c>
      <c r="C62" s="14">
        <v>94</v>
      </c>
      <c r="D62" s="18">
        <v>185</v>
      </c>
    </row>
    <row r="63" spans="1:4" ht="18" customHeight="1" x14ac:dyDescent="0.15">
      <c r="A63" s="5">
        <v>48</v>
      </c>
      <c r="B63" s="22">
        <v>87</v>
      </c>
      <c r="C63" s="14">
        <v>89</v>
      </c>
      <c r="D63" s="18">
        <v>176</v>
      </c>
    </row>
    <row r="64" spans="1:4" ht="18" customHeight="1" x14ac:dyDescent="0.15">
      <c r="A64" s="5">
        <v>49</v>
      </c>
      <c r="B64" s="22">
        <v>75</v>
      </c>
      <c r="C64" s="14">
        <v>82</v>
      </c>
      <c r="D64" s="18">
        <v>157</v>
      </c>
    </row>
    <row r="65" spans="1:4" ht="18" customHeight="1" x14ac:dyDescent="0.15">
      <c r="A65" s="5" t="s">
        <v>17</v>
      </c>
      <c r="B65" s="22">
        <v>394</v>
      </c>
      <c r="C65" s="14">
        <v>391</v>
      </c>
      <c r="D65" s="18">
        <v>785</v>
      </c>
    </row>
    <row r="66" spans="1:4" ht="18" customHeight="1" x14ac:dyDescent="0.15">
      <c r="A66" s="5">
        <v>50</v>
      </c>
      <c r="B66" s="22">
        <v>107</v>
      </c>
      <c r="C66" s="14">
        <v>99</v>
      </c>
      <c r="D66" s="18">
        <v>206</v>
      </c>
    </row>
    <row r="67" spans="1:4" ht="18" customHeight="1" x14ac:dyDescent="0.15">
      <c r="A67" s="5">
        <v>51</v>
      </c>
      <c r="B67" s="22">
        <v>104</v>
      </c>
      <c r="C67" s="14">
        <v>98</v>
      </c>
      <c r="D67" s="18">
        <v>202</v>
      </c>
    </row>
    <row r="68" spans="1:4" ht="18" customHeight="1" x14ac:dyDescent="0.15">
      <c r="A68" s="5">
        <v>52</v>
      </c>
      <c r="B68" s="22">
        <v>102</v>
      </c>
      <c r="C68" s="14">
        <v>105</v>
      </c>
      <c r="D68" s="18">
        <v>207</v>
      </c>
    </row>
    <row r="69" spans="1:4" ht="18" customHeight="1" x14ac:dyDescent="0.15">
      <c r="A69" s="5">
        <v>53</v>
      </c>
      <c r="B69" s="22">
        <v>118</v>
      </c>
      <c r="C69" s="14">
        <v>102</v>
      </c>
      <c r="D69" s="18">
        <v>220</v>
      </c>
    </row>
    <row r="70" spans="1:4" ht="18" customHeight="1" x14ac:dyDescent="0.15">
      <c r="A70" s="5">
        <v>54</v>
      </c>
      <c r="B70" s="22">
        <v>89</v>
      </c>
      <c r="C70" s="14">
        <v>96</v>
      </c>
      <c r="D70" s="18">
        <v>185</v>
      </c>
    </row>
    <row r="71" spans="1:4" ht="18" customHeight="1" x14ac:dyDescent="0.15">
      <c r="A71" s="5" t="s">
        <v>22</v>
      </c>
      <c r="B71" s="22">
        <v>520</v>
      </c>
      <c r="C71" s="14">
        <v>500</v>
      </c>
      <c r="D71" s="18">
        <v>1020</v>
      </c>
    </row>
    <row r="72" spans="1:4" ht="18" customHeight="1" x14ac:dyDescent="0.15">
      <c r="A72" s="5">
        <v>55</v>
      </c>
      <c r="B72" s="22">
        <v>111</v>
      </c>
      <c r="C72" s="14">
        <v>88</v>
      </c>
      <c r="D72" s="18">
        <v>199</v>
      </c>
    </row>
    <row r="73" spans="1:4" ht="18" customHeight="1" x14ac:dyDescent="0.15">
      <c r="A73" s="5">
        <v>56</v>
      </c>
      <c r="B73" s="22">
        <v>87</v>
      </c>
      <c r="C73" s="14">
        <v>87</v>
      </c>
      <c r="D73" s="18">
        <v>174</v>
      </c>
    </row>
    <row r="74" spans="1:4" ht="18" customHeight="1" x14ac:dyDescent="0.15">
      <c r="A74" s="5">
        <v>57</v>
      </c>
      <c r="B74" s="22">
        <v>94</v>
      </c>
      <c r="C74" s="14">
        <v>93</v>
      </c>
      <c r="D74" s="18">
        <v>187</v>
      </c>
    </row>
    <row r="75" spans="1:4" ht="18" customHeight="1" x14ac:dyDescent="0.15">
      <c r="A75" s="5">
        <v>58</v>
      </c>
      <c r="B75" s="22">
        <v>78</v>
      </c>
      <c r="C75" s="14">
        <v>101</v>
      </c>
      <c r="D75" s="18">
        <v>179</v>
      </c>
    </row>
    <row r="76" spans="1:4" ht="18" customHeight="1" x14ac:dyDescent="0.15">
      <c r="A76" s="5">
        <v>59</v>
      </c>
      <c r="B76" s="22">
        <v>54</v>
      </c>
      <c r="C76" s="14">
        <v>77</v>
      </c>
      <c r="D76" s="18">
        <v>131</v>
      </c>
    </row>
    <row r="77" spans="1:4" ht="18" customHeight="1" x14ac:dyDescent="0.15">
      <c r="A77" s="5" t="s">
        <v>27</v>
      </c>
      <c r="B77" s="22">
        <v>424</v>
      </c>
      <c r="C77" s="14">
        <v>446</v>
      </c>
      <c r="D77" s="18">
        <v>870</v>
      </c>
    </row>
    <row r="78" spans="1:4" ht="18" customHeight="1" x14ac:dyDescent="0.15">
      <c r="A78" s="5">
        <v>60</v>
      </c>
      <c r="B78" s="22">
        <v>91</v>
      </c>
      <c r="C78" s="14">
        <v>80</v>
      </c>
      <c r="D78" s="18">
        <v>171</v>
      </c>
    </row>
    <row r="79" spans="1:4" ht="18" customHeight="1" x14ac:dyDescent="0.15">
      <c r="A79" s="5">
        <v>61</v>
      </c>
      <c r="B79" s="22">
        <v>82</v>
      </c>
      <c r="C79" s="14">
        <v>79</v>
      </c>
      <c r="D79" s="18">
        <v>161</v>
      </c>
    </row>
    <row r="80" spans="1:4" ht="18" customHeight="1" x14ac:dyDescent="0.15">
      <c r="A80" s="5">
        <v>62</v>
      </c>
      <c r="B80" s="22">
        <v>81</v>
      </c>
      <c r="C80" s="14">
        <v>64</v>
      </c>
      <c r="D80" s="18">
        <v>145</v>
      </c>
    </row>
    <row r="81" spans="1:4" ht="18" customHeight="1" x14ac:dyDescent="0.15">
      <c r="A81" s="5">
        <v>63</v>
      </c>
      <c r="B81" s="22">
        <v>67</v>
      </c>
      <c r="C81" s="14">
        <v>66</v>
      </c>
      <c r="D81" s="18">
        <v>133</v>
      </c>
    </row>
    <row r="82" spans="1:4" ht="18" customHeight="1" x14ac:dyDescent="0.15">
      <c r="A82" s="5">
        <v>64</v>
      </c>
      <c r="B82" s="22">
        <v>51</v>
      </c>
      <c r="C82" s="14">
        <v>60</v>
      </c>
      <c r="D82" s="18">
        <v>111</v>
      </c>
    </row>
    <row r="83" spans="1:4" ht="18" customHeight="1" x14ac:dyDescent="0.15">
      <c r="A83" s="5" t="s">
        <v>28</v>
      </c>
      <c r="B83" s="22">
        <v>372</v>
      </c>
      <c r="C83" s="14">
        <v>349</v>
      </c>
      <c r="D83" s="18">
        <v>721</v>
      </c>
    </row>
    <row r="84" spans="1:4" ht="18" customHeight="1" x14ac:dyDescent="0.15">
      <c r="A84" s="5" t="s">
        <v>31</v>
      </c>
      <c r="B84" s="22">
        <v>3485</v>
      </c>
      <c r="C84" s="14">
        <v>3358</v>
      </c>
      <c r="D84" s="18">
        <v>6843</v>
      </c>
    </row>
    <row r="85" spans="1:4" ht="18" customHeight="1" x14ac:dyDescent="0.15">
      <c r="A85" s="5">
        <v>65</v>
      </c>
      <c r="B85" s="22">
        <v>59</v>
      </c>
      <c r="C85" s="14">
        <v>66</v>
      </c>
      <c r="D85" s="18">
        <v>125</v>
      </c>
    </row>
    <row r="86" spans="1:4" ht="18" customHeight="1" x14ac:dyDescent="0.15">
      <c r="A86" s="5">
        <v>66</v>
      </c>
      <c r="B86" s="22">
        <v>62</v>
      </c>
      <c r="C86" s="14">
        <v>50</v>
      </c>
      <c r="D86" s="18">
        <v>112</v>
      </c>
    </row>
    <row r="87" spans="1:4" ht="18" customHeight="1" x14ac:dyDescent="0.15">
      <c r="A87" s="5">
        <v>67</v>
      </c>
      <c r="B87" s="22">
        <v>47</v>
      </c>
      <c r="C87" s="14">
        <v>61</v>
      </c>
      <c r="D87" s="18">
        <v>108</v>
      </c>
    </row>
    <row r="88" spans="1:4" ht="18" customHeight="1" x14ac:dyDescent="0.15">
      <c r="A88" s="5">
        <v>68</v>
      </c>
      <c r="B88" s="22">
        <v>63</v>
      </c>
      <c r="C88" s="14">
        <v>64</v>
      </c>
      <c r="D88" s="18">
        <v>127</v>
      </c>
    </row>
    <row r="89" spans="1:4" ht="18" customHeight="1" x14ac:dyDescent="0.15">
      <c r="A89" s="5">
        <v>69</v>
      </c>
      <c r="B89" s="22">
        <v>46</v>
      </c>
      <c r="C89" s="14">
        <v>61</v>
      </c>
      <c r="D89" s="18">
        <v>107</v>
      </c>
    </row>
    <row r="90" spans="1:4" ht="18" customHeight="1" x14ac:dyDescent="0.15">
      <c r="A90" s="5" t="s">
        <v>20</v>
      </c>
      <c r="B90" s="22">
        <v>277</v>
      </c>
      <c r="C90" s="14">
        <v>302</v>
      </c>
      <c r="D90" s="18">
        <v>579</v>
      </c>
    </row>
    <row r="91" spans="1:4" ht="18" customHeight="1" x14ac:dyDescent="0.15">
      <c r="A91" s="5">
        <v>70</v>
      </c>
      <c r="B91" s="22">
        <v>52</v>
      </c>
      <c r="C91" s="14">
        <v>63</v>
      </c>
      <c r="D91" s="18">
        <v>115</v>
      </c>
    </row>
    <row r="92" spans="1:4" ht="18" customHeight="1" x14ac:dyDescent="0.15">
      <c r="A92" s="5">
        <v>71</v>
      </c>
      <c r="B92" s="22">
        <v>47</v>
      </c>
      <c r="C92" s="14">
        <v>53</v>
      </c>
      <c r="D92" s="18">
        <v>100</v>
      </c>
    </row>
    <row r="93" spans="1:4" ht="18" customHeight="1" x14ac:dyDescent="0.15">
      <c r="A93" s="5">
        <v>72</v>
      </c>
      <c r="B93" s="22">
        <v>62</v>
      </c>
      <c r="C93" s="14">
        <v>72</v>
      </c>
      <c r="D93" s="18">
        <v>134</v>
      </c>
    </row>
    <row r="94" spans="1:4" ht="18" customHeight="1" x14ac:dyDescent="0.15">
      <c r="A94" s="5">
        <v>73</v>
      </c>
      <c r="B94" s="22">
        <v>52</v>
      </c>
      <c r="C94" s="14">
        <v>63</v>
      </c>
      <c r="D94" s="18">
        <v>115</v>
      </c>
    </row>
    <row r="95" spans="1:4" ht="18" customHeight="1" x14ac:dyDescent="0.15">
      <c r="A95" s="5">
        <v>74</v>
      </c>
      <c r="B95" s="22">
        <v>51</v>
      </c>
      <c r="C95" s="14">
        <v>72</v>
      </c>
      <c r="D95" s="18">
        <v>123</v>
      </c>
    </row>
    <row r="96" spans="1:4" ht="18" customHeight="1" x14ac:dyDescent="0.15">
      <c r="A96" s="5" t="s">
        <v>33</v>
      </c>
      <c r="B96" s="22">
        <v>264</v>
      </c>
      <c r="C96" s="14">
        <v>323</v>
      </c>
      <c r="D96" s="18">
        <v>587</v>
      </c>
    </row>
    <row r="97" spans="1:4" ht="18" customHeight="1" x14ac:dyDescent="0.15">
      <c r="A97" s="5">
        <v>75</v>
      </c>
      <c r="B97" s="22">
        <v>68</v>
      </c>
      <c r="C97" s="14">
        <v>73</v>
      </c>
      <c r="D97" s="18">
        <v>141</v>
      </c>
    </row>
    <row r="98" spans="1:4" ht="18" customHeight="1" x14ac:dyDescent="0.15">
      <c r="A98" s="5">
        <v>76</v>
      </c>
      <c r="B98" s="22">
        <v>72</v>
      </c>
      <c r="C98" s="14">
        <v>116</v>
      </c>
      <c r="D98" s="18">
        <v>188</v>
      </c>
    </row>
    <row r="99" spans="1:4" ht="18" customHeight="1" x14ac:dyDescent="0.15">
      <c r="A99" s="5">
        <v>77</v>
      </c>
      <c r="B99" s="22">
        <v>79</v>
      </c>
      <c r="C99" s="14">
        <v>86</v>
      </c>
      <c r="D99" s="18">
        <v>165</v>
      </c>
    </row>
    <row r="100" spans="1:4" ht="18" customHeight="1" x14ac:dyDescent="0.15">
      <c r="A100" s="5">
        <v>78</v>
      </c>
      <c r="B100" s="22">
        <v>69</v>
      </c>
      <c r="C100" s="14">
        <v>103</v>
      </c>
      <c r="D100" s="18">
        <v>172</v>
      </c>
    </row>
    <row r="101" spans="1:4" ht="18" customHeight="1" x14ac:dyDescent="0.15">
      <c r="A101" s="5">
        <v>79</v>
      </c>
      <c r="B101" s="22">
        <v>77</v>
      </c>
      <c r="C101" s="14">
        <v>69</v>
      </c>
      <c r="D101" s="18">
        <v>146</v>
      </c>
    </row>
    <row r="102" spans="1:4" ht="18" customHeight="1" x14ac:dyDescent="0.15">
      <c r="A102" s="5" t="s">
        <v>0</v>
      </c>
      <c r="B102" s="22">
        <v>365</v>
      </c>
      <c r="C102" s="14">
        <v>447</v>
      </c>
      <c r="D102" s="18">
        <v>812</v>
      </c>
    </row>
    <row r="103" spans="1:4" ht="18" customHeight="1" x14ac:dyDescent="0.15">
      <c r="A103" s="5">
        <v>80</v>
      </c>
      <c r="B103" s="22">
        <v>31</v>
      </c>
      <c r="C103" s="14">
        <v>52</v>
      </c>
      <c r="D103" s="18">
        <v>83</v>
      </c>
    </row>
    <row r="104" spans="1:4" ht="18" customHeight="1" x14ac:dyDescent="0.15">
      <c r="A104" s="5">
        <v>81</v>
      </c>
      <c r="B104" s="22">
        <v>49</v>
      </c>
      <c r="C104" s="14">
        <v>59</v>
      </c>
      <c r="D104" s="18">
        <v>108</v>
      </c>
    </row>
    <row r="105" spans="1:4" ht="18" customHeight="1" x14ac:dyDescent="0.15">
      <c r="A105" s="5">
        <v>82</v>
      </c>
      <c r="B105" s="22">
        <v>51</v>
      </c>
      <c r="C105" s="14">
        <v>84</v>
      </c>
      <c r="D105" s="18">
        <v>135</v>
      </c>
    </row>
    <row r="106" spans="1:4" ht="18" customHeight="1" x14ac:dyDescent="0.15">
      <c r="A106" s="5">
        <v>83</v>
      </c>
      <c r="B106" s="22">
        <v>43</v>
      </c>
      <c r="C106" s="14">
        <v>61</v>
      </c>
      <c r="D106" s="18">
        <v>104</v>
      </c>
    </row>
    <row r="107" spans="1:4" ht="18" customHeight="1" x14ac:dyDescent="0.15">
      <c r="A107" s="5">
        <v>84</v>
      </c>
      <c r="B107" s="22">
        <v>37</v>
      </c>
      <c r="C107" s="14">
        <v>63</v>
      </c>
      <c r="D107" s="18">
        <v>100</v>
      </c>
    </row>
    <row r="108" spans="1:4" ht="18" customHeight="1" x14ac:dyDescent="0.15">
      <c r="A108" s="5" t="s">
        <v>35</v>
      </c>
      <c r="B108" s="22">
        <v>211</v>
      </c>
      <c r="C108" s="14">
        <v>319</v>
      </c>
      <c r="D108" s="18">
        <v>530</v>
      </c>
    </row>
    <row r="109" spans="1:4" ht="18" customHeight="1" x14ac:dyDescent="0.15">
      <c r="A109" s="5">
        <v>85</v>
      </c>
      <c r="B109" s="22">
        <v>46</v>
      </c>
      <c r="C109" s="14">
        <v>54</v>
      </c>
      <c r="D109" s="18">
        <v>100</v>
      </c>
    </row>
    <row r="110" spans="1:4" ht="18" customHeight="1" x14ac:dyDescent="0.15">
      <c r="A110" s="5">
        <v>86</v>
      </c>
      <c r="B110" s="22">
        <v>30</v>
      </c>
      <c r="C110" s="14">
        <v>38</v>
      </c>
      <c r="D110" s="18">
        <v>68</v>
      </c>
    </row>
    <row r="111" spans="1:4" ht="18" customHeight="1" x14ac:dyDescent="0.15">
      <c r="A111" s="5">
        <v>87</v>
      </c>
      <c r="B111" s="22">
        <v>20</v>
      </c>
      <c r="C111" s="14">
        <v>41</v>
      </c>
      <c r="D111" s="18">
        <v>61</v>
      </c>
    </row>
    <row r="112" spans="1:4" ht="18" customHeight="1" x14ac:dyDescent="0.15">
      <c r="A112" s="5">
        <v>88</v>
      </c>
      <c r="B112" s="22">
        <v>30</v>
      </c>
      <c r="C112" s="14">
        <v>37</v>
      </c>
      <c r="D112" s="18">
        <v>67</v>
      </c>
    </row>
    <row r="113" spans="1:4" ht="18" customHeight="1" x14ac:dyDescent="0.15">
      <c r="A113" s="5">
        <v>89</v>
      </c>
      <c r="B113" s="22">
        <v>21</v>
      </c>
      <c r="C113" s="14">
        <v>39</v>
      </c>
      <c r="D113" s="18">
        <v>60</v>
      </c>
    </row>
    <row r="114" spans="1:4" ht="18" customHeight="1" x14ac:dyDescent="0.15">
      <c r="A114" s="5" t="s">
        <v>37</v>
      </c>
      <c r="B114" s="22">
        <v>147</v>
      </c>
      <c r="C114" s="14">
        <v>209</v>
      </c>
      <c r="D114" s="18">
        <v>356</v>
      </c>
    </row>
    <row r="115" spans="1:4" ht="18" customHeight="1" x14ac:dyDescent="0.15">
      <c r="A115" s="5">
        <v>90</v>
      </c>
      <c r="B115" s="22">
        <v>15</v>
      </c>
      <c r="C115" s="14">
        <v>35</v>
      </c>
      <c r="D115" s="18">
        <v>50</v>
      </c>
    </row>
    <row r="116" spans="1:4" ht="18" customHeight="1" x14ac:dyDescent="0.15">
      <c r="A116" s="5">
        <v>91</v>
      </c>
      <c r="B116" s="22">
        <v>13</v>
      </c>
      <c r="C116" s="14">
        <v>22</v>
      </c>
      <c r="D116" s="18">
        <v>35</v>
      </c>
    </row>
    <row r="117" spans="1:4" ht="18" customHeight="1" x14ac:dyDescent="0.15">
      <c r="A117" s="5">
        <v>92</v>
      </c>
      <c r="B117" s="22">
        <v>9</v>
      </c>
      <c r="C117" s="14">
        <v>19</v>
      </c>
      <c r="D117" s="18">
        <v>28</v>
      </c>
    </row>
    <row r="118" spans="1:4" ht="18" customHeight="1" x14ac:dyDescent="0.15">
      <c r="A118" s="5">
        <v>93</v>
      </c>
      <c r="B118" s="22">
        <v>8</v>
      </c>
      <c r="C118" s="14">
        <v>30</v>
      </c>
      <c r="D118" s="18">
        <v>38</v>
      </c>
    </row>
    <row r="119" spans="1:4" ht="18" customHeight="1" x14ac:dyDescent="0.15">
      <c r="A119" s="5">
        <v>94</v>
      </c>
      <c r="B119" s="22">
        <v>5</v>
      </c>
      <c r="C119" s="14">
        <v>12</v>
      </c>
      <c r="D119" s="18">
        <v>17</v>
      </c>
    </row>
    <row r="120" spans="1:4" ht="18" customHeight="1" x14ac:dyDescent="0.15">
      <c r="A120" s="5" t="s">
        <v>39</v>
      </c>
      <c r="B120" s="22">
        <v>50</v>
      </c>
      <c r="C120" s="14">
        <v>118</v>
      </c>
      <c r="D120" s="18">
        <v>168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4</v>
      </c>
      <c r="C125" s="14">
        <v>5</v>
      </c>
      <c r="D125" s="18">
        <v>9</v>
      </c>
    </row>
    <row r="126" spans="1:4" ht="18" customHeight="1" x14ac:dyDescent="0.15">
      <c r="A126" s="5" t="s">
        <v>40</v>
      </c>
      <c r="B126" s="22">
        <v>10</v>
      </c>
      <c r="C126" s="14">
        <v>36</v>
      </c>
      <c r="D126" s="18">
        <v>46</v>
      </c>
    </row>
    <row r="127" spans="1:4" ht="18" customHeight="1" x14ac:dyDescent="0.15">
      <c r="A127" s="5">
        <v>100</v>
      </c>
      <c r="B127" s="22">
        <v>1</v>
      </c>
      <c r="C127" s="14">
        <v>2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8</v>
      </c>
      <c r="D129" s="18">
        <v>9</v>
      </c>
    </row>
    <row r="130" spans="1:4" ht="18" customHeight="1" x14ac:dyDescent="0.15">
      <c r="A130" s="5" t="s">
        <v>46</v>
      </c>
      <c r="B130" s="22">
        <v>1325</v>
      </c>
      <c r="C130" s="14">
        <v>1762</v>
      </c>
      <c r="D130" s="18">
        <v>3087</v>
      </c>
    </row>
    <row r="131" spans="1:4" ht="18" customHeight="1" x14ac:dyDescent="0.15">
      <c r="A131" s="7" t="s">
        <v>45</v>
      </c>
      <c r="B131" s="23">
        <v>5403</v>
      </c>
      <c r="C131" s="15">
        <v>5715</v>
      </c>
      <c r="D131" s="19">
        <v>1111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4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5</v>
      </c>
      <c r="C5" s="13">
        <v>16</v>
      </c>
      <c r="D5" s="17">
        <v>41</v>
      </c>
    </row>
    <row r="6" spans="1:4" ht="18" customHeight="1" x14ac:dyDescent="0.15">
      <c r="A6" s="5">
        <v>1</v>
      </c>
      <c r="B6" s="22">
        <v>17</v>
      </c>
      <c r="C6" s="14">
        <v>14</v>
      </c>
      <c r="D6" s="18">
        <v>31</v>
      </c>
    </row>
    <row r="7" spans="1:4" ht="18" customHeight="1" x14ac:dyDescent="0.15">
      <c r="A7" s="5">
        <v>2</v>
      </c>
      <c r="B7" s="22">
        <v>24</v>
      </c>
      <c r="C7" s="14">
        <v>23</v>
      </c>
      <c r="D7" s="18">
        <v>47</v>
      </c>
    </row>
    <row r="8" spans="1:4" ht="18" customHeight="1" x14ac:dyDescent="0.15">
      <c r="A8" s="5">
        <v>3</v>
      </c>
      <c r="B8" s="22">
        <v>18</v>
      </c>
      <c r="C8" s="14">
        <v>16</v>
      </c>
      <c r="D8" s="18">
        <v>34</v>
      </c>
    </row>
    <row r="9" spans="1:4" ht="18" customHeight="1" x14ac:dyDescent="0.15">
      <c r="A9" s="5">
        <v>4</v>
      </c>
      <c r="B9" s="22">
        <v>20</v>
      </c>
      <c r="C9" s="14">
        <v>20</v>
      </c>
      <c r="D9" s="18">
        <v>40</v>
      </c>
    </row>
    <row r="10" spans="1:4" ht="18" customHeight="1" x14ac:dyDescent="0.15">
      <c r="A10" s="5" t="s">
        <v>7</v>
      </c>
      <c r="B10" s="22">
        <v>104</v>
      </c>
      <c r="C10" s="14">
        <v>89</v>
      </c>
      <c r="D10" s="18">
        <v>193</v>
      </c>
    </row>
    <row r="11" spans="1:4" ht="18" customHeight="1" x14ac:dyDescent="0.15">
      <c r="A11" s="5">
        <v>5</v>
      </c>
      <c r="B11" s="22">
        <v>16</v>
      </c>
      <c r="C11" s="14">
        <v>22</v>
      </c>
      <c r="D11" s="18">
        <v>38</v>
      </c>
    </row>
    <row r="12" spans="1:4" ht="18" customHeight="1" x14ac:dyDescent="0.15">
      <c r="A12" s="5">
        <v>6</v>
      </c>
      <c r="B12" s="22">
        <v>15</v>
      </c>
      <c r="C12" s="14">
        <v>15</v>
      </c>
      <c r="D12" s="18">
        <v>30</v>
      </c>
    </row>
    <row r="13" spans="1:4" ht="18" customHeight="1" x14ac:dyDescent="0.15">
      <c r="A13" s="5">
        <v>7</v>
      </c>
      <c r="B13" s="22">
        <v>28</v>
      </c>
      <c r="C13" s="14">
        <v>23</v>
      </c>
      <c r="D13" s="18">
        <v>51</v>
      </c>
    </row>
    <row r="14" spans="1:4" ht="18" customHeight="1" x14ac:dyDescent="0.15">
      <c r="A14" s="5">
        <v>8</v>
      </c>
      <c r="B14" s="22">
        <v>18</v>
      </c>
      <c r="C14" s="14">
        <v>15</v>
      </c>
      <c r="D14" s="18">
        <v>33</v>
      </c>
    </row>
    <row r="15" spans="1:4" ht="18" customHeight="1" x14ac:dyDescent="0.15">
      <c r="A15" s="5">
        <v>9</v>
      </c>
      <c r="B15" s="22">
        <v>30</v>
      </c>
      <c r="C15" s="14">
        <v>26</v>
      </c>
      <c r="D15" s="18">
        <v>56</v>
      </c>
    </row>
    <row r="16" spans="1:4" ht="18" customHeight="1" x14ac:dyDescent="0.15">
      <c r="A16" s="5" t="s">
        <v>11</v>
      </c>
      <c r="B16" s="22">
        <v>107</v>
      </c>
      <c r="C16" s="14">
        <v>101</v>
      </c>
      <c r="D16" s="18">
        <v>208</v>
      </c>
    </row>
    <row r="17" spans="1:4" ht="18" customHeight="1" x14ac:dyDescent="0.15">
      <c r="A17" s="5">
        <v>10</v>
      </c>
      <c r="B17" s="22">
        <v>18</v>
      </c>
      <c r="C17" s="14">
        <v>25</v>
      </c>
      <c r="D17" s="18">
        <v>43</v>
      </c>
    </row>
    <row r="18" spans="1:4" ht="18" customHeight="1" x14ac:dyDescent="0.15">
      <c r="A18" s="5">
        <v>11</v>
      </c>
      <c r="B18" s="22">
        <v>15</v>
      </c>
      <c r="C18" s="14">
        <v>29</v>
      </c>
      <c r="D18" s="18">
        <v>44</v>
      </c>
    </row>
    <row r="19" spans="1:4" ht="18" customHeight="1" x14ac:dyDescent="0.15">
      <c r="A19" s="5">
        <v>12</v>
      </c>
      <c r="B19" s="22">
        <v>22</v>
      </c>
      <c r="C19" s="14">
        <v>21</v>
      </c>
      <c r="D19" s="18">
        <v>43</v>
      </c>
    </row>
    <row r="20" spans="1:4" ht="18" customHeight="1" x14ac:dyDescent="0.15">
      <c r="A20" s="5">
        <v>13</v>
      </c>
      <c r="B20" s="22">
        <v>24</v>
      </c>
      <c r="C20" s="14">
        <v>11</v>
      </c>
      <c r="D20" s="18">
        <v>35</v>
      </c>
    </row>
    <row r="21" spans="1:4" ht="18" customHeight="1" x14ac:dyDescent="0.15">
      <c r="A21" s="5">
        <v>14</v>
      </c>
      <c r="B21" s="22">
        <v>31</v>
      </c>
      <c r="C21" s="14">
        <v>21</v>
      </c>
      <c r="D21" s="18">
        <v>52</v>
      </c>
    </row>
    <row r="22" spans="1:4" ht="18" customHeight="1" x14ac:dyDescent="0.15">
      <c r="A22" s="5" t="s">
        <v>12</v>
      </c>
      <c r="B22" s="22">
        <v>110</v>
      </c>
      <c r="C22" s="14">
        <v>107</v>
      </c>
      <c r="D22" s="18">
        <v>217</v>
      </c>
    </row>
    <row r="23" spans="1:4" ht="18" customHeight="1" x14ac:dyDescent="0.15">
      <c r="A23" s="5" t="s">
        <v>6</v>
      </c>
      <c r="B23" s="22">
        <v>321</v>
      </c>
      <c r="C23" s="14">
        <v>297</v>
      </c>
      <c r="D23" s="18">
        <v>618</v>
      </c>
    </row>
    <row r="24" spans="1:4" ht="18" customHeight="1" x14ac:dyDescent="0.15">
      <c r="A24" s="5">
        <v>15</v>
      </c>
      <c r="B24" s="22">
        <v>27</v>
      </c>
      <c r="C24" s="14">
        <v>25</v>
      </c>
      <c r="D24" s="18">
        <v>52</v>
      </c>
    </row>
    <row r="25" spans="1:4" ht="18" customHeight="1" x14ac:dyDescent="0.15">
      <c r="A25" s="5">
        <v>16</v>
      </c>
      <c r="B25" s="22">
        <v>19</v>
      </c>
      <c r="C25" s="14">
        <v>20</v>
      </c>
      <c r="D25" s="18">
        <v>39</v>
      </c>
    </row>
    <row r="26" spans="1:4" ht="18" customHeight="1" x14ac:dyDescent="0.15">
      <c r="A26" s="5">
        <v>17</v>
      </c>
      <c r="B26" s="22">
        <v>14</v>
      </c>
      <c r="C26" s="14">
        <v>23</v>
      </c>
      <c r="D26" s="18">
        <v>37</v>
      </c>
    </row>
    <row r="27" spans="1:4" ht="18" customHeight="1" x14ac:dyDescent="0.15">
      <c r="A27" s="5">
        <v>18</v>
      </c>
      <c r="B27" s="22">
        <v>15</v>
      </c>
      <c r="C27" s="14">
        <v>10</v>
      </c>
      <c r="D27" s="18">
        <v>25</v>
      </c>
    </row>
    <row r="28" spans="1:4" ht="18" customHeight="1" x14ac:dyDescent="0.15">
      <c r="A28" s="5">
        <v>19</v>
      </c>
      <c r="B28" s="22">
        <v>17</v>
      </c>
      <c r="C28" s="14">
        <v>35</v>
      </c>
      <c r="D28" s="18">
        <v>52</v>
      </c>
    </row>
    <row r="29" spans="1:4" ht="18" customHeight="1" x14ac:dyDescent="0.15">
      <c r="A29" s="5" t="s">
        <v>14</v>
      </c>
      <c r="B29" s="22">
        <v>92</v>
      </c>
      <c r="C29" s="14">
        <v>113</v>
      </c>
      <c r="D29" s="18">
        <v>205</v>
      </c>
    </row>
    <row r="30" spans="1:4" ht="18" customHeight="1" x14ac:dyDescent="0.15">
      <c r="A30" s="5">
        <v>20</v>
      </c>
      <c r="B30" s="22">
        <v>25</v>
      </c>
      <c r="C30" s="14">
        <v>25</v>
      </c>
      <c r="D30" s="18">
        <v>50</v>
      </c>
    </row>
    <row r="31" spans="1:4" ht="18" customHeight="1" x14ac:dyDescent="0.15">
      <c r="A31" s="5">
        <v>21</v>
      </c>
      <c r="B31" s="22">
        <v>18</v>
      </c>
      <c r="C31" s="14">
        <v>20</v>
      </c>
      <c r="D31" s="18">
        <v>38</v>
      </c>
    </row>
    <row r="32" spans="1:4" ht="18" customHeight="1" x14ac:dyDescent="0.15">
      <c r="A32" s="5">
        <v>22</v>
      </c>
      <c r="B32" s="22">
        <v>18</v>
      </c>
      <c r="C32" s="14">
        <v>26</v>
      </c>
      <c r="D32" s="18">
        <v>44</v>
      </c>
    </row>
    <row r="33" spans="1:4" ht="18" customHeight="1" x14ac:dyDescent="0.15">
      <c r="A33" s="5">
        <v>23</v>
      </c>
      <c r="B33" s="22">
        <v>28</v>
      </c>
      <c r="C33" s="14">
        <v>28</v>
      </c>
      <c r="D33" s="18">
        <v>56</v>
      </c>
    </row>
    <row r="34" spans="1:4" ht="18" customHeight="1" x14ac:dyDescent="0.15">
      <c r="A34" s="5">
        <v>24</v>
      </c>
      <c r="B34" s="22">
        <v>28</v>
      </c>
      <c r="C34" s="14">
        <v>11</v>
      </c>
      <c r="D34" s="18">
        <v>39</v>
      </c>
    </row>
    <row r="35" spans="1:4" ht="18" customHeight="1" x14ac:dyDescent="0.15">
      <c r="A35" s="5" t="s">
        <v>9</v>
      </c>
      <c r="B35" s="22">
        <v>117</v>
      </c>
      <c r="C35" s="14">
        <v>110</v>
      </c>
      <c r="D35" s="18">
        <v>227</v>
      </c>
    </row>
    <row r="36" spans="1:4" ht="18" customHeight="1" x14ac:dyDescent="0.15">
      <c r="A36" s="5">
        <v>25</v>
      </c>
      <c r="B36" s="22">
        <v>29</v>
      </c>
      <c r="C36" s="14">
        <v>23</v>
      </c>
      <c r="D36" s="18">
        <v>52</v>
      </c>
    </row>
    <row r="37" spans="1:4" ht="18" customHeight="1" x14ac:dyDescent="0.15">
      <c r="A37" s="5">
        <v>26</v>
      </c>
      <c r="B37" s="22">
        <v>29</v>
      </c>
      <c r="C37" s="14">
        <v>25</v>
      </c>
      <c r="D37" s="18">
        <v>54</v>
      </c>
    </row>
    <row r="38" spans="1:4" ht="18" customHeight="1" x14ac:dyDescent="0.15">
      <c r="A38" s="5">
        <v>27</v>
      </c>
      <c r="B38" s="22">
        <v>35</v>
      </c>
      <c r="C38" s="14">
        <v>14</v>
      </c>
      <c r="D38" s="18">
        <v>49</v>
      </c>
    </row>
    <row r="39" spans="1:4" ht="18" customHeight="1" x14ac:dyDescent="0.15">
      <c r="A39" s="5">
        <v>28</v>
      </c>
      <c r="B39" s="22">
        <v>36</v>
      </c>
      <c r="C39" s="14">
        <v>24</v>
      </c>
      <c r="D39" s="18">
        <v>60</v>
      </c>
    </row>
    <row r="40" spans="1:4" ht="18" customHeight="1" x14ac:dyDescent="0.15">
      <c r="A40" s="5">
        <v>29</v>
      </c>
      <c r="B40" s="22">
        <v>27</v>
      </c>
      <c r="C40" s="14">
        <v>27</v>
      </c>
      <c r="D40" s="18">
        <v>54</v>
      </c>
    </row>
    <row r="41" spans="1:4" ht="18" customHeight="1" x14ac:dyDescent="0.15">
      <c r="A41" s="5" t="s">
        <v>2</v>
      </c>
      <c r="B41" s="22">
        <v>156</v>
      </c>
      <c r="C41" s="14">
        <v>113</v>
      </c>
      <c r="D41" s="18">
        <v>269</v>
      </c>
    </row>
    <row r="42" spans="1:4" ht="18" customHeight="1" x14ac:dyDescent="0.15">
      <c r="A42" s="5">
        <v>30</v>
      </c>
      <c r="B42" s="22">
        <v>24</v>
      </c>
      <c r="C42" s="14">
        <v>22</v>
      </c>
      <c r="D42" s="18">
        <v>46</v>
      </c>
    </row>
    <row r="43" spans="1:4" ht="18" customHeight="1" x14ac:dyDescent="0.15">
      <c r="A43" s="5">
        <v>31</v>
      </c>
      <c r="B43" s="22">
        <v>41</v>
      </c>
      <c r="C43" s="14">
        <v>23</v>
      </c>
      <c r="D43" s="18">
        <v>64</v>
      </c>
    </row>
    <row r="44" spans="1:4" ht="18" customHeight="1" x14ac:dyDescent="0.15">
      <c r="A44" s="5">
        <v>32</v>
      </c>
      <c r="B44" s="22">
        <v>21</v>
      </c>
      <c r="C44" s="14">
        <v>18</v>
      </c>
      <c r="D44" s="18">
        <v>39</v>
      </c>
    </row>
    <row r="45" spans="1:4" ht="18" customHeight="1" x14ac:dyDescent="0.15">
      <c r="A45" s="5">
        <v>33</v>
      </c>
      <c r="B45" s="22">
        <v>37</v>
      </c>
      <c r="C45" s="14">
        <v>22</v>
      </c>
      <c r="D45" s="18">
        <v>59</v>
      </c>
    </row>
    <row r="46" spans="1:4" ht="18" customHeight="1" x14ac:dyDescent="0.15">
      <c r="A46" s="5">
        <v>34</v>
      </c>
      <c r="B46" s="22">
        <v>21</v>
      </c>
      <c r="C46" s="14">
        <v>26</v>
      </c>
      <c r="D46" s="18">
        <v>47</v>
      </c>
    </row>
    <row r="47" spans="1:4" ht="18" customHeight="1" x14ac:dyDescent="0.15">
      <c r="A47" s="5" t="s">
        <v>15</v>
      </c>
      <c r="B47" s="22">
        <v>144</v>
      </c>
      <c r="C47" s="14">
        <v>111</v>
      </c>
      <c r="D47" s="18">
        <v>255</v>
      </c>
    </row>
    <row r="48" spans="1:4" ht="18" customHeight="1" x14ac:dyDescent="0.15">
      <c r="A48" s="5">
        <v>35</v>
      </c>
      <c r="B48" s="22">
        <v>25</v>
      </c>
      <c r="C48" s="14">
        <v>25</v>
      </c>
      <c r="D48" s="18">
        <v>50</v>
      </c>
    </row>
    <row r="49" spans="1:4" ht="18" customHeight="1" x14ac:dyDescent="0.15">
      <c r="A49" s="5">
        <v>36</v>
      </c>
      <c r="B49" s="22">
        <v>28</v>
      </c>
      <c r="C49" s="14">
        <v>20</v>
      </c>
      <c r="D49" s="18">
        <v>48</v>
      </c>
    </row>
    <row r="50" spans="1:4" ht="18" customHeight="1" x14ac:dyDescent="0.15">
      <c r="A50" s="5">
        <v>37</v>
      </c>
      <c r="B50" s="22">
        <v>24</v>
      </c>
      <c r="C50" s="14">
        <v>29</v>
      </c>
      <c r="D50" s="18">
        <v>53</v>
      </c>
    </row>
    <row r="51" spans="1:4" ht="18" customHeight="1" x14ac:dyDescent="0.15">
      <c r="A51" s="5">
        <v>38</v>
      </c>
      <c r="B51" s="22">
        <v>23</v>
      </c>
      <c r="C51" s="14">
        <v>18</v>
      </c>
      <c r="D51" s="18">
        <v>41</v>
      </c>
    </row>
    <row r="52" spans="1:4" ht="18" customHeight="1" x14ac:dyDescent="0.15">
      <c r="A52" s="5">
        <v>39</v>
      </c>
      <c r="B52" s="22">
        <v>32</v>
      </c>
      <c r="C52" s="14">
        <v>31</v>
      </c>
      <c r="D52" s="18">
        <v>63</v>
      </c>
    </row>
    <row r="53" spans="1:4" ht="18" customHeight="1" x14ac:dyDescent="0.15">
      <c r="A53" s="5" t="s">
        <v>18</v>
      </c>
      <c r="B53" s="22">
        <v>132</v>
      </c>
      <c r="C53" s="14">
        <v>123</v>
      </c>
      <c r="D53" s="18">
        <v>255</v>
      </c>
    </row>
    <row r="54" spans="1:4" ht="18" customHeight="1" x14ac:dyDescent="0.15">
      <c r="A54" s="5">
        <v>40</v>
      </c>
      <c r="B54" s="22">
        <v>37</v>
      </c>
      <c r="C54" s="14">
        <v>34</v>
      </c>
      <c r="D54" s="18">
        <v>71</v>
      </c>
    </row>
    <row r="55" spans="1:4" ht="18" customHeight="1" x14ac:dyDescent="0.15">
      <c r="A55" s="5">
        <v>41</v>
      </c>
      <c r="B55" s="22">
        <v>31</v>
      </c>
      <c r="C55" s="14">
        <v>35</v>
      </c>
      <c r="D55" s="18">
        <v>66</v>
      </c>
    </row>
    <row r="56" spans="1:4" ht="18" customHeight="1" x14ac:dyDescent="0.15">
      <c r="A56" s="5">
        <v>42</v>
      </c>
      <c r="B56" s="22">
        <v>26</v>
      </c>
      <c r="C56" s="14">
        <v>30</v>
      </c>
      <c r="D56" s="18">
        <v>56</v>
      </c>
    </row>
    <row r="57" spans="1:4" ht="18" customHeight="1" x14ac:dyDescent="0.15">
      <c r="A57" s="5">
        <v>43</v>
      </c>
      <c r="B57" s="22">
        <v>31</v>
      </c>
      <c r="C57" s="14">
        <v>35</v>
      </c>
      <c r="D57" s="18">
        <v>66</v>
      </c>
    </row>
    <row r="58" spans="1:4" ht="18" customHeight="1" x14ac:dyDescent="0.15">
      <c r="A58" s="5">
        <v>44</v>
      </c>
      <c r="B58" s="22">
        <v>34</v>
      </c>
      <c r="C58" s="14">
        <v>39</v>
      </c>
      <c r="D58" s="18">
        <v>73</v>
      </c>
    </row>
    <row r="59" spans="1:4" ht="18" customHeight="1" x14ac:dyDescent="0.15">
      <c r="A59" s="5" t="s">
        <v>21</v>
      </c>
      <c r="B59" s="22">
        <v>159</v>
      </c>
      <c r="C59" s="14">
        <v>173</v>
      </c>
      <c r="D59" s="18">
        <v>332</v>
      </c>
    </row>
    <row r="60" spans="1:4" ht="18" customHeight="1" x14ac:dyDescent="0.15">
      <c r="A60" s="5">
        <v>45</v>
      </c>
      <c r="B60" s="22">
        <v>32</v>
      </c>
      <c r="C60" s="14">
        <v>34</v>
      </c>
      <c r="D60" s="18">
        <v>66</v>
      </c>
    </row>
    <row r="61" spans="1:4" ht="18" customHeight="1" x14ac:dyDescent="0.15">
      <c r="A61" s="5">
        <v>46</v>
      </c>
      <c r="B61" s="22">
        <v>36</v>
      </c>
      <c r="C61" s="14">
        <v>40</v>
      </c>
      <c r="D61" s="18">
        <v>76</v>
      </c>
    </row>
    <row r="62" spans="1:4" ht="18" customHeight="1" x14ac:dyDescent="0.15">
      <c r="A62" s="5">
        <v>47</v>
      </c>
      <c r="B62" s="22">
        <v>40</v>
      </c>
      <c r="C62" s="14">
        <v>34</v>
      </c>
      <c r="D62" s="18">
        <v>74</v>
      </c>
    </row>
    <row r="63" spans="1:4" ht="18" customHeight="1" x14ac:dyDescent="0.15">
      <c r="A63" s="5">
        <v>48</v>
      </c>
      <c r="B63" s="22">
        <v>38</v>
      </c>
      <c r="C63" s="14">
        <v>31</v>
      </c>
      <c r="D63" s="18">
        <v>69</v>
      </c>
    </row>
    <row r="64" spans="1:4" ht="18" customHeight="1" x14ac:dyDescent="0.15">
      <c r="A64" s="5">
        <v>49</v>
      </c>
      <c r="B64" s="22">
        <v>52</v>
      </c>
      <c r="C64" s="14">
        <v>32</v>
      </c>
      <c r="D64" s="18">
        <v>84</v>
      </c>
    </row>
    <row r="65" spans="1:4" ht="18" customHeight="1" x14ac:dyDescent="0.15">
      <c r="A65" s="5" t="s">
        <v>17</v>
      </c>
      <c r="B65" s="22">
        <v>198</v>
      </c>
      <c r="C65" s="14">
        <v>171</v>
      </c>
      <c r="D65" s="18">
        <v>369</v>
      </c>
    </row>
    <row r="66" spans="1:4" ht="18" customHeight="1" x14ac:dyDescent="0.15">
      <c r="A66" s="5">
        <v>50</v>
      </c>
      <c r="B66" s="22">
        <v>40</v>
      </c>
      <c r="C66" s="14">
        <v>38</v>
      </c>
      <c r="D66" s="18">
        <v>78</v>
      </c>
    </row>
    <row r="67" spans="1:4" ht="18" customHeight="1" x14ac:dyDescent="0.15">
      <c r="A67" s="5">
        <v>51</v>
      </c>
      <c r="B67" s="22">
        <v>37</v>
      </c>
      <c r="C67" s="14">
        <v>38</v>
      </c>
      <c r="D67" s="18">
        <v>75</v>
      </c>
    </row>
    <row r="68" spans="1:4" ht="18" customHeight="1" x14ac:dyDescent="0.15">
      <c r="A68" s="5">
        <v>52</v>
      </c>
      <c r="B68" s="22">
        <v>33</v>
      </c>
      <c r="C68" s="14">
        <v>53</v>
      </c>
      <c r="D68" s="18">
        <v>86</v>
      </c>
    </row>
    <row r="69" spans="1:4" ht="18" customHeight="1" x14ac:dyDescent="0.15">
      <c r="A69" s="5">
        <v>53</v>
      </c>
      <c r="B69" s="22">
        <v>50</v>
      </c>
      <c r="C69" s="14">
        <v>35</v>
      </c>
      <c r="D69" s="18">
        <v>85</v>
      </c>
    </row>
    <row r="70" spans="1:4" ht="18" customHeight="1" x14ac:dyDescent="0.15">
      <c r="A70" s="5">
        <v>54</v>
      </c>
      <c r="B70" s="22">
        <v>53</v>
      </c>
      <c r="C70" s="14">
        <v>34</v>
      </c>
      <c r="D70" s="18">
        <v>87</v>
      </c>
    </row>
    <row r="71" spans="1:4" ht="18" customHeight="1" x14ac:dyDescent="0.15">
      <c r="A71" s="5" t="s">
        <v>22</v>
      </c>
      <c r="B71" s="22">
        <v>213</v>
      </c>
      <c r="C71" s="14">
        <v>198</v>
      </c>
      <c r="D71" s="18">
        <v>411</v>
      </c>
    </row>
    <row r="72" spans="1:4" ht="18" customHeight="1" x14ac:dyDescent="0.15">
      <c r="A72" s="5">
        <v>55</v>
      </c>
      <c r="B72" s="22">
        <v>38</v>
      </c>
      <c r="C72" s="14">
        <v>28</v>
      </c>
      <c r="D72" s="18">
        <v>66</v>
      </c>
    </row>
    <row r="73" spans="1:4" ht="18" customHeight="1" x14ac:dyDescent="0.15">
      <c r="A73" s="5">
        <v>56</v>
      </c>
      <c r="B73" s="22">
        <v>34</v>
      </c>
      <c r="C73" s="14">
        <v>40</v>
      </c>
      <c r="D73" s="18">
        <v>74</v>
      </c>
    </row>
    <row r="74" spans="1:4" ht="18" customHeight="1" x14ac:dyDescent="0.15">
      <c r="A74" s="5">
        <v>57</v>
      </c>
      <c r="B74" s="22">
        <v>44</v>
      </c>
      <c r="C74" s="14">
        <v>45</v>
      </c>
      <c r="D74" s="18">
        <v>89</v>
      </c>
    </row>
    <row r="75" spans="1:4" ht="18" customHeight="1" x14ac:dyDescent="0.15">
      <c r="A75" s="5">
        <v>58</v>
      </c>
      <c r="B75" s="22">
        <v>29</v>
      </c>
      <c r="C75" s="14">
        <v>32</v>
      </c>
      <c r="D75" s="18">
        <v>61</v>
      </c>
    </row>
    <row r="76" spans="1:4" ht="18" customHeight="1" x14ac:dyDescent="0.15">
      <c r="A76" s="5">
        <v>59</v>
      </c>
      <c r="B76" s="22">
        <v>25</v>
      </c>
      <c r="C76" s="14">
        <v>25</v>
      </c>
      <c r="D76" s="18">
        <v>50</v>
      </c>
    </row>
    <row r="77" spans="1:4" ht="18" customHeight="1" x14ac:dyDescent="0.15">
      <c r="A77" s="5" t="s">
        <v>27</v>
      </c>
      <c r="B77" s="22">
        <v>170</v>
      </c>
      <c r="C77" s="14">
        <v>170</v>
      </c>
      <c r="D77" s="18">
        <v>340</v>
      </c>
    </row>
    <row r="78" spans="1:4" ht="18" customHeight="1" x14ac:dyDescent="0.15">
      <c r="A78" s="5">
        <v>60</v>
      </c>
      <c r="B78" s="22">
        <v>33</v>
      </c>
      <c r="C78" s="14">
        <v>36</v>
      </c>
      <c r="D78" s="18">
        <v>69</v>
      </c>
    </row>
    <row r="79" spans="1:4" ht="18" customHeight="1" x14ac:dyDescent="0.15">
      <c r="A79" s="5">
        <v>61</v>
      </c>
      <c r="B79" s="22">
        <v>41</v>
      </c>
      <c r="C79" s="14">
        <v>29</v>
      </c>
      <c r="D79" s="18">
        <v>70</v>
      </c>
    </row>
    <row r="80" spans="1:4" ht="18" customHeight="1" x14ac:dyDescent="0.15">
      <c r="A80" s="5">
        <v>62</v>
      </c>
      <c r="B80" s="22">
        <v>36</v>
      </c>
      <c r="C80" s="14">
        <v>31</v>
      </c>
      <c r="D80" s="18">
        <v>67</v>
      </c>
    </row>
    <row r="81" spans="1:4" ht="18" customHeight="1" x14ac:dyDescent="0.15">
      <c r="A81" s="5">
        <v>63</v>
      </c>
      <c r="B81" s="22">
        <v>27</v>
      </c>
      <c r="C81" s="14">
        <v>26</v>
      </c>
      <c r="D81" s="18">
        <v>53</v>
      </c>
    </row>
    <row r="82" spans="1:4" ht="18" customHeight="1" x14ac:dyDescent="0.15">
      <c r="A82" s="5">
        <v>64</v>
      </c>
      <c r="B82" s="22">
        <v>26</v>
      </c>
      <c r="C82" s="14">
        <v>32</v>
      </c>
      <c r="D82" s="18">
        <v>58</v>
      </c>
    </row>
    <row r="83" spans="1:4" ht="18" customHeight="1" x14ac:dyDescent="0.15">
      <c r="A83" s="5" t="s">
        <v>28</v>
      </c>
      <c r="B83" s="22">
        <v>163</v>
      </c>
      <c r="C83" s="14">
        <v>154</v>
      </c>
      <c r="D83" s="18">
        <v>317</v>
      </c>
    </row>
    <row r="84" spans="1:4" ht="18" customHeight="1" x14ac:dyDescent="0.15">
      <c r="A84" s="5" t="s">
        <v>31</v>
      </c>
      <c r="B84" s="22">
        <v>1544</v>
      </c>
      <c r="C84" s="14">
        <v>1436</v>
      </c>
      <c r="D84" s="18">
        <v>2980</v>
      </c>
    </row>
    <row r="85" spans="1:4" ht="18" customHeight="1" x14ac:dyDescent="0.15">
      <c r="A85" s="5">
        <v>65</v>
      </c>
      <c r="B85" s="22">
        <v>28</v>
      </c>
      <c r="C85" s="14">
        <v>25</v>
      </c>
      <c r="D85" s="18">
        <v>53</v>
      </c>
    </row>
    <row r="86" spans="1:4" ht="18" customHeight="1" x14ac:dyDescent="0.15">
      <c r="A86" s="5">
        <v>66</v>
      </c>
      <c r="B86" s="22">
        <v>34</v>
      </c>
      <c r="C86" s="14">
        <v>41</v>
      </c>
      <c r="D86" s="18">
        <v>75</v>
      </c>
    </row>
    <row r="87" spans="1:4" ht="18" customHeight="1" x14ac:dyDescent="0.15">
      <c r="A87" s="5">
        <v>67</v>
      </c>
      <c r="B87" s="22">
        <v>24</v>
      </c>
      <c r="C87" s="14">
        <v>37</v>
      </c>
      <c r="D87" s="18">
        <v>61</v>
      </c>
    </row>
    <row r="88" spans="1:4" ht="18" customHeight="1" x14ac:dyDescent="0.15">
      <c r="A88" s="5">
        <v>68</v>
      </c>
      <c r="B88" s="22">
        <v>29</v>
      </c>
      <c r="C88" s="14">
        <v>28</v>
      </c>
      <c r="D88" s="18">
        <v>57</v>
      </c>
    </row>
    <row r="89" spans="1:4" ht="18" customHeight="1" x14ac:dyDescent="0.15">
      <c r="A89" s="5">
        <v>69</v>
      </c>
      <c r="B89" s="22">
        <v>25</v>
      </c>
      <c r="C89" s="14">
        <v>25</v>
      </c>
      <c r="D89" s="18">
        <v>50</v>
      </c>
    </row>
    <row r="90" spans="1:4" ht="18" customHeight="1" x14ac:dyDescent="0.15">
      <c r="A90" s="5" t="s">
        <v>20</v>
      </c>
      <c r="B90" s="22">
        <v>140</v>
      </c>
      <c r="C90" s="14">
        <v>156</v>
      </c>
      <c r="D90" s="18">
        <v>296</v>
      </c>
    </row>
    <row r="91" spans="1:4" ht="18" customHeight="1" x14ac:dyDescent="0.15">
      <c r="A91" s="5">
        <v>70</v>
      </c>
      <c r="B91" s="22">
        <v>31</v>
      </c>
      <c r="C91" s="14">
        <v>33</v>
      </c>
      <c r="D91" s="18">
        <v>64</v>
      </c>
    </row>
    <row r="92" spans="1:4" ht="18" customHeight="1" x14ac:dyDescent="0.15">
      <c r="A92" s="5">
        <v>71</v>
      </c>
      <c r="B92" s="22">
        <v>21</v>
      </c>
      <c r="C92" s="14">
        <v>21</v>
      </c>
      <c r="D92" s="18">
        <v>42</v>
      </c>
    </row>
    <row r="93" spans="1:4" ht="18" customHeight="1" x14ac:dyDescent="0.15">
      <c r="A93" s="5">
        <v>72</v>
      </c>
      <c r="B93" s="22">
        <v>22</v>
      </c>
      <c r="C93" s="14">
        <v>30</v>
      </c>
      <c r="D93" s="18">
        <v>52</v>
      </c>
    </row>
    <row r="94" spans="1:4" ht="18" customHeight="1" x14ac:dyDescent="0.15">
      <c r="A94" s="5">
        <v>73</v>
      </c>
      <c r="B94" s="22">
        <v>22</v>
      </c>
      <c r="C94" s="14">
        <v>32</v>
      </c>
      <c r="D94" s="18">
        <v>54</v>
      </c>
    </row>
    <row r="95" spans="1:4" ht="18" customHeight="1" x14ac:dyDescent="0.15">
      <c r="A95" s="5">
        <v>74</v>
      </c>
      <c r="B95" s="22">
        <v>20</v>
      </c>
      <c r="C95" s="14">
        <v>22</v>
      </c>
      <c r="D95" s="18">
        <v>42</v>
      </c>
    </row>
    <row r="96" spans="1:4" ht="18" customHeight="1" x14ac:dyDescent="0.15">
      <c r="A96" s="5" t="s">
        <v>33</v>
      </c>
      <c r="B96" s="22">
        <v>116</v>
      </c>
      <c r="C96" s="14">
        <v>138</v>
      </c>
      <c r="D96" s="18">
        <v>254</v>
      </c>
    </row>
    <row r="97" spans="1:4" ht="18" customHeight="1" x14ac:dyDescent="0.15">
      <c r="A97" s="5">
        <v>75</v>
      </c>
      <c r="B97" s="22">
        <v>25</v>
      </c>
      <c r="C97" s="14">
        <v>34</v>
      </c>
      <c r="D97" s="18">
        <v>59</v>
      </c>
    </row>
    <row r="98" spans="1:4" ht="18" customHeight="1" x14ac:dyDescent="0.15">
      <c r="A98" s="5">
        <v>76</v>
      </c>
      <c r="B98" s="22">
        <v>35</v>
      </c>
      <c r="C98" s="14">
        <v>26</v>
      </c>
      <c r="D98" s="18">
        <v>61</v>
      </c>
    </row>
    <row r="99" spans="1:4" ht="18" customHeight="1" x14ac:dyDescent="0.15">
      <c r="A99" s="5">
        <v>77</v>
      </c>
      <c r="B99" s="22">
        <v>30</v>
      </c>
      <c r="C99" s="14">
        <v>38</v>
      </c>
      <c r="D99" s="18">
        <v>68</v>
      </c>
    </row>
    <row r="100" spans="1:4" ht="18" customHeight="1" x14ac:dyDescent="0.15">
      <c r="A100" s="5">
        <v>78</v>
      </c>
      <c r="B100" s="22">
        <v>28</v>
      </c>
      <c r="C100" s="14">
        <v>37</v>
      </c>
      <c r="D100" s="18">
        <v>65</v>
      </c>
    </row>
    <row r="101" spans="1:4" ht="18" customHeight="1" x14ac:dyDescent="0.15">
      <c r="A101" s="5">
        <v>79</v>
      </c>
      <c r="B101" s="22">
        <v>16</v>
      </c>
      <c r="C101" s="14">
        <v>22</v>
      </c>
      <c r="D101" s="18">
        <v>38</v>
      </c>
    </row>
    <row r="102" spans="1:4" ht="18" customHeight="1" x14ac:dyDescent="0.15">
      <c r="A102" s="5" t="s">
        <v>0</v>
      </c>
      <c r="B102" s="22">
        <v>134</v>
      </c>
      <c r="C102" s="14">
        <v>157</v>
      </c>
      <c r="D102" s="18">
        <v>291</v>
      </c>
    </row>
    <row r="103" spans="1:4" ht="18" customHeight="1" x14ac:dyDescent="0.15">
      <c r="A103" s="5">
        <v>80</v>
      </c>
      <c r="B103" s="22">
        <v>9</v>
      </c>
      <c r="C103" s="14">
        <v>23</v>
      </c>
      <c r="D103" s="18">
        <v>32</v>
      </c>
    </row>
    <row r="104" spans="1:4" ht="18" customHeight="1" x14ac:dyDescent="0.15">
      <c r="A104" s="5">
        <v>81</v>
      </c>
      <c r="B104" s="22">
        <v>14</v>
      </c>
      <c r="C104" s="14">
        <v>23</v>
      </c>
      <c r="D104" s="18">
        <v>37</v>
      </c>
    </row>
    <row r="105" spans="1:4" ht="18" customHeight="1" x14ac:dyDescent="0.15">
      <c r="A105" s="5">
        <v>82</v>
      </c>
      <c r="B105" s="22">
        <v>27</v>
      </c>
      <c r="C105" s="14">
        <v>28</v>
      </c>
      <c r="D105" s="18">
        <v>55</v>
      </c>
    </row>
    <row r="106" spans="1:4" ht="18" customHeight="1" x14ac:dyDescent="0.15">
      <c r="A106" s="5">
        <v>83</v>
      </c>
      <c r="B106" s="22">
        <v>17</v>
      </c>
      <c r="C106" s="14">
        <v>17</v>
      </c>
      <c r="D106" s="18">
        <v>34</v>
      </c>
    </row>
    <row r="107" spans="1:4" ht="18" customHeight="1" x14ac:dyDescent="0.15">
      <c r="A107" s="5">
        <v>84</v>
      </c>
      <c r="B107" s="22">
        <v>20</v>
      </c>
      <c r="C107" s="14">
        <v>23</v>
      </c>
      <c r="D107" s="18">
        <v>43</v>
      </c>
    </row>
    <row r="108" spans="1:4" ht="18" customHeight="1" x14ac:dyDescent="0.15">
      <c r="A108" s="5" t="s">
        <v>35</v>
      </c>
      <c r="B108" s="22">
        <v>87</v>
      </c>
      <c r="C108" s="14">
        <v>114</v>
      </c>
      <c r="D108" s="18">
        <v>201</v>
      </c>
    </row>
    <row r="109" spans="1:4" ht="18" customHeight="1" x14ac:dyDescent="0.15">
      <c r="A109" s="5">
        <v>85</v>
      </c>
      <c r="B109" s="22">
        <v>15</v>
      </c>
      <c r="C109" s="14">
        <v>25</v>
      </c>
      <c r="D109" s="18">
        <v>40</v>
      </c>
    </row>
    <row r="110" spans="1:4" ht="18" customHeight="1" x14ac:dyDescent="0.15">
      <c r="A110" s="5">
        <v>86</v>
      </c>
      <c r="B110" s="22">
        <v>6</v>
      </c>
      <c r="C110" s="14">
        <v>16</v>
      </c>
      <c r="D110" s="18">
        <v>22</v>
      </c>
    </row>
    <row r="111" spans="1:4" ht="18" customHeight="1" x14ac:dyDescent="0.15">
      <c r="A111" s="5">
        <v>87</v>
      </c>
      <c r="B111" s="22">
        <v>4</v>
      </c>
      <c r="C111" s="14">
        <v>12</v>
      </c>
      <c r="D111" s="18">
        <v>16</v>
      </c>
    </row>
    <row r="112" spans="1:4" ht="18" customHeight="1" x14ac:dyDescent="0.15">
      <c r="A112" s="5">
        <v>88</v>
      </c>
      <c r="B112" s="22">
        <v>8</v>
      </c>
      <c r="C112" s="14">
        <v>20</v>
      </c>
      <c r="D112" s="18">
        <v>28</v>
      </c>
    </row>
    <row r="113" spans="1:4" ht="18" customHeight="1" x14ac:dyDescent="0.15">
      <c r="A113" s="5">
        <v>89</v>
      </c>
      <c r="B113" s="22">
        <v>4</v>
      </c>
      <c r="C113" s="14">
        <v>23</v>
      </c>
      <c r="D113" s="18">
        <v>27</v>
      </c>
    </row>
    <row r="114" spans="1:4" ht="18" customHeight="1" x14ac:dyDescent="0.15">
      <c r="A114" s="5" t="s">
        <v>37</v>
      </c>
      <c r="B114" s="22">
        <v>37</v>
      </c>
      <c r="C114" s="14">
        <v>96</v>
      </c>
      <c r="D114" s="18">
        <v>133</v>
      </c>
    </row>
    <row r="115" spans="1:4" ht="18" customHeight="1" x14ac:dyDescent="0.15">
      <c r="A115" s="5">
        <v>90</v>
      </c>
      <c r="B115" s="22">
        <v>5</v>
      </c>
      <c r="C115" s="14">
        <v>17</v>
      </c>
      <c r="D115" s="18">
        <v>22</v>
      </c>
    </row>
    <row r="116" spans="1:4" ht="18" customHeight="1" x14ac:dyDescent="0.15">
      <c r="A116" s="5">
        <v>91</v>
      </c>
      <c r="B116" s="22">
        <v>7</v>
      </c>
      <c r="C116" s="14">
        <v>14</v>
      </c>
      <c r="D116" s="18">
        <v>21</v>
      </c>
    </row>
    <row r="117" spans="1:4" ht="18" customHeight="1" x14ac:dyDescent="0.15">
      <c r="A117" s="5">
        <v>92</v>
      </c>
      <c r="B117" s="22">
        <v>2</v>
      </c>
      <c r="C117" s="14">
        <v>11</v>
      </c>
      <c r="D117" s="18">
        <v>13</v>
      </c>
    </row>
    <row r="118" spans="1:4" ht="18" customHeight="1" x14ac:dyDescent="0.15">
      <c r="A118" s="5">
        <v>93</v>
      </c>
      <c r="B118" s="22">
        <v>6</v>
      </c>
      <c r="C118" s="14">
        <v>14</v>
      </c>
      <c r="D118" s="18">
        <v>20</v>
      </c>
    </row>
    <row r="119" spans="1:4" ht="18" customHeight="1" x14ac:dyDescent="0.15">
      <c r="A119" s="5">
        <v>94</v>
      </c>
      <c r="B119" s="22">
        <v>2</v>
      </c>
      <c r="C119" s="14">
        <v>4</v>
      </c>
      <c r="D119" s="18">
        <v>6</v>
      </c>
    </row>
    <row r="120" spans="1:4" ht="18" customHeight="1" x14ac:dyDescent="0.15">
      <c r="A120" s="5" t="s">
        <v>39</v>
      </c>
      <c r="B120" s="22">
        <v>22</v>
      </c>
      <c r="C120" s="14">
        <v>60</v>
      </c>
      <c r="D120" s="18">
        <v>82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22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540</v>
      </c>
      <c r="C130" s="14">
        <v>748</v>
      </c>
      <c r="D130" s="18">
        <v>1288</v>
      </c>
    </row>
    <row r="131" spans="1:4" ht="18" customHeight="1" x14ac:dyDescent="0.15">
      <c r="A131" s="7" t="s">
        <v>45</v>
      </c>
      <c r="B131" s="23">
        <v>2405</v>
      </c>
      <c r="C131" s="15">
        <v>2481</v>
      </c>
      <c r="D131" s="19">
        <v>488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2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4</v>
      </c>
      <c r="C5" s="13">
        <v>13</v>
      </c>
      <c r="D5" s="17">
        <v>27</v>
      </c>
    </row>
    <row r="6" spans="1:4" ht="18" customHeight="1" x14ac:dyDescent="0.15">
      <c r="A6" s="5">
        <v>1</v>
      </c>
      <c r="B6" s="22">
        <v>15</v>
      </c>
      <c r="C6" s="14">
        <v>10</v>
      </c>
      <c r="D6" s="18">
        <v>25</v>
      </c>
    </row>
    <row r="7" spans="1:4" ht="18" customHeight="1" x14ac:dyDescent="0.15">
      <c r="A7" s="5">
        <v>2</v>
      </c>
      <c r="B7" s="22">
        <v>19</v>
      </c>
      <c r="C7" s="14">
        <v>16</v>
      </c>
      <c r="D7" s="18">
        <v>35</v>
      </c>
    </row>
    <row r="8" spans="1:4" ht="18" customHeight="1" x14ac:dyDescent="0.15">
      <c r="A8" s="5">
        <v>3</v>
      </c>
      <c r="B8" s="22">
        <v>10</v>
      </c>
      <c r="C8" s="14">
        <v>14</v>
      </c>
      <c r="D8" s="18">
        <v>24</v>
      </c>
    </row>
    <row r="9" spans="1:4" ht="18" customHeight="1" x14ac:dyDescent="0.15">
      <c r="A9" s="5">
        <v>4</v>
      </c>
      <c r="B9" s="22">
        <v>7</v>
      </c>
      <c r="C9" s="14">
        <v>13</v>
      </c>
      <c r="D9" s="18">
        <v>20</v>
      </c>
    </row>
    <row r="10" spans="1:4" ht="18" customHeight="1" x14ac:dyDescent="0.15">
      <c r="A10" s="5" t="s">
        <v>7</v>
      </c>
      <c r="B10" s="22">
        <v>65</v>
      </c>
      <c r="C10" s="14">
        <v>66</v>
      </c>
      <c r="D10" s="18">
        <v>131</v>
      </c>
    </row>
    <row r="11" spans="1:4" ht="18" customHeight="1" x14ac:dyDescent="0.15">
      <c r="A11" s="5">
        <v>5</v>
      </c>
      <c r="B11" s="22">
        <v>11</v>
      </c>
      <c r="C11" s="14">
        <v>15</v>
      </c>
      <c r="D11" s="18">
        <v>26</v>
      </c>
    </row>
    <row r="12" spans="1:4" ht="18" customHeight="1" x14ac:dyDescent="0.15">
      <c r="A12" s="5">
        <v>6</v>
      </c>
      <c r="B12" s="22">
        <v>14</v>
      </c>
      <c r="C12" s="14">
        <v>18</v>
      </c>
      <c r="D12" s="18">
        <v>32</v>
      </c>
    </row>
    <row r="13" spans="1:4" ht="18" customHeight="1" x14ac:dyDescent="0.15">
      <c r="A13" s="5">
        <v>7</v>
      </c>
      <c r="B13" s="22">
        <v>20</v>
      </c>
      <c r="C13" s="14">
        <v>18</v>
      </c>
      <c r="D13" s="18">
        <v>38</v>
      </c>
    </row>
    <row r="14" spans="1:4" ht="18" customHeight="1" x14ac:dyDescent="0.15">
      <c r="A14" s="5">
        <v>8</v>
      </c>
      <c r="B14" s="22">
        <v>12</v>
      </c>
      <c r="C14" s="14">
        <v>16</v>
      </c>
      <c r="D14" s="18">
        <v>28</v>
      </c>
    </row>
    <row r="15" spans="1:4" ht="18" customHeight="1" x14ac:dyDescent="0.15">
      <c r="A15" s="5">
        <v>9</v>
      </c>
      <c r="B15" s="22">
        <v>16</v>
      </c>
      <c r="C15" s="14">
        <v>12</v>
      </c>
      <c r="D15" s="18">
        <v>28</v>
      </c>
    </row>
    <row r="16" spans="1:4" ht="18" customHeight="1" x14ac:dyDescent="0.15">
      <c r="A16" s="5" t="s">
        <v>11</v>
      </c>
      <c r="B16" s="22">
        <v>73</v>
      </c>
      <c r="C16" s="14">
        <v>79</v>
      </c>
      <c r="D16" s="18">
        <v>152</v>
      </c>
    </row>
    <row r="17" spans="1:4" ht="18" customHeight="1" x14ac:dyDescent="0.15">
      <c r="A17" s="5">
        <v>10</v>
      </c>
      <c r="B17" s="22">
        <v>16</v>
      </c>
      <c r="C17" s="14">
        <v>13</v>
      </c>
      <c r="D17" s="18">
        <v>29</v>
      </c>
    </row>
    <row r="18" spans="1:4" ht="18" customHeight="1" x14ac:dyDescent="0.15">
      <c r="A18" s="5">
        <v>11</v>
      </c>
      <c r="B18" s="22">
        <v>19</v>
      </c>
      <c r="C18" s="14">
        <v>26</v>
      </c>
      <c r="D18" s="18">
        <v>45</v>
      </c>
    </row>
    <row r="19" spans="1:4" ht="18" customHeight="1" x14ac:dyDescent="0.15">
      <c r="A19" s="5">
        <v>12</v>
      </c>
      <c r="B19" s="22">
        <v>22</v>
      </c>
      <c r="C19" s="14">
        <v>13</v>
      </c>
      <c r="D19" s="18">
        <v>35</v>
      </c>
    </row>
    <row r="20" spans="1:4" ht="18" customHeight="1" x14ac:dyDescent="0.15">
      <c r="A20" s="5">
        <v>13</v>
      </c>
      <c r="B20" s="22">
        <v>25</v>
      </c>
      <c r="C20" s="14">
        <v>26</v>
      </c>
      <c r="D20" s="18">
        <v>51</v>
      </c>
    </row>
    <row r="21" spans="1:4" ht="18" customHeight="1" x14ac:dyDescent="0.15">
      <c r="A21" s="5">
        <v>14</v>
      </c>
      <c r="B21" s="22">
        <v>27</v>
      </c>
      <c r="C21" s="14">
        <v>21</v>
      </c>
      <c r="D21" s="18">
        <v>48</v>
      </c>
    </row>
    <row r="22" spans="1:4" ht="18" customHeight="1" x14ac:dyDescent="0.15">
      <c r="A22" s="5" t="s">
        <v>12</v>
      </c>
      <c r="B22" s="22">
        <v>109</v>
      </c>
      <c r="C22" s="14">
        <v>99</v>
      </c>
      <c r="D22" s="18">
        <v>208</v>
      </c>
    </row>
    <row r="23" spans="1:4" ht="18" customHeight="1" x14ac:dyDescent="0.15">
      <c r="A23" s="5" t="s">
        <v>6</v>
      </c>
      <c r="B23" s="22">
        <v>247</v>
      </c>
      <c r="C23" s="14">
        <v>244</v>
      </c>
      <c r="D23" s="18">
        <v>491</v>
      </c>
    </row>
    <row r="24" spans="1:4" ht="18" customHeight="1" x14ac:dyDescent="0.15">
      <c r="A24" s="5">
        <v>15</v>
      </c>
      <c r="B24" s="22">
        <v>35</v>
      </c>
      <c r="C24" s="14">
        <v>18</v>
      </c>
      <c r="D24" s="18">
        <v>53</v>
      </c>
    </row>
    <row r="25" spans="1:4" ht="18" customHeight="1" x14ac:dyDescent="0.15">
      <c r="A25" s="5">
        <v>16</v>
      </c>
      <c r="B25" s="22">
        <v>22</v>
      </c>
      <c r="C25" s="14">
        <v>25</v>
      </c>
      <c r="D25" s="18">
        <v>47</v>
      </c>
    </row>
    <row r="26" spans="1:4" ht="18" customHeight="1" x14ac:dyDescent="0.15">
      <c r="A26" s="5">
        <v>17</v>
      </c>
      <c r="B26" s="22">
        <v>26</v>
      </c>
      <c r="C26" s="14">
        <v>22</v>
      </c>
      <c r="D26" s="18">
        <v>48</v>
      </c>
    </row>
    <row r="27" spans="1:4" ht="18" customHeight="1" x14ac:dyDescent="0.15">
      <c r="A27" s="5">
        <v>18</v>
      </c>
      <c r="B27" s="22">
        <v>17</v>
      </c>
      <c r="C27" s="14">
        <v>28</v>
      </c>
      <c r="D27" s="18">
        <v>45</v>
      </c>
    </row>
    <row r="28" spans="1:4" ht="18" customHeight="1" x14ac:dyDescent="0.15">
      <c r="A28" s="5">
        <v>19</v>
      </c>
      <c r="B28" s="22">
        <v>23</v>
      </c>
      <c r="C28" s="14">
        <v>23</v>
      </c>
      <c r="D28" s="18">
        <v>46</v>
      </c>
    </row>
    <row r="29" spans="1:4" ht="18" customHeight="1" x14ac:dyDescent="0.15">
      <c r="A29" s="5" t="s">
        <v>14</v>
      </c>
      <c r="B29" s="22">
        <v>123</v>
      </c>
      <c r="C29" s="14">
        <v>116</v>
      </c>
      <c r="D29" s="18">
        <v>239</v>
      </c>
    </row>
    <row r="30" spans="1:4" ht="18" customHeight="1" x14ac:dyDescent="0.15">
      <c r="A30" s="5">
        <v>20</v>
      </c>
      <c r="B30" s="22">
        <v>22</v>
      </c>
      <c r="C30" s="14">
        <v>14</v>
      </c>
      <c r="D30" s="18">
        <v>36</v>
      </c>
    </row>
    <row r="31" spans="1:4" ht="18" customHeight="1" x14ac:dyDescent="0.15">
      <c r="A31" s="5">
        <v>21</v>
      </c>
      <c r="B31" s="22">
        <v>32</v>
      </c>
      <c r="C31" s="14">
        <v>26</v>
      </c>
      <c r="D31" s="18">
        <v>58</v>
      </c>
    </row>
    <row r="32" spans="1:4" ht="18" customHeight="1" x14ac:dyDescent="0.15">
      <c r="A32" s="5">
        <v>22</v>
      </c>
      <c r="B32" s="22">
        <v>26</v>
      </c>
      <c r="C32" s="14">
        <v>25</v>
      </c>
      <c r="D32" s="18">
        <v>51</v>
      </c>
    </row>
    <row r="33" spans="1:4" ht="18" customHeight="1" x14ac:dyDescent="0.15">
      <c r="A33" s="5">
        <v>23</v>
      </c>
      <c r="B33" s="22">
        <v>16</v>
      </c>
      <c r="C33" s="14">
        <v>21</v>
      </c>
      <c r="D33" s="18">
        <v>37</v>
      </c>
    </row>
    <row r="34" spans="1:4" ht="18" customHeight="1" x14ac:dyDescent="0.15">
      <c r="A34" s="5">
        <v>24</v>
      </c>
      <c r="B34" s="22">
        <v>22</v>
      </c>
      <c r="C34" s="14">
        <v>20</v>
      </c>
      <c r="D34" s="18">
        <v>42</v>
      </c>
    </row>
    <row r="35" spans="1:4" ht="18" customHeight="1" x14ac:dyDescent="0.15">
      <c r="A35" s="5" t="s">
        <v>9</v>
      </c>
      <c r="B35" s="22">
        <v>118</v>
      </c>
      <c r="C35" s="14">
        <v>106</v>
      </c>
      <c r="D35" s="18">
        <v>224</v>
      </c>
    </row>
    <row r="36" spans="1:4" ht="18" customHeight="1" x14ac:dyDescent="0.15">
      <c r="A36" s="5">
        <v>25</v>
      </c>
      <c r="B36" s="22">
        <v>22</v>
      </c>
      <c r="C36" s="14">
        <v>29</v>
      </c>
      <c r="D36" s="18">
        <v>51</v>
      </c>
    </row>
    <row r="37" spans="1:4" ht="18" customHeight="1" x14ac:dyDescent="0.15">
      <c r="A37" s="5">
        <v>26</v>
      </c>
      <c r="B37" s="22">
        <v>28</v>
      </c>
      <c r="C37" s="14">
        <v>29</v>
      </c>
      <c r="D37" s="18">
        <v>57</v>
      </c>
    </row>
    <row r="38" spans="1:4" ht="18" customHeight="1" x14ac:dyDescent="0.15">
      <c r="A38" s="5">
        <v>27</v>
      </c>
      <c r="B38" s="22">
        <v>29</v>
      </c>
      <c r="C38" s="14">
        <v>21</v>
      </c>
      <c r="D38" s="18">
        <v>50</v>
      </c>
    </row>
    <row r="39" spans="1:4" ht="18" customHeight="1" x14ac:dyDescent="0.15">
      <c r="A39" s="5">
        <v>28</v>
      </c>
      <c r="B39" s="22">
        <v>28</v>
      </c>
      <c r="C39" s="14">
        <v>34</v>
      </c>
      <c r="D39" s="18">
        <v>62</v>
      </c>
    </row>
    <row r="40" spans="1:4" ht="18" customHeight="1" x14ac:dyDescent="0.15">
      <c r="A40" s="5">
        <v>29</v>
      </c>
      <c r="B40" s="22">
        <v>25</v>
      </c>
      <c r="C40" s="14">
        <v>26</v>
      </c>
      <c r="D40" s="18">
        <v>51</v>
      </c>
    </row>
    <row r="41" spans="1:4" ht="18" customHeight="1" x14ac:dyDescent="0.15">
      <c r="A41" s="5" t="s">
        <v>2</v>
      </c>
      <c r="B41" s="22">
        <v>132</v>
      </c>
      <c r="C41" s="14">
        <v>139</v>
      </c>
      <c r="D41" s="18">
        <v>271</v>
      </c>
    </row>
    <row r="42" spans="1:4" ht="18" customHeight="1" x14ac:dyDescent="0.15">
      <c r="A42" s="5">
        <v>30</v>
      </c>
      <c r="B42" s="22">
        <v>32</v>
      </c>
      <c r="C42" s="14">
        <v>16</v>
      </c>
      <c r="D42" s="18">
        <v>48</v>
      </c>
    </row>
    <row r="43" spans="1:4" ht="18" customHeight="1" x14ac:dyDescent="0.15">
      <c r="A43" s="5">
        <v>31</v>
      </c>
      <c r="B43" s="22">
        <v>29</v>
      </c>
      <c r="C43" s="14">
        <v>14</v>
      </c>
      <c r="D43" s="18">
        <v>43</v>
      </c>
    </row>
    <row r="44" spans="1:4" ht="18" customHeight="1" x14ac:dyDescent="0.15">
      <c r="A44" s="5">
        <v>32</v>
      </c>
      <c r="B44" s="22">
        <v>26</v>
      </c>
      <c r="C44" s="14">
        <v>25</v>
      </c>
      <c r="D44" s="18">
        <v>51</v>
      </c>
    </row>
    <row r="45" spans="1:4" ht="18" customHeight="1" x14ac:dyDescent="0.15">
      <c r="A45" s="5">
        <v>33</v>
      </c>
      <c r="B45" s="22">
        <v>30</v>
      </c>
      <c r="C45" s="14">
        <v>13</v>
      </c>
      <c r="D45" s="18">
        <v>43</v>
      </c>
    </row>
    <row r="46" spans="1:4" ht="18" customHeight="1" x14ac:dyDescent="0.15">
      <c r="A46" s="5">
        <v>34</v>
      </c>
      <c r="B46" s="22">
        <v>23</v>
      </c>
      <c r="C46" s="14">
        <v>23</v>
      </c>
      <c r="D46" s="18">
        <v>46</v>
      </c>
    </row>
    <row r="47" spans="1:4" ht="18" customHeight="1" x14ac:dyDescent="0.15">
      <c r="A47" s="5" t="s">
        <v>15</v>
      </c>
      <c r="B47" s="22">
        <v>140</v>
      </c>
      <c r="C47" s="14">
        <v>91</v>
      </c>
      <c r="D47" s="18">
        <v>231</v>
      </c>
    </row>
    <row r="48" spans="1:4" ht="18" customHeight="1" x14ac:dyDescent="0.15">
      <c r="A48" s="5">
        <v>35</v>
      </c>
      <c r="B48" s="22">
        <v>21</v>
      </c>
      <c r="C48" s="14">
        <v>22</v>
      </c>
      <c r="D48" s="18">
        <v>43</v>
      </c>
    </row>
    <row r="49" spans="1:4" ht="18" customHeight="1" x14ac:dyDescent="0.15">
      <c r="A49" s="5">
        <v>36</v>
      </c>
      <c r="B49" s="22">
        <v>20</v>
      </c>
      <c r="C49" s="14">
        <v>20</v>
      </c>
      <c r="D49" s="18">
        <v>40</v>
      </c>
    </row>
    <row r="50" spans="1:4" ht="18" customHeight="1" x14ac:dyDescent="0.15">
      <c r="A50" s="5">
        <v>37</v>
      </c>
      <c r="B50" s="22">
        <v>25</v>
      </c>
      <c r="C50" s="14">
        <v>30</v>
      </c>
      <c r="D50" s="18">
        <v>55</v>
      </c>
    </row>
    <row r="51" spans="1:4" ht="18" customHeight="1" x14ac:dyDescent="0.15">
      <c r="A51" s="5">
        <v>38</v>
      </c>
      <c r="B51" s="22">
        <v>22</v>
      </c>
      <c r="C51" s="14">
        <v>19</v>
      </c>
      <c r="D51" s="18">
        <v>41</v>
      </c>
    </row>
    <row r="52" spans="1:4" ht="18" customHeight="1" x14ac:dyDescent="0.15">
      <c r="A52" s="5">
        <v>39</v>
      </c>
      <c r="B52" s="22">
        <v>31</v>
      </c>
      <c r="C52" s="14">
        <v>31</v>
      </c>
      <c r="D52" s="18">
        <v>62</v>
      </c>
    </row>
    <row r="53" spans="1:4" ht="18" customHeight="1" x14ac:dyDescent="0.15">
      <c r="A53" s="5" t="s">
        <v>18</v>
      </c>
      <c r="B53" s="22">
        <v>119</v>
      </c>
      <c r="C53" s="14">
        <v>122</v>
      </c>
      <c r="D53" s="18">
        <v>241</v>
      </c>
    </row>
    <row r="54" spans="1:4" ht="18" customHeight="1" x14ac:dyDescent="0.15">
      <c r="A54" s="5">
        <v>40</v>
      </c>
      <c r="B54" s="22">
        <v>30</v>
      </c>
      <c r="C54" s="14">
        <v>24</v>
      </c>
      <c r="D54" s="18">
        <v>54</v>
      </c>
    </row>
    <row r="55" spans="1:4" ht="18" customHeight="1" x14ac:dyDescent="0.15">
      <c r="A55" s="5">
        <v>41</v>
      </c>
      <c r="B55" s="22">
        <v>36</v>
      </c>
      <c r="C55" s="14">
        <v>33</v>
      </c>
      <c r="D55" s="18">
        <v>69</v>
      </c>
    </row>
    <row r="56" spans="1:4" ht="18" customHeight="1" x14ac:dyDescent="0.15">
      <c r="A56" s="5">
        <v>42</v>
      </c>
      <c r="B56" s="22">
        <v>31</v>
      </c>
      <c r="C56" s="14">
        <v>24</v>
      </c>
      <c r="D56" s="18">
        <v>55</v>
      </c>
    </row>
    <row r="57" spans="1:4" ht="18" customHeight="1" x14ac:dyDescent="0.15">
      <c r="A57" s="5">
        <v>43</v>
      </c>
      <c r="B57" s="22">
        <v>32</v>
      </c>
      <c r="C57" s="14">
        <v>30</v>
      </c>
      <c r="D57" s="18">
        <v>62</v>
      </c>
    </row>
    <row r="58" spans="1:4" ht="18" customHeight="1" x14ac:dyDescent="0.15">
      <c r="A58" s="5">
        <v>44</v>
      </c>
      <c r="B58" s="22">
        <v>41</v>
      </c>
      <c r="C58" s="14">
        <v>26</v>
      </c>
      <c r="D58" s="18">
        <v>67</v>
      </c>
    </row>
    <row r="59" spans="1:4" ht="18" customHeight="1" x14ac:dyDescent="0.15">
      <c r="A59" s="5" t="s">
        <v>21</v>
      </c>
      <c r="B59" s="22">
        <v>170</v>
      </c>
      <c r="C59" s="14">
        <v>137</v>
      </c>
      <c r="D59" s="18">
        <v>307</v>
      </c>
    </row>
    <row r="60" spans="1:4" ht="18" customHeight="1" x14ac:dyDescent="0.15">
      <c r="A60" s="5">
        <v>45</v>
      </c>
      <c r="B60" s="22">
        <v>30</v>
      </c>
      <c r="C60" s="14">
        <v>30</v>
      </c>
      <c r="D60" s="18">
        <v>60</v>
      </c>
    </row>
    <row r="61" spans="1:4" ht="18" customHeight="1" x14ac:dyDescent="0.15">
      <c r="A61" s="5">
        <v>46</v>
      </c>
      <c r="B61" s="22">
        <v>40</v>
      </c>
      <c r="C61" s="14">
        <v>25</v>
      </c>
      <c r="D61" s="18">
        <v>65</v>
      </c>
    </row>
    <row r="62" spans="1:4" ht="18" customHeight="1" x14ac:dyDescent="0.15">
      <c r="A62" s="5">
        <v>47</v>
      </c>
      <c r="B62" s="22">
        <v>26</v>
      </c>
      <c r="C62" s="14">
        <v>38</v>
      </c>
      <c r="D62" s="18">
        <v>64</v>
      </c>
    </row>
    <row r="63" spans="1:4" ht="18" customHeight="1" x14ac:dyDescent="0.15">
      <c r="A63" s="5">
        <v>48</v>
      </c>
      <c r="B63" s="22">
        <v>35</v>
      </c>
      <c r="C63" s="14">
        <v>36</v>
      </c>
      <c r="D63" s="18">
        <v>71</v>
      </c>
    </row>
    <row r="64" spans="1:4" ht="18" customHeight="1" x14ac:dyDescent="0.15">
      <c r="A64" s="5">
        <v>49</v>
      </c>
      <c r="B64" s="22">
        <v>49</v>
      </c>
      <c r="C64" s="14">
        <v>25</v>
      </c>
      <c r="D64" s="18">
        <v>74</v>
      </c>
    </row>
    <row r="65" spans="1:4" ht="18" customHeight="1" x14ac:dyDescent="0.15">
      <c r="A65" s="5" t="s">
        <v>17</v>
      </c>
      <c r="B65" s="22">
        <v>180</v>
      </c>
      <c r="C65" s="14">
        <v>154</v>
      </c>
      <c r="D65" s="18">
        <v>334</v>
      </c>
    </row>
    <row r="66" spans="1:4" ht="18" customHeight="1" x14ac:dyDescent="0.15">
      <c r="A66" s="5">
        <v>50</v>
      </c>
      <c r="B66" s="22">
        <v>43</v>
      </c>
      <c r="C66" s="14">
        <v>38</v>
      </c>
      <c r="D66" s="18">
        <v>81</v>
      </c>
    </row>
    <row r="67" spans="1:4" ht="18" customHeight="1" x14ac:dyDescent="0.15">
      <c r="A67" s="5">
        <v>51</v>
      </c>
      <c r="B67" s="22">
        <v>35</v>
      </c>
      <c r="C67" s="14">
        <v>44</v>
      </c>
      <c r="D67" s="18">
        <v>79</v>
      </c>
    </row>
    <row r="68" spans="1:4" ht="18" customHeight="1" x14ac:dyDescent="0.15">
      <c r="A68" s="5">
        <v>52</v>
      </c>
      <c r="B68" s="22">
        <v>45</v>
      </c>
      <c r="C68" s="14">
        <v>42</v>
      </c>
      <c r="D68" s="18">
        <v>87</v>
      </c>
    </row>
    <row r="69" spans="1:4" ht="18" customHeight="1" x14ac:dyDescent="0.15">
      <c r="A69" s="5">
        <v>53</v>
      </c>
      <c r="B69" s="22">
        <v>56</v>
      </c>
      <c r="C69" s="14">
        <v>35</v>
      </c>
      <c r="D69" s="18">
        <v>91</v>
      </c>
    </row>
    <row r="70" spans="1:4" ht="18" customHeight="1" x14ac:dyDescent="0.15">
      <c r="A70" s="5">
        <v>54</v>
      </c>
      <c r="B70" s="22">
        <v>49</v>
      </c>
      <c r="C70" s="14">
        <v>41</v>
      </c>
      <c r="D70" s="18">
        <v>90</v>
      </c>
    </row>
    <row r="71" spans="1:4" ht="18" customHeight="1" x14ac:dyDescent="0.15">
      <c r="A71" s="5" t="s">
        <v>22</v>
      </c>
      <c r="B71" s="22">
        <v>228</v>
      </c>
      <c r="C71" s="14">
        <v>200</v>
      </c>
      <c r="D71" s="18">
        <v>428</v>
      </c>
    </row>
    <row r="72" spans="1:4" ht="18" customHeight="1" x14ac:dyDescent="0.15">
      <c r="A72" s="5">
        <v>55</v>
      </c>
      <c r="B72" s="22">
        <v>40</v>
      </c>
      <c r="C72" s="14">
        <v>42</v>
      </c>
      <c r="D72" s="18">
        <v>82</v>
      </c>
    </row>
    <row r="73" spans="1:4" ht="18" customHeight="1" x14ac:dyDescent="0.15">
      <c r="A73" s="5">
        <v>56</v>
      </c>
      <c r="B73" s="22">
        <v>42</v>
      </c>
      <c r="C73" s="14">
        <v>44</v>
      </c>
      <c r="D73" s="18">
        <v>86</v>
      </c>
    </row>
    <row r="74" spans="1:4" ht="18" customHeight="1" x14ac:dyDescent="0.15">
      <c r="A74" s="5">
        <v>57</v>
      </c>
      <c r="B74" s="22">
        <v>43</v>
      </c>
      <c r="C74" s="14">
        <v>30</v>
      </c>
      <c r="D74" s="18">
        <v>73</v>
      </c>
    </row>
    <row r="75" spans="1:4" ht="18" customHeight="1" x14ac:dyDescent="0.15">
      <c r="A75" s="5">
        <v>58</v>
      </c>
      <c r="B75" s="22">
        <v>27</v>
      </c>
      <c r="C75" s="14">
        <v>32</v>
      </c>
      <c r="D75" s="18">
        <v>59</v>
      </c>
    </row>
    <row r="76" spans="1:4" ht="18" customHeight="1" x14ac:dyDescent="0.15">
      <c r="A76" s="5">
        <v>59</v>
      </c>
      <c r="B76" s="22">
        <v>20</v>
      </c>
      <c r="C76" s="14">
        <v>26</v>
      </c>
      <c r="D76" s="18">
        <v>46</v>
      </c>
    </row>
    <row r="77" spans="1:4" ht="18" customHeight="1" x14ac:dyDescent="0.15">
      <c r="A77" s="5" t="s">
        <v>27</v>
      </c>
      <c r="B77" s="22">
        <v>172</v>
      </c>
      <c r="C77" s="14">
        <v>174</v>
      </c>
      <c r="D77" s="18">
        <v>346</v>
      </c>
    </row>
    <row r="78" spans="1:4" ht="18" customHeight="1" x14ac:dyDescent="0.15">
      <c r="A78" s="5">
        <v>60</v>
      </c>
      <c r="B78" s="22">
        <v>35</v>
      </c>
      <c r="C78" s="14">
        <v>39</v>
      </c>
      <c r="D78" s="18">
        <v>74</v>
      </c>
    </row>
    <row r="79" spans="1:4" ht="18" customHeight="1" x14ac:dyDescent="0.15">
      <c r="A79" s="5">
        <v>61</v>
      </c>
      <c r="B79" s="22">
        <v>37</v>
      </c>
      <c r="C79" s="14">
        <v>28</v>
      </c>
      <c r="D79" s="18">
        <v>65</v>
      </c>
    </row>
    <row r="80" spans="1:4" ht="18" customHeight="1" x14ac:dyDescent="0.15">
      <c r="A80" s="5">
        <v>62</v>
      </c>
      <c r="B80" s="22">
        <v>36</v>
      </c>
      <c r="C80" s="14">
        <v>35</v>
      </c>
      <c r="D80" s="18">
        <v>71</v>
      </c>
    </row>
    <row r="81" spans="1:4" ht="18" customHeight="1" x14ac:dyDescent="0.15">
      <c r="A81" s="5">
        <v>63</v>
      </c>
      <c r="B81" s="22">
        <v>36</v>
      </c>
      <c r="C81" s="14">
        <v>27</v>
      </c>
      <c r="D81" s="18">
        <v>63</v>
      </c>
    </row>
    <row r="82" spans="1:4" ht="18" customHeight="1" x14ac:dyDescent="0.15">
      <c r="A82" s="5">
        <v>64</v>
      </c>
      <c r="B82" s="22">
        <v>26</v>
      </c>
      <c r="C82" s="14">
        <v>25</v>
      </c>
      <c r="D82" s="18">
        <v>51</v>
      </c>
    </row>
    <row r="83" spans="1:4" ht="18" customHeight="1" x14ac:dyDescent="0.15">
      <c r="A83" s="5" t="s">
        <v>28</v>
      </c>
      <c r="B83" s="22">
        <v>170</v>
      </c>
      <c r="C83" s="14">
        <v>154</v>
      </c>
      <c r="D83" s="18">
        <v>324</v>
      </c>
    </row>
    <row r="84" spans="1:4" ht="18" customHeight="1" x14ac:dyDescent="0.15">
      <c r="A84" s="5" t="s">
        <v>31</v>
      </c>
      <c r="B84" s="22">
        <v>1552</v>
      </c>
      <c r="C84" s="14">
        <v>1393</v>
      </c>
      <c r="D84" s="18">
        <v>2945</v>
      </c>
    </row>
    <row r="85" spans="1:4" ht="18" customHeight="1" x14ac:dyDescent="0.15">
      <c r="A85" s="5">
        <v>65</v>
      </c>
      <c r="B85" s="22">
        <v>25</v>
      </c>
      <c r="C85" s="14">
        <v>33</v>
      </c>
      <c r="D85" s="18">
        <v>58</v>
      </c>
    </row>
    <row r="86" spans="1:4" ht="18" customHeight="1" x14ac:dyDescent="0.15">
      <c r="A86" s="5">
        <v>66</v>
      </c>
      <c r="B86" s="22">
        <v>28</v>
      </c>
      <c r="C86" s="14">
        <v>28</v>
      </c>
      <c r="D86" s="18">
        <v>56</v>
      </c>
    </row>
    <row r="87" spans="1:4" ht="18" customHeight="1" x14ac:dyDescent="0.15">
      <c r="A87" s="5">
        <v>67</v>
      </c>
      <c r="B87" s="22">
        <v>24</v>
      </c>
      <c r="C87" s="14">
        <v>37</v>
      </c>
      <c r="D87" s="18">
        <v>61</v>
      </c>
    </row>
    <row r="88" spans="1:4" ht="18" customHeight="1" x14ac:dyDescent="0.15">
      <c r="A88" s="5">
        <v>68</v>
      </c>
      <c r="B88" s="22">
        <v>36</v>
      </c>
      <c r="C88" s="14">
        <v>29</v>
      </c>
      <c r="D88" s="18">
        <v>65</v>
      </c>
    </row>
    <row r="89" spans="1:4" ht="18" customHeight="1" x14ac:dyDescent="0.15">
      <c r="A89" s="5">
        <v>69</v>
      </c>
      <c r="B89" s="22">
        <v>36</v>
      </c>
      <c r="C89" s="14">
        <v>47</v>
      </c>
      <c r="D89" s="18">
        <v>83</v>
      </c>
    </row>
    <row r="90" spans="1:4" ht="18" customHeight="1" x14ac:dyDescent="0.15">
      <c r="A90" s="5" t="s">
        <v>20</v>
      </c>
      <c r="B90" s="22">
        <v>149</v>
      </c>
      <c r="C90" s="14">
        <v>174</v>
      </c>
      <c r="D90" s="18">
        <v>323</v>
      </c>
    </row>
    <row r="91" spans="1:4" ht="18" customHeight="1" x14ac:dyDescent="0.15">
      <c r="A91" s="5">
        <v>70</v>
      </c>
      <c r="B91" s="22">
        <v>35</v>
      </c>
      <c r="C91" s="14">
        <v>31</v>
      </c>
      <c r="D91" s="18">
        <v>66</v>
      </c>
    </row>
    <row r="92" spans="1:4" ht="18" customHeight="1" x14ac:dyDescent="0.15">
      <c r="A92" s="5">
        <v>71</v>
      </c>
      <c r="B92" s="22">
        <v>33</v>
      </c>
      <c r="C92" s="14">
        <v>44</v>
      </c>
      <c r="D92" s="18">
        <v>77</v>
      </c>
    </row>
    <row r="93" spans="1:4" ht="18" customHeight="1" x14ac:dyDescent="0.15">
      <c r="A93" s="5">
        <v>72</v>
      </c>
      <c r="B93" s="22">
        <v>36</v>
      </c>
      <c r="C93" s="14">
        <v>52</v>
      </c>
      <c r="D93" s="18">
        <v>88</v>
      </c>
    </row>
    <row r="94" spans="1:4" ht="18" customHeight="1" x14ac:dyDescent="0.15">
      <c r="A94" s="5">
        <v>73</v>
      </c>
      <c r="B94" s="22">
        <v>33</v>
      </c>
      <c r="C94" s="14">
        <v>42</v>
      </c>
      <c r="D94" s="18">
        <v>75</v>
      </c>
    </row>
    <row r="95" spans="1:4" ht="18" customHeight="1" x14ac:dyDescent="0.15">
      <c r="A95" s="5">
        <v>74</v>
      </c>
      <c r="B95" s="22">
        <v>40</v>
      </c>
      <c r="C95" s="14">
        <v>40</v>
      </c>
      <c r="D95" s="18">
        <v>80</v>
      </c>
    </row>
    <row r="96" spans="1:4" ht="18" customHeight="1" x14ac:dyDescent="0.15">
      <c r="A96" s="5" t="s">
        <v>33</v>
      </c>
      <c r="B96" s="22">
        <v>177</v>
      </c>
      <c r="C96" s="14">
        <v>209</v>
      </c>
      <c r="D96" s="18">
        <v>386</v>
      </c>
    </row>
    <row r="97" spans="1:4" ht="18" customHeight="1" x14ac:dyDescent="0.15">
      <c r="A97" s="5">
        <v>75</v>
      </c>
      <c r="B97" s="22">
        <v>58</v>
      </c>
      <c r="C97" s="14">
        <v>55</v>
      </c>
      <c r="D97" s="18">
        <v>113</v>
      </c>
    </row>
    <row r="98" spans="1:4" ht="18" customHeight="1" x14ac:dyDescent="0.15">
      <c r="A98" s="5">
        <v>76</v>
      </c>
      <c r="B98" s="22">
        <v>63</v>
      </c>
      <c r="C98" s="14">
        <v>66</v>
      </c>
      <c r="D98" s="18">
        <v>129</v>
      </c>
    </row>
    <row r="99" spans="1:4" ht="18" customHeight="1" x14ac:dyDescent="0.15">
      <c r="A99" s="5">
        <v>77</v>
      </c>
      <c r="B99" s="22">
        <v>47</v>
      </c>
      <c r="C99" s="14">
        <v>64</v>
      </c>
      <c r="D99" s="18">
        <v>111</v>
      </c>
    </row>
    <row r="100" spans="1:4" ht="18" customHeight="1" x14ac:dyDescent="0.15">
      <c r="A100" s="5">
        <v>78</v>
      </c>
      <c r="B100" s="22">
        <v>44</v>
      </c>
      <c r="C100" s="14">
        <v>65</v>
      </c>
      <c r="D100" s="18">
        <v>109</v>
      </c>
    </row>
    <row r="101" spans="1:4" ht="18" customHeight="1" x14ac:dyDescent="0.15">
      <c r="A101" s="5">
        <v>79</v>
      </c>
      <c r="B101" s="22">
        <v>39</v>
      </c>
      <c r="C101" s="14">
        <v>47</v>
      </c>
      <c r="D101" s="18">
        <v>86</v>
      </c>
    </row>
    <row r="102" spans="1:4" ht="18" customHeight="1" x14ac:dyDescent="0.15">
      <c r="A102" s="5" t="s">
        <v>0</v>
      </c>
      <c r="B102" s="22">
        <v>251</v>
      </c>
      <c r="C102" s="14">
        <v>297</v>
      </c>
      <c r="D102" s="18">
        <v>548</v>
      </c>
    </row>
    <row r="103" spans="1:4" ht="18" customHeight="1" x14ac:dyDescent="0.15">
      <c r="A103" s="5">
        <v>80</v>
      </c>
      <c r="B103" s="22">
        <v>28</v>
      </c>
      <c r="C103" s="14">
        <v>32</v>
      </c>
      <c r="D103" s="18">
        <v>60</v>
      </c>
    </row>
    <row r="104" spans="1:4" ht="18" customHeight="1" x14ac:dyDescent="0.15">
      <c r="A104" s="5">
        <v>81</v>
      </c>
      <c r="B104" s="22">
        <v>29</v>
      </c>
      <c r="C104" s="14">
        <v>60</v>
      </c>
      <c r="D104" s="18">
        <v>89</v>
      </c>
    </row>
    <row r="105" spans="1:4" ht="18" customHeight="1" x14ac:dyDescent="0.15">
      <c r="A105" s="5">
        <v>82</v>
      </c>
      <c r="B105" s="22">
        <v>36</v>
      </c>
      <c r="C105" s="14">
        <v>52</v>
      </c>
      <c r="D105" s="18">
        <v>88</v>
      </c>
    </row>
    <row r="106" spans="1:4" ht="18" customHeight="1" x14ac:dyDescent="0.15">
      <c r="A106" s="5">
        <v>83</v>
      </c>
      <c r="B106" s="22">
        <v>27</v>
      </c>
      <c r="C106" s="14">
        <v>46</v>
      </c>
      <c r="D106" s="18">
        <v>73</v>
      </c>
    </row>
    <row r="107" spans="1:4" ht="18" customHeight="1" x14ac:dyDescent="0.15">
      <c r="A107" s="5">
        <v>84</v>
      </c>
      <c r="B107" s="22">
        <v>39</v>
      </c>
      <c r="C107" s="14">
        <v>40</v>
      </c>
      <c r="D107" s="18">
        <v>79</v>
      </c>
    </row>
    <row r="108" spans="1:4" ht="18" customHeight="1" x14ac:dyDescent="0.15">
      <c r="A108" s="5" t="s">
        <v>35</v>
      </c>
      <c r="B108" s="22">
        <v>159</v>
      </c>
      <c r="C108" s="14">
        <v>230</v>
      </c>
      <c r="D108" s="18">
        <v>389</v>
      </c>
    </row>
    <row r="109" spans="1:4" ht="18" customHeight="1" x14ac:dyDescent="0.15">
      <c r="A109" s="5">
        <v>85</v>
      </c>
      <c r="B109" s="22">
        <v>22</v>
      </c>
      <c r="C109" s="14">
        <v>38</v>
      </c>
      <c r="D109" s="18">
        <v>60</v>
      </c>
    </row>
    <row r="110" spans="1:4" ht="18" customHeight="1" x14ac:dyDescent="0.15">
      <c r="A110" s="5">
        <v>86</v>
      </c>
      <c r="B110" s="22">
        <v>21</v>
      </c>
      <c r="C110" s="14">
        <v>24</v>
      </c>
      <c r="D110" s="18">
        <v>45</v>
      </c>
    </row>
    <row r="111" spans="1:4" ht="18" customHeight="1" x14ac:dyDescent="0.15">
      <c r="A111" s="5">
        <v>87</v>
      </c>
      <c r="B111" s="22">
        <v>11</v>
      </c>
      <c r="C111" s="14">
        <v>15</v>
      </c>
      <c r="D111" s="18">
        <v>26</v>
      </c>
    </row>
    <row r="112" spans="1:4" ht="18" customHeight="1" x14ac:dyDescent="0.15">
      <c r="A112" s="5">
        <v>88</v>
      </c>
      <c r="B112" s="22">
        <v>21</v>
      </c>
      <c r="C112" s="14">
        <v>36</v>
      </c>
      <c r="D112" s="18">
        <v>57</v>
      </c>
    </row>
    <row r="113" spans="1:4" ht="18" customHeight="1" x14ac:dyDescent="0.15">
      <c r="A113" s="5">
        <v>89</v>
      </c>
      <c r="B113" s="22">
        <v>15</v>
      </c>
      <c r="C113" s="14">
        <v>22</v>
      </c>
      <c r="D113" s="18">
        <v>37</v>
      </c>
    </row>
    <row r="114" spans="1:4" ht="18" customHeight="1" x14ac:dyDescent="0.15">
      <c r="A114" s="5" t="s">
        <v>37</v>
      </c>
      <c r="B114" s="22">
        <v>90</v>
      </c>
      <c r="C114" s="14">
        <v>135</v>
      </c>
      <c r="D114" s="18">
        <v>225</v>
      </c>
    </row>
    <row r="115" spans="1:4" ht="18" customHeight="1" x14ac:dyDescent="0.15">
      <c r="A115" s="5">
        <v>90</v>
      </c>
      <c r="B115" s="22">
        <v>8</v>
      </c>
      <c r="C115" s="14">
        <v>19</v>
      </c>
      <c r="D115" s="18">
        <v>27</v>
      </c>
    </row>
    <row r="116" spans="1:4" ht="18" customHeight="1" x14ac:dyDescent="0.15">
      <c r="A116" s="5">
        <v>91</v>
      </c>
      <c r="B116" s="22">
        <v>8</v>
      </c>
      <c r="C116" s="14">
        <v>19</v>
      </c>
      <c r="D116" s="18">
        <v>27</v>
      </c>
    </row>
    <row r="117" spans="1:4" ht="18" customHeight="1" x14ac:dyDescent="0.15">
      <c r="A117" s="5">
        <v>92</v>
      </c>
      <c r="B117" s="22">
        <v>8</v>
      </c>
      <c r="C117" s="14">
        <v>14</v>
      </c>
      <c r="D117" s="18">
        <v>22</v>
      </c>
    </row>
    <row r="118" spans="1:4" ht="18" customHeight="1" x14ac:dyDescent="0.15">
      <c r="A118" s="5">
        <v>93</v>
      </c>
      <c r="B118" s="22">
        <v>3</v>
      </c>
      <c r="C118" s="14">
        <v>19</v>
      </c>
      <c r="D118" s="18">
        <v>22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30</v>
      </c>
      <c r="C120" s="14">
        <v>80</v>
      </c>
      <c r="D120" s="18">
        <v>110</v>
      </c>
    </row>
    <row r="121" spans="1:4" ht="18" customHeight="1" x14ac:dyDescent="0.15">
      <c r="A121" s="5">
        <v>95</v>
      </c>
      <c r="B121" s="22">
        <v>1</v>
      </c>
      <c r="C121" s="14">
        <v>8</v>
      </c>
      <c r="D121" s="18">
        <v>9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6</v>
      </c>
      <c r="C126" s="14">
        <v>32</v>
      </c>
      <c r="D126" s="18">
        <v>3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862</v>
      </c>
      <c r="C130" s="14">
        <v>1160</v>
      </c>
      <c r="D130" s="18">
        <v>2022</v>
      </c>
    </row>
    <row r="131" spans="1:4" ht="18" customHeight="1" x14ac:dyDescent="0.15">
      <c r="A131" s="7" t="s">
        <v>45</v>
      </c>
      <c r="B131" s="23">
        <v>2661</v>
      </c>
      <c r="C131" s="15">
        <v>2797</v>
      </c>
      <c r="D131" s="19">
        <v>54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2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4</v>
      </c>
      <c r="C5" s="13">
        <v>56</v>
      </c>
      <c r="D5" s="17">
        <v>100</v>
      </c>
    </row>
    <row r="6" spans="1:4" ht="18" customHeight="1" x14ac:dyDescent="0.15">
      <c r="A6" s="5">
        <v>1</v>
      </c>
      <c r="B6" s="22">
        <v>42</v>
      </c>
      <c r="C6" s="14">
        <v>62</v>
      </c>
      <c r="D6" s="18">
        <v>104</v>
      </c>
    </row>
    <row r="7" spans="1:4" ht="18" customHeight="1" x14ac:dyDescent="0.15">
      <c r="A7" s="5">
        <v>2</v>
      </c>
      <c r="B7" s="22">
        <v>42</v>
      </c>
      <c r="C7" s="14">
        <v>59</v>
      </c>
      <c r="D7" s="18">
        <v>101</v>
      </c>
    </row>
    <row r="8" spans="1:4" ht="18" customHeight="1" x14ac:dyDescent="0.15">
      <c r="A8" s="5">
        <v>3</v>
      </c>
      <c r="B8" s="22">
        <v>52</v>
      </c>
      <c r="C8" s="14">
        <v>49</v>
      </c>
      <c r="D8" s="18">
        <v>101</v>
      </c>
    </row>
    <row r="9" spans="1:4" ht="18" customHeight="1" x14ac:dyDescent="0.15">
      <c r="A9" s="5">
        <v>4</v>
      </c>
      <c r="B9" s="22">
        <v>43</v>
      </c>
      <c r="C9" s="14">
        <v>46</v>
      </c>
      <c r="D9" s="18">
        <v>89</v>
      </c>
    </row>
    <row r="10" spans="1:4" ht="18" customHeight="1" x14ac:dyDescent="0.15">
      <c r="A10" s="5" t="s">
        <v>7</v>
      </c>
      <c r="B10" s="22">
        <v>223</v>
      </c>
      <c r="C10" s="14">
        <v>272</v>
      </c>
      <c r="D10" s="18">
        <v>495</v>
      </c>
    </row>
    <row r="11" spans="1:4" ht="18" customHeight="1" x14ac:dyDescent="0.15">
      <c r="A11" s="5">
        <v>5</v>
      </c>
      <c r="B11" s="22">
        <v>49</v>
      </c>
      <c r="C11" s="14">
        <v>41</v>
      </c>
      <c r="D11" s="18">
        <v>90</v>
      </c>
    </row>
    <row r="12" spans="1:4" ht="18" customHeight="1" x14ac:dyDescent="0.15">
      <c r="A12" s="5">
        <v>6</v>
      </c>
      <c r="B12" s="22">
        <v>41</v>
      </c>
      <c r="C12" s="14">
        <v>45</v>
      </c>
      <c r="D12" s="18">
        <v>86</v>
      </c>
    </row>
    <row r="13" spans="1:4" ht="18" customHeight="1" x14ac:dyDescent="0.15">
      <c r="A13" s="5">
        <v>7</v>
      </c>
      <c r="B13" s="22">
        <v>42</v>
      </c>
      <c r="C13" s="14">
        <v>53</v>
      </c>
      <c r="D13" s="18">
        <v>95</v>
      </c>
    </row>
    <row r="14" spans="1:4" ht="18" customHeight="1" x14ac:dyDescent="0.15">
      <c r="A14" s="5">
        <v>8</v>
      </c>
      <c r="B14" s="22">
        <v>49</v>
      </c>
      <c r="C14" s="14">
        <v>55</v>
      </c>
      <c r="D14" s="18">
        <v>104</v>
      </c>
    </row>
    <row r="15" spans="1:4" ht="18" customHeight="1" x14ac:dyDescent="0.15">
      <c r="A15" s="5">
        <v>9</v>
      </c>
      <c r="B15" s="22">
        <v>57</v>
      </c>
      <c r="C15" s="14">
        <v>54</v>
      </c>
      <c r="D15" s="18">
        <v>111</v>
      </c>
    </row>
    <row r="16" spans="1:4" ht="18" customHeight="1" x14ac:dyDescent="0.15">
      <c r="A16" s="5" t="s">
        <v>11</v>
      </c>
      <c r="B16" s="22">
        <v>238</v>
      </c>
      <c r="C16" s="14">
        <v>248</v>
      </c>
      <c r="D16" s="18">
        <v>486</v>
      </c>
    </row>
    <row r="17" spans="1:4" ht="18" customHeight="1" x14ac:dyDescent="0.15">
      <c r="A17" s="5">
        <v>10</v>
      </c>
      <c r="B17" s="22">
        <v>72</v>
      </c>
      <c r="C17" s="14">
        <v>51</v>
      </c>
      <c r="D17" s="18">
        <v>123</v>
      </c>
    </row>
    <row r="18" spans="1:4" ht="18" customHeight="1" x14ac:dyDescent="0.15">
      <c r="A18" s="5">
        <v>11</v>
      </c>
      <c r="B18" s="22">
        <v>64</v>
      </c>
      <c r="C18" s="14">
        <v>57</v>
      </c>
      <c r="D18" s="18">
        <v>121</v>
      </c>
    </row>
    <row r="19" spans="1:4" ht="18" customHeight="1" x14ac:dyDescent="0.15">
      <c r="A19" s="5">
        <v>12</v>
      </c>
      <c r="B19" s="22">
        <v>60</v>
      </c>
      <c r="C19" s="14">
        <v>54</v>
      </c>
      <c r="D19" s="18">
        <v>114</v>
      </c>
    </row>
    <row r="20" spans="1:4" ht="18" customHeight="1" x14ac:dyDescent="0.15">
      <c r="A20" s="5">
        <v>13</v>
      </c>
      <c r="B20" s="22">
        <v>58</v>
      </c>
      <c r="C20" s="14">
        <v>52</v>
      </c>
      <c r="D20" s="18">
        <v>110</v>
      </c>
    </row>
    <row r="21" spans="1:4" ht="18" customHeight="1" x14ac:dyDescent="0.15">
      <c r="A21" s="5">
        <v>14</v>
      </c>
      <c r="B21" s="22">
        <v>59</v>
      </c>
      <c r="C21" s="14">
        <v>60</v>
      </c>
      <c r="D21" s="18">
        <v>119</v>
      </c>
    </row>
    <row r="22" spans="1:4" ht="18" customHeight="1" x14ac:dyDescent="0.15">
      <c r="A22" s="5" t="s">
        <v>12</v>
      </c>
      <c r="B22" s="22">
        <v>313</v>
      </c>
      <c r="C22" s="14">
        <v>274</v>
      </c>
      <c r="D22" s="18">
        <v>587</v>
      </c>
    </row>
    <row r="23" spans="1:4" ht="18" customHeight="1" x14ac:dyDescent="0.15">
      <c r="A23" s="5" t="s">
        <v>6</v>
      </c>
      <c r="B23" s="22">
        <v>774</v>
      </c>
      <c r="C23" s="14">
        <v>794</v>
      </c>
      <c r="D23" s="18">
        <v>1568</v>
      </c>
    </row>
    <row r="24" spans="1:4" ht="18" customHeight="1" x14ac:dyDescent="0.15">
      <c r="A24" s="5">
        <v>15</v>
      </c>
      <c r="B24" s="22">
        <v>74</v>
      </c>
      <c r="C24" s="14">
        <v>63</v>
      </c>
      <c r="D24" s="18">
        <v>137</v>
      </c>
    </row>
    <row r="25" spans="1:4" ht="18" customHeight="1" x14ac:dyDescent="0.15">
      <c r="A25" s="5">
        <v>16</v>
      </c>
      <c r="B25" s="22">
        <v>52</v>
      </c>
      <c r="C25" s="14">
        <v>62</v>
      </c>
      <c r="D25" s="18">
        <v>114</v>
      </c>
    </row>
    <row r="26" spans="1:4" ht="18" customHeight="1" x14ac:dyDescent="0.15">
      <c r="A26" s="5">
        <v>17</v>
      </c>
      <c r="B26" s="22">
        <v>53</v>
      </c>
      <c r="C26" s="14">
        <v>53</v>
      </c>
      <c r="D26" s="18">
        <v>106</v>
      </c>
    </row>
    <row r="27" spans="1:4" ht="18" customHeight="1" x14ac:dyDescent="0.15">
      <c r="A27" s="5">
        <v>18</v>
      </c>
      <c r="B27" s="22">
        <v>64</v>
      </c>
      <c r="C27" s="14">
        <v>63</v>
      </c>
      <c r="D27" s="18">
        <v>127</v>
      </c>
    </row>
    <row r="28" spans="1:4" ht="18" customHeight="1" x14ac:dyDescent="0.15">
      <c r="A28" s="5">
        <v>19</v>
      </c>
      <c r="B28" s="22">
        <v>68</v>
      </c>
      <c r="C28" s="14">
        <v>48</v>
      </c>
      <c r="D28" s="18">
        <v>116</v>
      </c>
    </row>
    <row r="29" spans="1:4" ht="18" customHeight="1" x14ac:dyDescent="0.15">
      <c r="A29" s="5" t="s">
        <v>14</v>
      </c>
      <c r="B29" s="22">
        <v>311</v>
      </c>
      <c r="C29" s="14">
        <v>289</v>
      </c>
      <c r="D29" s="18">
        <v>600</v>
      </c>
    </row>
    <row r="30" spans="1:4" ht="18" customHeight="1" x14ac:dyDescent="0.15">
      <c r="A30" s="5">
        <v>20</v>
      </c>
      <c r="B30" s="22">
        <v>69</v>
      </c>
      <c r="C30" s="14">
        <v>68</v>
      </c>
      <c r="D30" s="18">
        <v>137</v>
      </c>
    </row>
    <row r="31" spans="1:4" ht="18" customHeight="1" x14ac:dyDescent="0.15">
      <c r="A31" s="5">
        <v>21</v>
      </c>
      <c r="B31" s="22">
        <v>48</v>
      </c>
      <c r="C31" s="14">
        <v>69</v>
      </c>
      <c r="D31" s="18">
        <v>117</v>
      </c>
    </row>
    <row r="32" spans="1:4" ht="18" customHeight="1" x14ac:dyDescent="0.15">
      <c r="A32" s="5">
        <v>22</v>
      </c>
      <c r="B32" s="22">
        <v>55</v>
      </c>
      <c r="C32" s="14">
        <v>68</v>
      </c>
      <c r="D32" s="18">
        <v>123</v>
      </c>
    </row>
    <row r="33" spans="1:4" ht="18" customHeight="1" x14ac:dyDescent="0.15">
      <c r="A33" s="5">
        <v>23</v>
      </c>
      <c r="B33" s="22">
        <v>68</v>
      </c>
      <c r="C33" s="14">
        <v>67</v>
      </c>
      <c r="D33" s="18">
        <v>135</v>
      </c>
    </row>
    <row r="34" spans="1:4" ht="18" customHeight="1" x14ac:dyDescent="0.15">
      <c r="A34" s="5">
        <v>24</v>
      </c>
      <c r="B34" s="22">
        <v>89</v>
      </c>
      <c r="C34" s="14">
        <v>77</v>
      </c>
      <c r="D34" s="18">
        <v>166</v>
      </c>
    </row>
    <row r="35" spans="1:4" ht="18" customHeight="1" x14ac:dyDescent="0.15">
      <c r="A35" s="5" t="s">
        <v>9</v>
      </c>
      <c r="B35" s="22">
        <v>329</v>
      </c>
      <c r="C35" s="14">
        <v>349</v>
      </c>
      <c r="D35" s="18">
        <v>678</v>
      </c>
    </row>
    <row r="36" spans="1:4" ht="18" customHeight="1" x14ac:dyDescent="0.15">
      <c r="A36" s="5">
        <v>25</v>
      </c>
      <c r="B36" s="22">
        <v>89</v>
      </c>
      <c r="C36" s="14">
        <v>93</v>
      </c>
      <c r="D36" s="18">
        <v>182</v>
      </c>
    </row>
    <row r="37" spans="1:4" ht="18" customHeight="1" x14ac:dyDescent="0.15">
      <c r="A37" s="5">
        <v>26</v>
      </c>
      <c r="B37" s="22">
        <v>91</v>
      </c>
      <c r="C37" s="14">
        <v>87</v>
      </c>
      <c r="D37" s="18">
        <v>178</v>
      </c>
    </row>
    <row r="38" spans="1:4" ht="18" customHeight="1" x14ac:dyDescent="0.15">
      <c r="A38" s="5">
        <v>27</v>
      </c>
      <c r="B38" s="22">
        <v>82</v>
      </c>
      <c r="C38" s="14">
        <v>78</v>
      </c>
      <c r="D38" s="18">
        <v>160</v>
      </c>
    </row>
    <row r="39" spans="1:4" ht="18" customHeight="1" x14ac:dyDescent="0.15">
      <c r="A39" s="5">
        <v>28</v>
      </c>
      <c r="B39" s="22">
        <v>92</v>
      </c>
      <c r="C39" s="14">
        <v>86</v>
      </c>
      <c r="D39" s="18">
        <v>178</v>
      </c>
    </row>
    <row r="40" spans="1:4" ht="18" customHeight="1" x14ac:dyDescent="0.15">
      <c r="A40" s="5">
        <v>29</v>
      </c>
      <c r="B40" s="22">
        <v>114</v>
      </c>
      <c r="C40" s="14">
        <v>90</v>
      </c>
      <c r="D40" s="18">
        <v>204</v>
      </c>
    </row>
    <row r="41" spans="1:4" ht="18" customHeight="1" x14ac:dyDescent="0.15">
      <c r="A41" s="5" t="s">
        <v>2</v>
      </c>
      <c r="B41" s="22">
        <v>468</v>
      </c>
      <c r="C41" s="14">
        <v>434</v>
      </c>
      <c r="D41" s="18">
        <v>902</v>
      </c>
    </row>
    <row r="42" spans="1:4" ht="18" customHeight="1" x14ac:dyDescent="0.15">
      <c r="A42" s="5">
        <v>30</v>
      </c>
      <c r="B42" s="22">
        <v>91</v>
      </c>
      <c r="C42" s="14">
        <v>80</v>
      </c>
      <c r="D42" s="18">
        <v>171</v>
      </c>
    </row>
    <row r="43" spans="1:4" ht="18" customHeight="1" x14ac:dyDescent="0.15">
      <c r="A43" s="5">
        <v>31</v>
      </c>
      <c r="B43" s="22">
        <v>109</v>
      </c>
      <c r="C43" s="14">
        <v>86</v>
      </c>
      <c r="D43" s="18">
        <v>195</v>
      </c>
    </row>
    <row r="44" spans="1:4" ht="18" customHeight="1" x14ac:dyDescent="0.15">
      <c r="A44" s="5">
        <v>32</v>
      </c>
      <c r="B44" s="22">
        <v>82</v>
      </c>
      <c r="C44" s="14">
        <v>65</v>
      </c>
      <c r="D44" s="18">
        <v>147</v>
      </c>
    </row>
    <row r="45" spans="1:4" ht="18" customHeight="1" x14ac:dyDescent="0.15">
      <c r="A45" s="5">
        <v>33</v>
      </c>
      <c r="B45" s="22">
        <v>80</v>
      </c>
      <c r="C45" s="14">
        <v>92</v>
      </c>
      <c r="D45" s="18">
        <v>172</v>
      </c>
    </row>
    <row r="46" spans="1:4" ht="18" customHeight="1" x14ac:dyDescent="0.15">
      <c r="A46" s="5">
        <v>34</v>
      </c>
      <c r="B46" s="22">
        <v>91</v>
      </c>
      <c r="C46" s="14">
        <v>84</v>
      </c>
      <c r="D46" s="18">
        <v>175</v>
      </c>
    </row>
    <row r="47" spans="1:4" ht="18" customHeight="1" x14ac:dyDescent="0.15">
      <c r="A47" s="5" t="s">
        <v>15</v>
      </c>
      <c r="B47" s="22">
        <v>453</v>
      </c>
      <c r="C47" s="14">
        <v>407</v>
      </c>
      <c r="D47" s="18">
        <v>860</v>
      </c>
    </row>
    <row r="48" spans="1:4" ht="18" customHeight="1" x14ac:dyDescent="0.15">
      <c r="A48" s="5">
        <v>35</v>
      </c>
      <c r="B48" s="22">
        <v>104</v>
      </c>
      <c r="C48" s="14">
        <v>77</v>
      </c>
      <c r="D48" s="18">
        <v>181</v>
      </c>
    </row>
    <row r="49" spans="1:4" ht="18" customHeight="1" x14ac:dyDescent="0.15">
      <c r="A49" s="5">
        <v>36</v>
      </c>
      <c r="B49" s="22">
        <v>78</v>
      </c>
      <c r="C49" s="14">
        <v>75</v>
      </c>
      <c r="D49" s="18">
        <v>153</v>
      </c>
    </row>
    <row r="50" spans="1:4" ht="18" customHeight="1" x14ac:dyDescent="0.15">
      <c r="A50" s="5">
        <v>37</v>
      </c>
      <c r="B50" s="22">
        <v>72</v>
      </c>
      <c r="C50" s="14">
        <v>76</v>
      </c>
      <c r="D50" s="18">
        <v>148</v>
      </c>
    </row>
    <row r="51" spans="1:4" ht="18" customHeight="1" x14ac:dyDescent="0.15">
      <c r="A51" s="5">
        <v>38</v>
      </c>
      <c r="B51" s="22">
        <v>62</v>
      </c>
      <c r="C51" s="14">
        <v>68</v>
      </c>
      <c r="D51" s="18">
        <v>130</v>
      </c>
    </row>
    <row r="52" spans="1:4" ht="18" customHeight="1" x14ac:dyDescent="0.15">
      <c r="A52" s="5">
        <v>39</v>
      </c>
      <c r="B52" s="22">
        <v>92</v>
      </c>
      <c r="C52" s="14">
        <v>61</v>
      </c>
      <c r="D52" s="18">
        <v>153</v>
      </c>
    </row>
    <row r="53" spans="1:4" ht="18" customHeight="1" x14ac:dyDescent="0.15">
      <c r="A53" s="5" t="s">
        <v>18</v>
      </c>
      <c r="B53" s="22">
        <v>408</v>
      </c>
      <c r="C53" s="14">
        <v>357</v>
      </c>
      <c r="D53" s="18">
        <v>765</v>
      </c>
    </row>
    <row r="54" spans="1:4" ht="18" customHeight="1" x14ac:dyDescent="0.15">
      <c r="A54" s="5">
        <v>40</v>
      </c>
      <c r="B54" s="22">
        <v>89</v>
      </c>
      <c r="C54" s="14">
        <v>84</v>
      </c>
      <c r="D54" s="18">
        <v>173</v>
      </c>
    </row>
    <row r="55" spans="1:4" ht="18" customHeight="1" x14ac:dyDescent="0.15">
      <c r="A55" s="5">
        <v>41</v>
      </c>
      <c r="B55" s="22">
        <v>96</v>
      </c>
      <c r="C55" s="14">
        <v>85</v>
      </c>
      <c r="D55" s="18">
        <v>181</v>
      </c>
    </row>
    <row r="56" spans="1:4" ht="18" customHeight="1" x14ac:dyDescent="0.15">
      <c r="A56" s="5">
        <v>42</v>
      </c>
      <c r="B56" s="22">
        <v>91</v>
      </c>
      <c r="C56" s="14">
        <v>68</v>
      </c>
      <c r="D56" s="18">
        <v>159</v>
      </c>
    </row>
    <row r="57" spans="1:4" ht="18" customHeight="1" x14ac:dyDescent="0.15">
      <c r="A57" s="5">
        <v>43</v>
      </c>
      <c r="B57" s="22">
        <v>96</v>
      </c>
      <c r="C57" s="14">
        <v>77</v>
      </c>
      <c r="D57" s="18">
        <v>173</v>
      </c>
    </row>
    <row r="58" spans="1:4" ht="18" customHeight="1" x14ac:dyDescent="0.15">
      <c r="A58" s="5">
        <v>44</v>
      </c>
      <c r="B58" s="22">
        <v>86</v>
      </c>
      <c r="C58" s="14">
        <v>84</v>
      </c>
      <c r="D58" s="18">
        <v>170</v>
      </c>
    </row>
    <row r="59" spans="1:4" ht="18" customHeight="1" x14ac:dyDescent="0.15">
      <c r="A59" s="5" t="s">
        <v>21</v>
      </c>
      <c r="B59" s="22">
        <v>458</v>
      </c>
      <c r="C59" s="14">
        <v>398</v>
      </c>
      <c r="D59" s="18">
        <v>856</v>
      </c>
    </row>
    <row r="60" spans="1:4" ht="18" customHeight="1" x14ac:dyDescent="0.15">
      <c r="A60" s="5">
        <v>45</v>
      </c>
      <c r="B60" s="22">
        <v>95</v>
      </c>
      <c r="C60" s="14">
        <v>92</v>
      </c>
      <c r="D60" s="18">
        <v>187</v>
      </c>
    </row>
    <row r="61" spans="1:4" ht="18" customHeight="1" x14ac:dyDescent="0.15">
      <c r="A61" s="5">
        <v>46</v>
      </c>
      <c r="B61" s="22">
        <v>94</v>
      </c>
      <c r="C61" s="14">
        <v>78</v>
      </c>
      <c r="D61" s="18">
        <v>172</v>
      </c>
    </row>
    <row r="62" spans="1:4" ht="18" customHeight="1" x14ac:dyDescent="0.15">
      <c r="A62" s="5">
        <v>47</v>
      </c>
      <c r="B62" s="22">
        <v>111</v>
      </c>
      <c r="C62" s="14">
        <v>114</v>
      </c>
      <c r="D62" s="18">
        <v>225</v>
      </c>
    </row>
    <row r="63" spans="1:4" ht="18" customHeight="1" x14ac:dyDescent="0.15">
      <c r="A63" s="5">
        <v>48</v>
      </c>
      <c r="B63" s="22">
        <v>114</v>
      </c>
      <c r="C63" s="14">
        <v>85</v>
      </c>
      <c r="D63" s="18">
        <v>199</v>
      </c>
    </row>
    <row r="64" spans="1:4" ht="18" customHeight="1" x14ac:dyDescent="0.15">
      <c r="A64" s="5">
        <v>49</v>
      </c>
      <c r="B64" s="22">
        <v>101</v>
      </c>
      <c r="C64" s="14">
        <v>106</v>
      </c>
      <c r="D64" s="18">
        <v>207</v>
      </c>
    </row>
    <row r="65" spans="1:4" ht="18" customHeight="1" x14ac:dyDescent="0.15">
      <c r="A65" s="5" t="s">
        <v>17</v>
      </c>
      <c r="B65" s="22">
        <v>515</v>
      </c>
      <c r="C65" s="14">
        <v>475</v>
      </c>
      <c r="D65" s="18">
        <v>990</v>
      </c>
    </row>
    <row r="66" spans="1:4" ht="18" customHeight="1" x14ac:dyDescent="0.15">
      <c r="A66" s="5">
        <v>50</v>
      </c>
      <c r="B66" s="22">
        <v>125</v>
      </c>
      <c r="C66" s="14">
        <v>108</v>
      </c>
      <c r="D66" s="18">
        <v>233</v>
      </c>
    </row>
    <row r="67" spans="1:4" ht="18" customHeight="1" x14ac:dyDescent="0.15">
      <c r="A67" s="5">
        <v>51</v>
      </c>
      <c r="B67" s="22">
        <v>110</v>
      </c>
      <c r="C67" s="14">
        <v>121</v>
      </c>
      <c r="D67" s="18">
        <v>231</v>
      </c>
    </row>
    <row r="68" spans="1:4" ht="18" customHeight="1" x14ac:dyDescent="0.15">
      <c r="A68" s="5">
        <v>52</v>
      </c>
      <c r="B68" s="22">
        <v>125</v>
      </c>
      <c r="C68" s="14">
        <v>103</v>
      </c>
      <c r="D68" s="18">
        <v>228</v>
      </c>
    </row>
    <row r="69" spans="1:4" ht="18" customHeight="1" x14ac:dyDescent="0.15">
      <c r="A69" s="5">
        <v>53</v>
      </c>
      <c r="B69" s="22">
        <v>114</v>
      </c>
      <c r="C69" s="14">
        <v>121</v>
      </c>
      <c r="D69" s="18">
        <v>235</v>
      </c>
    </row>
    <row r="70" spans="1:4" ht="18" customHeight="1" x14ac:dyDescent="0.15">
      <c r="A70" s="5">
        <v>54</v>
      </c>
      <c r="B70" s="22">
        <v>112</v>
      </c>
      <c r="C70" s="14">
        <v>83</v>
      </c>
      <c r="D70" s="18">
        <v>195</v>
      </c>
    </row>
    <row r="71" spans="1:4" ht="18" customHeight="1" x14ac:dyDescent="0.15">
      <c r="A71" s="5" t="s">
        <v>22</v>
      </c>
      <c r="B71" s="22">
        <v>586</v>
      </c>
      <c r="C71" s="14">
        <v>536</v>
      </c>
      <c r="D71" s="18">
        <v>1122</v>
      </c>
    </row>
    <row r="72" spans="1:4" ht="18" customHeight="1" x14ac:dyDescent="0.15">
      <c r="A72" s="5">
        <v>55</v>
      </c>
      <c r="B72" s="22">
        <v>111</v>
      </c>
      <c r="C72" s="14">
        <v>108</v>
      </c>
      <c r="D72" s="18">
        <v>219</v>
      </c>
    </row>
    <row r="73" spans="1:4" ht="18" customHeight="1" x14ac:dyDescent="0.15">
      <c r="A73" s="5">
        <v>56</v>
      </c>
      <c r="B73" s="22">
        <v>89</v>
      </c>
      <c r="C73" s="14">
        <v>84</v>
      </c>
      <c r="D73" s="18">
        <v>173</v>
      </c>
    </row>
    <row r="74" spans="1:4" ht="18" customHeight="1" x14ac:dyDescent="0.15">
      <c r="A74" s="5">
        <v>57</v>
      </c>
      <c r="B74" s="22">
        <v>94</v>
      </c>
      <c r="C74" s="14">
        <v>93</v>
      </c>
      <c r="D74" s="18">
        <v>187</v>
      </c>
    </row>
    <row r="75" spans="1:4" ht="18" customHeight="1" x14ac:dyDescent="0.15">
      <c r="A75" s="5">
        <v>58</v>
      </c>
      <c r="B75" s="22">
        <v>79</v>
      </c>
      <c r="C75" s="14">
        <v>88</v>
      </c>
      <c r="D75" s="18">
        <v>167</v>
      </c>
    </row>
    <row r="76" spans="1:4" ht="18" customHeight="1" x14ac:dyDescent="0.15">
      <c r="A76" s="5">
        <v>59</v>
      </c>
      <c r="B76" s="22">
        <v>65</v>
      </c>
      <c r="C76" s="14">
        <v>75</v>
      </c>
      <c r="D76" s="18">
        <v>140</v>
      </c>
    </row>
    <row r="77" spans="1:4" ht="18" customHeight="1" x14ac:dyDescent="0.15">
      <c r="A77" s="5" t="s">
        <v>27</v>
      </c>
      <c r="B77" s="22">
        <v>438</v>
      </c>
      <c r="C77" s="14">
        <v>448</v>
      </c>
      <c r="D77" s="18">
        <v>886</v>
      </c>
    </row>
    <row r="78" spans="1:4" ht="18" customHeight="1" x14ac:dyDescent="0.15">
      <c r="A78" s="5">
        <v>60</v>
      </c>
      <c r="B78" s="22">
        <v>83</v>
      </c>
      <c r="C78" s="14">
        <v>85</v>
      </c>
      <c r="D78" s="18">
        <v>168</v>
      </c>
    </row>
    <row r="79" spans="1:4" ht="18" customHeight="1" x14ac:dyDescent="0.15">
      <c r="A79" s="5">
        <v>61</v>
      </c>
      <c r="B79" s="22">
        <v>74</v>
      </c>
      <c r="C79" s="14">
        <v>99</v>
      </c>
      <c r="D79" s="18">
        <v>173</v>
      </c>
    </row>
    <row r="80" spans="1:4" ht="18" customHeight="1" x14ac:dyDescent="0.15">
      <c r="A80" s="5">
        <v>62</v>
      </c>
      <c r="B80" s="22">
        <v>85</v>
      </c>
      <c r="C80" s="14">
        <v>85</v>
      </c>
      <c r="D80" s="18">
        <v>170</v>
      </c>
    </row>
    <row r="81" spans="1:4" ht="18" customHeight="1" x14ac:dyDescent="0.15">
      <c r="A81" s="5">
        <v>63</v>
      </c>
      <c r="B81" s="22">
        <v>65</v>
      </c>
      <c r="C81" s="14">
        <v>75</v>
      </c>
      <c r="D81" s="18">
        <v>140</v>
      </c>
    </row>
    <row r="82" spans="1:4" ht="18" customHeight="1" x14ac:dyDescent="0.15">
      <c r="A82" s="5">
        <v>64</v>
      </c>
      <c r="B82" s="22">
        <v>62</v>
      </c>
      <c r="C82" s="14">
        <v>55</v>
      </c>
      <c r="D82" s="18">
        <v>117</v>
      </c>
    </row>
    <row r="83" spans="1:4" ht="18" customHeight="1" x14ac:dyDescent="0.15">
      <c r="A83" s="5" t="s">
        <v>28</v>
      </c>
      <c r="B83" s="22">
        <v>369</v>
      </c>
      <c r="C83" s="14">
        <v>399</v>
      </c>
      <c r="D83" s="18">
        <v>768</v>
      </c>
    </row>
    <row r="84" spans="1:4" ht="18" customHeight="1" x14ac:dyDescent="0.15">
      <c r="A84" s="5" t="s">
        <v>31</v>
      </c>
      <c r="B84" s="22">
        <v>4335</v>
      </c>
      <c r="C84" s="14">
        <v>4092</v>
      </c>
      <c r="D84" s="18">
        <v>8427</v>
      </c>
    </row>
    <row r="85" spans="1:4" ht="18" customHeight="1" x14ac:dyDescent="0.15">
      <c r="A85" s="5">
        <v>65</v>
      </c>
      <c r="B85" s="22">
        <v>68</v>
      </c>
      <c r="C85" s="14">
        <v>71</v>
      </c>
      <c r="D85" s="18">
        <v>139</v>
      </c>
    </row>
    <row r="86" spans="1:4" ht="18" customHeight="1" x14ac:dyDescent="0.15">
      <c r="A86" s="5">
        <v>66</v>
      </c>
      <c r="B86" s="22">
        <v>67</v>
      </c>
      <c r="C86" s="14">
        <v>84</v>
      </c>
      <c r="D86" s="18">
        <v>151</v>
      </c>
    </row>
    <row r="87" spans="1:4" ht="18" customHeight="1" x14ac:dyDescent="0.15">
      <c r="A87" s="5">
        <v>67</v>
      </c>
      <c r="B87" s="22">
        <v>54</v>
      </c>
      <c r="C87" s="14">
        <v>66</v>
      </c>
      <c r="D87" s="18">
        <v>120</v>
      </c>
    </row>
    <row r="88" spans="1:4" ht="18" customHeight="1" x14ac:dyDescent="0.15">
      <c r="A88" s="5">
        <v>68</v>
      </c>
      <c r="B88" s="22">
        <v>63</v>
      </c>
      <c r="C88" s="14">
        <v>70</v>
      </c>
      <c r="D88" s="18">
        <v>133</v>
      </c>
    </row>
    <row r="89" spans="1:4" ht="18" customHeight="1" x14ac:dyDescent="0.15">
      <c r="A89" s="5">
        <v>69</v>
      </c>
      <c r="B89" s="22">
        <v>59</v>
      </c>
      <c r="C89" s="14">
        <v>68</v>
      </c>
      <c r="D89" s="18">
        <v>127</v>
      </c>
    </row>
    <row r="90" spans="1:4" ht="18" customHeight="1" x14ac:dyDescent="0.15">
      <c r="A90" s="5" t="s">
        <v>20</v>
      </c>
      <c r="B90" s="22">
        <v>311</v>
      </c>
      <c r="C90" s="14">
        <v>359</v>
      </c>
      <c r="D90" s="18">
        <v>670</v>
      </c>
    </row>
    <row r="91" spans="1:4" ht="18" customHeight="1" x14ac:dyDescent="0.15">
      <c r="A91" s="5">
        <v>70</v>
      </c>
      <c r="B91" s="22">
        <v>68</v>
      </c>
      <c r="C91" s="14">
        <v>82</v>
      </c>
      <c r="D91" s="18">
        <v>150</v>
      </c>
    </row>
    <row r="92" spans="1:4" ht="18" customHeight="1" x14ac:dyDescent="0.15">
      <c r="A92" s="5">
        <v>71</v>
      </c>
      <c r="B92" s="22">
        <v>71</v>
      </c>
      <c r="C92" s="14">
        <v>88</v>
      </c>
      <c r="D92" s="18">
        <v>159</v>
      </c>
    </row>
    <row r="93" spans="1:4" ht="18" customHeight="1" x14ac:dyDescent="0.15">
      <c r="A93" s="5">
        <v>72</v>
      </c>
      <c r="B93" s="22">
        <v>60</v>
      </c>
      <c r="C93" s="14">
        <v>86</v>
      </c>
      <c r="D93" s="18">
        <v>146</v>
      </c>
    </row>
    <row r="94" spans="1:4" ht="18" customHeight="1" x14ac:dyDescent="0.15">
      <c r="A94" s="5">
        <v>73</v>
      </c>
      <c r="B94" s="22">
        <v>69</v>
      </c>
      <c r="C94" s="14">
        <v>65</v>
      </c>
      <c r="D94" s="18">
        <v>134</v>
      </c>
    </row>
    <row r="95" spans="1:4" ht="18" customHeight="1" x14ac:dyDescent="0.15">
      <c r="A95" s="5">
        <v>74</v>
      </c>
      <c r="B95" s="22">
        <v>79</v>
      </c>
      <c r="C95" s="14">
        <v>73</v>
      </c>
      <c r="D95" s="18">
        <v>152</v>
      </c>
    </row>
    <row r="96" spans="1:4" ht="18" customHeight="1" x14ac:dyDescent="0.15">
      <c r="A96" s="5" t="s">
        <v>33</v>
      </c>
      <c r="B96" s="22">
        <v>347</v>
      </c>
      <c r="C96" s="14">
        <v>394</v>
      </c>
      <c r="D96" s="18">
        <v>741</v>
      </c>
    </row>
    <row r="97" spans="1:4" ht="18" customHeight="1" x14ac:dyDescent="0.15">
      <c r="A97" s="5">
        <v>75</v>
      </c>
      <c r="B97" s="22">
        <v>76</v>
      </c>
      <c r="C97" s="14">
        <v>96</v>
      </c>
      <c r="D97" s="18">
        <v>172</v>
      </c>
    </row>
    <row r="98" spans="1:4" ht="18" customHeight="1" x14ac:dyDescent="0.15">
      <c r="A98" s="5">
        <v>76</v>
      </c>
      <c r="B98" s="22">
        <v>79</v>
      </c>
      <c r="C98" s="14">
        <v>91</v>
      </c>
      <c r="D98" s="18">
        <v>170</v>
      </c>
    </row>
    <row r="99" spans="1:4" ht="18" customHeight="1" x14ac:dyDescent="0.15">
      <c r="A99" s="5">
        <v>77</v>
      </c>
      <c r="B99" s="22">
        <v>84</v>
      </c>
      <c r="C99" s="14">
        <v>86</v>
      </c>
      <c r="D99" s="18">
        <v>170</v>
      </c>
    </row>
    <row r="100" spans="1:4" ht="18" customHeight="1" x14ac:dyDescent="0.15">
      <c r="A100" s="5">
        <v>78</v>
      </c>
      <c r="B100" s="22">
        <v>91</v>
      </c>
      <c r="C100" s="14">
        <v>100</v>
      </c>
      <c r="D100" s="18">
        <v>191</v>
      </c>
    </row>
    <row r="101" spans="1:4" ht="18" customHeight="1" x14ac:dyDescent="0.15">
      <c r="A101" s="5">
        <v>79</v>
      </c>
      <c r="B101" s="22">
        <v>48</v>
      </c>
      <c r="C101" s="14">
        <v>64</v>
      </c>
      <c r="D101" s="18">
        <v>112</v>
      </c>
    </row>
    <row r="102" spans="1:4" ht="18" customHeight="1" x14ac:dyDescent="0.15">
      <c r="A102" s="5" t="s">
        <v>0</v>
      </c>
      <c r="B102" s="22">
        <v>378</v>
      </c>
      <c r="C102" s="14">
        <v>437</v>
      </c>
      <c r="D102" s="18">
        <v>815</v>
      </c>
    </row>
    <row r="103" spans="1:4" ht="18" customHeight="1" x14ac:dyDescent="0.15">
      <c r="A103" s="5">
        <v>80</v>
      </c>
      <c r="B103" s="22">
        <v>51</v>
      </c>
      <c r="C103" s="14">
        <v>62</v>
      </c>
      <c r="D103" s="18">
        <v>113</v>
      </c>
    </row>
    <row r="104" spans="1:4" ht="18" customHeight="1" x14ac:dyDescent="0.15">
      <c r="A104" s="5">
        <v>81</v>
      </c>
      <c r="B104" s="22">
        <v>48</v>
      </c>
      <c r="C104" s="14">
        <v>77</v>
      </c>
      <c r="D104" s="18">
        <v>125</v>
      </c>
    </row>
    <row r="105" spans="1:4" ht="18" customHeight="1" x14ac:dyDescent="0.15">
      <c r="A105" s="5">
        <v>82</v>
      </c>
      <c r="B105" s="22">
        <v>44</v>
      </c>
      <c r="C105" s="14">
        <v>88</v>
      </c>
      <c r="D105" s="18">
        <v>132</v>
      </c>
    </row>
    <row r="106" spans="1:4" ht="18" customHeight="1" x14ac:dyDescent="0.15">
      <c r="A106" s="5">
        <v>83</v>
      </c>
      <c r="B106" s="22">
        <v>45</v>
      </c>
      <c r="C106" s="14">
        <v>74</v>
      </c>
      <c r="D106" s="18">
        <v>119</v>
      </c>
    </row>
    <row r="107" spans="1:4" ht="18" customHeight="1" x14ac:dyDescent="0.15">
      <c r="A107" s="5">
        <v>84</v>
      </c>
      <c r="B107" s="22">
        <v>35</v>
      </c>
      <c r="C107" s="14">
        <v>68</v>
      </c>
      <c r="D107" s="18">
        <v>103</v>
      </c>
    </row>
    <row r="108" spans="1:4" ht="18" customHeight="1" x14ac:dyDescent="0.15">
      <c r="A108" s="5" t="s">
        <v>35</v>
      </c>
      <c r="B108" s="22">
        <v>223</v>
      </c>
      <c r="C108" s="14">
        <v>369</v>
      </c>
      <c r="D108" s="18">
        <v>592</v>
      </c>
    </row>
    <row r="109" spans="1:4" ht="18" customHeight="1" x14ac:dyDescent="0.15">
      <c r="A109" s="5">
        <v>85</v>
      </c>
      <c r="B109" s="22">
        <v>45</v>
      </c>
      <c r="C109" s="14">
        <v>80</v>
      </c>
      <c r="D109" s="18">
        <v>125</v>
      </c>
    </row>
    <row r="110" spans="1:4" ht="18" customHeight="1" x14ac:dyDescent="0.15">
      <c r="A110" s="5">
        <v>86</v>
      </c>
      <c r="B110" s="22">
        <v>41</v>
      </c>
      <c r="C110" s="14">
        <v>53</v>
      </c>
      <c r="D110" s="18">
        <v>94</v>
      </c>
    </row>
    <row r="111" spans="1:4" ht="18" customHeight="1" x14ac:dyDescent="0.15">
      <c r="A111" s="5">
        <v>87</v>
      </c>
      <c r="B111" s="22">
        <v>25</v>
      </c>
      <c r="C111" s="14">
        <v>43</v>
      </c>
      <c r="D111" s="18">
        <v>68</v>
      </c>
    </row>
    <row r="112" spans="1:4" ht="18" customHeight="1" x14ac:dyDescent="0.15">
      <c r="A112" s="5">
        <v>88</v>
      </c>
      <c r="B112" s="22">
        <v>22</v>
      </c>
      <c r="C112" s="14">
        <v>61</v>
      </c>
      <c r="D112" s="18">
        <v>83</v>
      </c>
    </row>
    <row r="113" spans="1:4" ht="18" customHeight="1" x14ac:dyDescent="0.15">
      <c r="A113" s="5">
        <v>89</v>
      </c>
      <c r="B113" s="22">
        <v>30</v>
      </c>
      <c r="C113" s="14">
        <v>38</v>
      </c>
      <c r="D113" s="18">
        <v>68</v>
      </c>
    </row>
    <row r="114" spans="1:4" ht="18" customHeight="1" x14ac:dyDescent="0.15">
      <c r="A114" s="5" t="s">
        <v>37</v>
      </c>
      <c r="B114" s="22">
        <v>163</v>
      </c>
      <c r="C114" s="14">
        <v>275</v>
      </c>
      <c r="D114" s="18">
        <v>438</v>
      </c>
    </row>
    <row r="115" spans="1:4" ht="18" customHeight="1" x14ac:dyDescent="0.15">
      <c r="A115" s="5">
        <v>90</v>
      </c>
      <c r="B115" s="22">
        <v>22</v>
      </c>
      <c r="C115" s="14">
        <v>40</v>
      </c>
      <c r="D115" s="18">
        <v>62</v>
      </c>
    </row>
    <row r="116" spans="1:4" ht="18" customHeight="1" x14ac:dyDescent="0.15">
      <c r="A116" s="5">
        <v>91</v>
      </c>
      <c r="B116" s="22">
        <v>11</v>
      </c>
      <c r="C116" s="14">
        <v>22</v>
      </c>
      <c r="D116" s="18">
        <v>33</v>
      </c>
    </row>
    <row r="117" spans="1:4" ht="18" customHeight="1" x14ac:dyDescent="0.15">
      <c r="A117" s="5">
        <v>92</v>
      </c>
      <c r="B117" s="22">
        <v>11</v>
      </c>
      <c r="C117" s="14">
        <v>28</v>
      </c>
      <c r="D117" s="18">
        <v>39</v>
      </c>
    </row>
    <row r="118" spans="1:4" ht="18" customHeight="1" x14ac:dyDescent="0.15">
      <c r="A118" s="5">
        <v>93</v>
      </c>
      <c r="B118" s="22">
        <v>8</v>
      </c>
      <c r="C118" s="14">
        <v>31</v>
      </c>
      <c r="D118" s="18">
        <v>39</v>
      </c>
    </row>
    <row r="119" spans="1:4" ht="18" customHeight="1" x14ac:dyDescent="0.15">
      <c r="A119" s="5">
        <v>94</v>
      </c>
      <c r="B119" s="22">
        <v>8</v>
      </c>
      <c r="C119" s="14">
        <v>14</v>
      </c>
      <c r="D119" s="18">
        <v>22</v>
      </c>
    </row>
    <row r="120" spans="1:4" ht="18" customHeight="1" x14ac:dyDescent="0.15">
      <c r="A120" s="5" t="s">
        <v>39</v>
      </c>
      <c r="B120" s="22">
        <v>60</v>
      </c>
      <c r="C120" s="14">
        <v>135</v>
      </c>
      <c r="D120" s="18">
        <v>195</v>
      </c>
    </row>
    <row r="121" spans="1:4" ht="18" customHeight="1" x14ac:dyDescent="0.15">
      <c r="A121" s="5">
        <v>95</v>
      </c>
      <c r="B121" s="22">
        <v>7</v>
      </c>
      <c r="C121" s="14">
        <v>13</v>
      </c>
      <c r="D121" s="18">
        <v>20</v>
      </c>
    </row>
    <row r="122" spans="1:4" ht="18" customHeight="1" x14ac:dyDescent="0.15">
      <c r="A122" s="5">
        <v>96</v>
      </c>
      <c r="B122" s="22">
        <v>1</v>
      </c>
      <c r="C122" s="14">
        <v>14</v>
      </c>
      <c r="D122" s="18">
        <v>15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10</v>
      </c>
      <c r="D124" s="18">
        <v>12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12</v>
      </c>
      <c r="C126" s="14">
        <v>48</v>
      </c>
      <c r="D126" s="18">
        <v>6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5</v>
      </c>
      <c r="D129" s="18">
        <v>6</v>
      </c>
    </row>
    <row r="130" spans="1:4" ht="18" customHeight="1" x14ac:dyDescent="0.15">
      <c r="A130" s="5" t="s">
        <v>46</v>
      </c>
      <c r="B130" s="22">
        <v>1495</v>
      </c>
      <c r="C130" s="14">
        <v>2022</v>
      </c>
      <c r="D130" s="18">
        <v>3517</v>
      </c>
    </row>
    <row r="131" spans="1:4" ht="18" customHeight="1" x14ac:dyDescent="0.15">
      <c r="A131" s="7" t="s">
        <v>45</v>
      </c>
      <c r="B131" s="23">
        <v>6604</v>
      </c>
      <c r="C131" s="15">
        <v>6908</v>
      </c>
      <c r="D131" s="19">
        <v>135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3</v>
      </c>
      <c r="C5" s="13">
        <v>35</v>
      </c>
      <c r="D5" s="17">
        <v>68</v>
      </c>
    </row>
    <row r="6" spans="1:4" ht="18" customHeight="1" x14ac:dyDescent="0.15">
      <c r="A6" s="5">
        <v>1</v>
      </c>
      <c r="B6" s="22">
        <v>32</v>
      </c>
      <c r="C6" s="14">
        <v>35</v>
      </c>
      <c r="D6" s="18">
        <v>67</v>
      </c>
    </row>
    <row r="7" spans="1:4" ht="18" customHeight="1" x14ac:dyDescent="0.15">
      <c r="A7" s="5">
        <v>2</v>
      </c>
      <c r="B7" s="22">
        <v>28</v>
      </c>
      <c r="C7" s="14">
        <v>26</v>
      </c>
      <c r="D7" s="18">
        <v>54</v>
      </c>
    </row>
    <row r="8" spans="1:4" ht="18" customHeight="1" x14ac:dyDescent="0.15">
      <c r="A8" s="5">
        <v>3</v>
      </c>
      <c r="B8" s="22">
        <v>27</v>
      </c>
      <c r="C8" s="14">
        <v>33</v>
      </c>
      <c r="D8" s="18">
        <v>60</v>
      </c>
    </row>
    <row r="9" spans="1:4" ht="18" customHeight="1" x14ac:dyDescent="0.15">
      <c r="A9" s="5">
        <v>4</v>
      </c>
      <c r="B9" s="22">
        <v>31</v>
      </c>
      <c r="C9" s="14">
        <v>27</v>
      </c>
      <c r="D9" s="18">
        <v>58</v>
      </c>
    </row>
    <row r="10" spans="1:4" ht="18" customHeight="1" x14ac:dyDescent="0.15">
      <c r="A10" s="5" t="s">
        <v>7</v>
      </c>
      <c r="B10" s="22">
        <v>151</v>
      </c>
      <c r="C10" s="14">
        <v>156</v>
      </c>
      <c r="D10" s="18">
        <v>307</v>
      </c>
    </row>
    <row r="11" spans="1:4" ht="18" customHeight="1" x14ac:dyDescent="0.15">
      <c r="A11" s="5">
        <v>5</v>
      </c>
      <c r="B11" s="22">
        <v>27</v>
      </c>
      <c r="C11" s="14">
        <v>26</v>
      </c>
      <c r="D11" s="18">
        <v>53</v>
      </c>
    </row>
    <row r="12" spans="1:4" ht="18" customHeight="1" x14ac:dyDescent="0.15">
      <c r="A12" s="5">
        <v>6</v>
      </c>
      <c r="B12" s="22">
        <v>27</v>
      </c>
      <c r="C12" s="14">
        <v>31</v>
      </c>
      <c r="D12" s="18">
        <v>58</v>
      </c>
    </row>
    <row r="13" spans="1:4" ht="18" customHeight="1" x14ac:dyDescent="0.15">
      <c r="A13" s="5">
        <v>7</v>
      </c>
      <c r="B13" s="22">
        <v>23</v>
      </c>
      <c r="C13" s="14">
        <v>30</v>
      </c>
      <c r="D13" s="18">
        <v>53</v>
      </c>
    </row>
    <row r="14" spans="1:4" ht="18" customHeight="1" x14ac:dyDescent="0.15">
      <c r="A14" s="5">
        <v>8</v>
      </c>
      <c r="B14" s="22">
        <v>30</v>
      </c>
      <c r="C14" s="14">
        <v>32</v>
      </c>
      <c r="D14" s="18">
        <v>62</v>
      </c>
    </row>
    <row r="15" spans="1:4" ht="18" customHeight="1" x14ac:dyDescent="0.15">
      <c r="A15" s="5">
        <v>9</v>
      </c>
      <c r="B15" s="22">
        <v>40</v>
      </c>
      <c r="C15" s="14">
        <v>24</v>
      </c>
      <c r="D15" s="18">
        <v>64</v>
      </c>
    </row>
    <row r="16" spans="1:4" ht="18" customHeight="1" x14ac:dyDescent="0.15">
      <c r="A16" s="5" t="s">
        <v>11</v>
      </c>
      <c r="B16" s="22">
        <v>147</v>
      </c>
      <c r="C16" s="14">
        <v>143</v>
      </c>
      <c r="D16" s="18">
        <v>290</v>
      </c>
    </row>
    <row r="17" spans="1:4" ht="18" customHeight="1" x14ac:dyDescent="0.15">
      <c r="A17" s="5">
        <v>10</v>
      </c>
      <c r="B17" s="22">
        <v>35</v>
      </c>
      <c r="C17" s="14">
        <v>35</v>
      </c>
      <c r="D17" s="18">
        <v>70</v>
      </c>
    </row>
    <row r="18" spans="1:4" ht="18" customHeight="1" x14ac:dyDescent="0.15">
      <c r="A18" s="5">
        <v>11</v>
      </c>
      <c r="B18" s="22">
        <v>25</v>
      </c>
      <c r="C18" s="14">
        <v>26</v>
      </c>
      <c r="D18" s="18">
        <v>51</v>
      </c>
    </row>
    <row r="19" spans="1:4" ht="18" customHeight="1" x14ac:dyDescent="0.15">
      <c r="A19" s="5">
        <v>12</v>
      </c>
      <c r="B19" s="22">
        <v>28</v>
      </c>
      <c r="C19" s="14">
        <v>32</v>
      </c>
      <c r="D19" s="18">
        <v>60</v>
      </c>
    </row>
    <row r="20" spans="1:4" ht="18" customHeight="1" x14ac:dyDescent="0.15">
      <c r="A20" s="5">
        <v>13</v>
      </c>
      <c r="B20" s="22">
        <v>26</v>
      </c>
      <c r="C20" s="14">
        <v>26</v>
      </c>
      <c r="D20" s="18">
        <v>52</v>
      </c>
    </row>
    <row r="21" spans="1:4" ht="18" customHeight="1" x14ac:dyDescent="0.15">
      <c r="A21" s="5">
        <v>14</v>
      </c>
      <c r="B21" s="22">
        <v>21</v>
      </c>
      <c r="C21" s="14">
        <v>29</v>
      </c>
      <c r="D21" s="18">
        <v>50</v>
      </c>
    </row>
    <row r="22" spans="1:4" ht="18" customHeight="1" x14ac:dyDescent="0.15">
      <c r="A22" s="5" t="s">
        <v>12</v>
      </c>
      <c r="B22" s="22">
        <v>135</v>
      </c>
      <c r="C22" s="14">
        <v>148</v>
      </c>
      <c r="D22" s="18">
        <v>283</v>
      </c>
    </row>
    <row r="23" spans="1:4" ht="18" customHeight="1" x14ac:dyDescent="0.15">
      <c r="A23" s="5" t="s">
        <v>6</v>
      </c>
      <c r="B23" s="22">
        <v>433</v>
      </c>
      <c r="C23" s="14">
        <v>447</v>
      </c>
      <c r="D23" s="18">
        <v>880</v>
      </c>
    </row>
    <row r="24" spans="1:4" ht="18" customHeight="1" x14ac:dyDescent="0.15">
      <c r="A24" s="5">
        <v>15</v>
      </c>
      <c r="B24" s="22">
        <v>23</v>
      </c>
      <c r="C24" s="14">
        <v>15</v>
      </c>
      <c r="D24" s="18">
        <v>38</v>
      </c>
    </row>
    <row r="25" spans="1:4" ht="18" customHeight="1" x14ac:dyDescent="0.15">
      <c r="A25" s="5">
        <v>16</v>
      </c>
      <c r="B25" s="22">
        <v>15</v>
      </c>
      <c r="C25" s="14">
        <v>19</v>
      </c>
      <c r="D25" s="18">
        <v>34</v>
      </c>
    </row>
    <row r="26" spans="1:4" ht="18" customHeight="1" x14ac:dyDescent="0.15">
      <c r="A26" s="5">
        <v>17</v>
      </c>
      <c r="B26" s="22">
        <v>25</v>
      </c>
      <c r="C26" s="14">
        <v>16</v>
      </c>
      <c r="D26" s="18">
        <v>41</v>
      </c>
    </row>
    <row r="27" spans="1:4" ht="18" customHeight="1" x14ac:dyDescent="0.15">
      <c r="A27" s="5">
        <v>18</v>
      </c>
      <c r="B27" s="22">
        <v>32</v>
      </c>
      <c r="C27" s="14">
        <v>17</v>
      </c>
      <c r="D27" s="18">
        <v>49</v>
      </c>
    </row>
    <row r="28" spans="1:4" ht="18" customHeight="1" x14ac:dyDescent="0.15">
      <c r="A28" s="5">
        <v>19</v>
      </c>
      <c r="B28" s="22">
        <v>14</v>
      </c>
      <c r="C28" s="14">
        <v>24</v>
      </c>
      <c r="D28" s="18">
        <v>38</v>
      </c>
    </row>
    <row r="29" spans="1:4" ht="18" customHeight="1" x14ac:dyDescent="0.15">
      <c r="A29" s="5" t="s">
        <v>14</v>
      </c>
      <c r="B29" s="22">
        <v>109</v>
      </c>
      <c r="C29" s="14">
        <v>91</v>
      </c>
      <c r="D29" s="18">
        <v>200</v>
      </c>
    </row>
    <row r="30" spans="1:4" ht="18" customHeight="1" x14ac:dyDescent="0.15">
      <c r="A30" s="5">
        <v>20</v>
      </c>
      <c r="B30" s="22">
        <v>14</v>
      </c>
      <c r="C30" s="14">
        <v>30</v>
      </c>
      <c r="D30" s="18">
        <v>44</v>
      </c>
    </row>
    <row r="31" spans="1:4" ht="18" customHeight="1" x14ac:dyDescent="0.15">
      <c r="A31" s="5">
        <v>21</v>
      </c>
      <c r="B31" s="22">
        <v>22</v>
      </c>
      <c r="C31" s="14">
        <v>29</v>
      </c>
      <c r="D31" s="18">
        <v>51</v>
      </c>
    </row>
    <row r="32" spans="1:4" ht="18" customHeight="1" x14ac:dyDescent="0.15">
      <c r="A32" s="5">
        <v>22</v>
      </c>
      <c r="B32" s="22">
        <v>35</v>
      </c>
      <c r="C32" s="14">
        <v>24</v>
      </c>
      <c r="D32" s="18">
        <v>59</v>
      </c>
    </row>
    <row r="33" spans="1:4" ht="18" customHeight="1" x14ac:dyDescent="0.15">
      <c r="A33" s="5">
        <v>23</v>
      </c>
      <c r="B33" s="22">
        <v>34</v>
      </c>
      <c r="C33" s="14">
        <v>36</v>
      </c>
      <c r="D33" s="18">
        <v>70</v>
      </c>
    </row>
    <row r="34" spans="1:4" ht="18" customHeight="1" x14ac:dyDescent="0.15">
      <c r="A34" s="5">
        <v>24</v>
      </c>
      <c r="B34" s="22">
        <v>42</v>
      </c>
      <c r="C34" s="14">
        <v>38</v>
      </c>
      <c r="D34" s="18">
        <v>80</v>
      </c>
    </row>
    <row r="35" spans="1:4" ht="18" customHeight="1" x14ac:dyDescent="0.15">
      <c r="A35" s="5" t="s">
        <v>9</v>
      </c>
      <c r="B35" s="22">
        <v>147</v>
      </c>
      <c r="C35" s="14">
        <v>157</v>
      </c>
      <c r="D35" s="18">
        <v>304</v>
      </c>
    </row>
    <row r="36" spans="1:4" ht="18" customHeight="1" x14ac:dyDescent="0.15">
      <c r="A36" s="5">
        <v>25</v>
      </c>
      <c r="B36" s="22">
        <v>42</v>
      </c>
      <c r="C36" s="14">
        <v>37</v>
      </c>
      <c r="D36" s="18">
        <v>79</v>
      </c>
    </row>
    <row r="37" spans="1:4" ht="18" customHeight="1" x14ac:dyDescent="0.15">
      <c r="A37" s="5">
        <v>26</v>
      </c>
      <c r="B37" s="22">
        <v>49</v>
      </c>
      <c r="C37" s="14">
        <v>46</v>
      </c>
      <c r="D37" s="18">
        <v>95</v>
      </c>
    </row>
    <row r="38" spans="1:4" ht="18" customHeight="1" x14ac:dyDescent="0.15">
      <c r="A38" s="5">
        <v>27</v>
      </c>
      <c r="B38" s="22">
        <v>47</v>
      </c>
      <c r="C38" s="14">
        <v>48</v>
      </c>
      <c r="D38" s="18">
        <v>95</v>
      </c>
    </row>
    <row r="39" spans="1:4" ht="18" customHeight="1" x14ac:dyDescent="0.15">
      <c r="A39" s="5">
        <v>28</v>
      </c>
      <c r="B39" s="22">
        <v>47</v>
      </c>
      <c r="C39" s="14">
        <v>38</v>
      </c>
      <c r="D39" s="18">
        <v>85</v>
      </c>
    </row>
    <row r="40" spans="1:4" ht="18" customHeight="1" x14ac:dyDescent="0.15">
      <c r="A40" s="5">
        <v>29</v>
      </c>
      <c r="B40" s="22">
        <v>55</v>
      </c>
      <c r="C40" s="14">
        <v>42</v>
      </c>
      <c r="D40" s="18">
        <v>97</v>
      </c>
    </row>
    <row r="41" spans="1:4" ht="18" customHeight="1" x14ac:dyDescent="0.15">
      <c r="A41" s="5" t="s">
        <v>2</v>
      </c>
      <c r="B41" s="22">
        <v>240</v>
      </c>
      <c r="C41" s="14">
        <v>211</v>
      </c>
      <c r="D41" s="18">
        <v>451</v>
      </c>
    </row>
    <row r="42" spans="1:4" ht="18" customHeight="1" x14ac:dyDescent="0.15">
      <c r="A42" s="5">
        <v>30</v>
      </c>
      <c r="B42" s="22">
        <v>43</v>
      </c>
      <c r="C42" s="14">
        <v>40</v>
      </c>
      <c r="D42" s="18">
        <v>83</v>
      </c>
    </row>
    <row r="43" spans="1:4" ht="18" customHeight="1" x14ac:dyDescent="0.15">
      <c r="A43" s="5">
        <v>31</v>
      </c>
      <c r="B43" s="22">
        <v>52</v>
      </c>
      <c r="C43" s="14">
        <v>44</v>
      </c>
      <c r="D43" s="18">
        <v>96</v>
      </c>
    </row>
    <row r="44" spans="1:4" ht="18" customHeight="1" x14ac:dyDescent="0.15">
      <c r="A44" s="5">
        <v>32</v>
      </c>
      <c r="B44" s="22">
        <v>43</v>
      </c>
      <c r="C44" s="14">
        <v>48</v>
      </c>
      <c r="D44" s="18">
        <v>91</v>
      </c>
    </row>
    <row r="45" spans="1:4" ht="18" customHeight="1" x14ac:dyDescent="0.15">
      <c r="A45" s="5">
        <v>33</v>
      </c>
      <c r="B45" s="22">
        <v>45</v>
      </c>
      <c r="C45" s="14">
        <v>48</v>
      </c>
      <c r="D45" s="18">
        <v>93</v>
      </c>
    </row>
    <row r="46" spans="1:4" ht="18" customHeight="1" x14ac:dyDescent="0.15">
      <c r="A46" s="5">
        <v>34</v>
      </c>
      <c r="B46" s="22">
        <v>56</v>
      </c>
      <c r="C46" s="14">
        <v>51</v>
      </c>
      <c r="D46" s="18">
        <v>107</v>
      </c>
    </row>
    <row r="47" spans="1:4" ht="18" customHeight="1" x14ac:dyDescent="0.15">
      <c r="A47" s="5" t="s">
        <v>15</v>
      </c>
      <c r="B47" s="22">
        <v>239</v>
      </c>
      <c r="C47" s="14">
        <v>231</v>
      </c>
      <c r="D47" s="18">
        <v>470</v>
      </c>
    </row>
    <row r="48" spans="1:4" ht="18" customHeight="1" x14ac:dyDescent="0.15">
      <c r="A48" s="5">
        <v>35</v>
      </c>
      <c r="B48" s="22">
        <v>47</v>
      </c>
      <c r="C48" s="14">
        <v>31</v>
      </c>
      <c r="D48" s="18">
        <v>78</v>
      </c>
    </row>
    <row r="49" spans="1:4" ht="18" customHeight="1" x14ac:dyDescent="0.15">
      <c r="A49" s="5">
        <v>36</v>
      </c>
      <c r="B49" s="22">
        <v>40</v>
      </c>
      <c r="C49" s="14">
        <v>36</v>
      </c>
      <c r="D49" s="18">
        <v>76</v>
      </c>
    </row>
    <row r="50" spans="1:4" ht="18" customHeight="1" x14ac:dyDescent="0.15">
      <c r="A50" s="5">
        <v>37</v>
      </c>
      <c r="B50" s="22">
        <v>47</v>
      </c>
      <c r="C50" s="14">
        <v>43</v>
      </c>
      <c r="D50" s="18">
        <v>90</v>
      </c>
    </row>
    <row r="51" spans="1:4" ht="18" customHeight="1" x14ac:dyDescent="0.15">
      <c r="A51" s="5">
        <v>38</v>
      </c>
      <c r="B51" s="22">
        <v>46</v>
      </c>
      <c r="C51" s="14">
        <v>38</v>
      </c>
      <c r="D51" s="18">
        <v>84</v>
      </c>
    </row>
    <row r="52" spans="1:4" ht="18" customHeight="1" x14ac:dyDescent="0.15">
      <c r="A52" s="5">
        <v>39</v>
      </c>
      <c r="B52" s="22">
        <v>59</v>
      </c>
      <c r="C52" s="14">
        <v>50</v>
      </c>
      <c r="D52" s="18">
        <v>109</v>
      </c>
    </row>
    <row r="53" spans="1:4" ht="18" customHeight="1" x14ac:dyDescent="0.15">
      <c r="A53" s="5" t="s">
        <v>18</v>
      </c>
      <c r="B53" s="22">
        <v>239</v>
      </c>
      <c r="C53" s="14">
        <v>198</v>
      </c>
      <c r="D53" s="18">
        <v>437</v>
      </c>
    </row>
    <row r="54" spans="1:4" ht="18" customHeight="1" x14ac:dyDescent="0.15">
      <c r="A54" s="5">
        <v>40</v>
      </c>
      <c r="B54" s="22">
        <v>43</v>
      </c>
      <c r="C54" s="14">
        <v>43</v>
      </c>
      <c r="D54" s="18">
        <v>86</v>
      </c>
    </row>
    <row r="55" spans="1:4" ht="18" customHeight="1" x14ac:dyDescent="0.15">
      <c r="A55" s="5">
        <v>41</v>
      </c>
      <c r="B55" s="22">
        <v>49</v>
      </c>
      <c r="C55" s="14">
        <v>26</v>
      </c>
      <c r="D55" s="18">
        <v>75</v>
      </c>
    </row>
    <row r="56" spans="1:4" ht="18" customHeight="1" x14ac:dyDescent="0.15">
      <c r="A56" s="5">
        <v>42</v>
      </c>
      <c r="B56" s="22">
        <v>42</v>
      </c>
      <c r="C56" s="14">
        <v>38</v>
      </c>
      <c r="D56" s="18">
        <v>80</v>
      </c>
    </row>
    <row r="57" spans="1:4" ht="18" customHeight="1" x14ac:dyDescent="0.15">
      <c r="A57" s="5">
        <v>43</v>
      </c>
      <c r="B57" s="22">
        <v>45</v>
      </c>
      <c r="C57" s="14">
        <v>34</v>
      </c>
      <c r="D57" s="18">
        <v>79</v>
      </c>
    </row>
    <row r="58" spans="1:4" ht="18" customHeight="1" x14ac:dyDescent="0.15">
      <c r="A58" s="5">
        <v>44</v>
      </c>
      <c r="B58" s="22">
        <v>44</v>
      </c>
      <c r="C58" s="14">
        <v>34</v>
      </c>
      <c r="D58" s="18">
        <v>78</v>
      </c>
    </row>
    <row r="59" spans="1:4" ht="18" customHeight="1" x14ac:dyDescent="0.15">
      <c r="A59" s="5" t="s">
        <v>21</v>
      </c>
      <c r="B59" s="22">
        <v>223</v>
      </c>
      <c r="C59" s="14">
        <v>175</v>
      </c>
      <c r="D59" s="18">
        <v>398</v>
      </c>
    </row>
    <row r="60" spans="1:4" ht="18" customHeight="1" x14ac:dyDescent="0.15">
      <c r="A60" s="5">
        <v>45</v>
      </c>
      <c r="B60" s="22">
        <v>36</v>
      </c>
      <c r="C60" s="14">
        <v>47</v>
      </c>
      <c r="D60" s="18">
        <v>83</v>
      </c>
    </row>
    <row r="61" spans="1:4" ht="18" customHeight="1" x14ac:dyDescent="0.15">
      <c r="A61" s="5">
        <v>46</v>
      </c>
      <c r="B61" s="22">
        <v>56</v>
      </c>
      <c r="C61" s="14">
        <v>39</v>
      </c>
      <c r="D61" s="18">
        <v>95</v>
      </c>
    </row>
    <row r="62" spans="1:4" ht="18" customHeight="1" x14ac:dyDescent="0.15">
      <c r="A62" s="5">
        <v>47</v>
      </c>
      <c r="B62" s="22">
        <v>46</v>
      </c>
      <c r="C62" s="14">
        <v>41</v>
      </c>
      <c r="D62" s="18">
        <v>87</v>
      </c>
    </row>
    <row r="63" spans="1:4" ht="18" customHeight="1" x14ac:dyDescent="0.15">
      <c r="A63" s="5">
        <v>48</v>
      </c>
      <c r="B63" s="22">
        <v>37</v>
      </c>
      <c r="C63" s="14">
        <v>43</v>
      </c>
      <c r="D63" s="18">
        <v>80</v>
      </c>
    </row>
    <row r="64" spans="1:4" ht="18" customHeight="1" x14ac:dyDescent="0.15">
      <c r="A64" s="5">
        <v>49</v>
      </c>
      <c r="B64" s="22">
        <v>59</v>
      </c>
      <c r="C64" s="14">
        <v>31</v>
      </c>
      <c r="D64" s="18">
        <v>90</v>
      </c>
    </row>
    <row r="65" spans="1:4" ht="18" customHeight="1" x14ac:dyDescent="0.15">
      <c r="A65" s="5" t="s">
        <v>17</v>
      </c>
      <c r="B65" s="22">
        <v>234</v>
      </c>
      <c r="C65" s="14">
        <v>201</v>
      </c>
      <c r="D65" s="18">
        <v>435</v>
      </c>
    </row>
    <row r="66" spans="1:4" ht="18" customHeight="1" x14ac:dyDescent="0.15">
      <c r="A66" s="5">
        <v>50</v>
      </c>
      <c r="B66" s="22">
        <v>45</v>
      </c>
      <c r="C66" s="14">
        <v>39</v>
      </c>
      <c r="D66" s="18">
        <v>84</v>
      </c>
    </row>
    <row r="67" spans="1:4" ht="18" customHeight="1" x14ac:dyDescent="0.15">
      <c r="A67" s="5">
        <v>51</v>
      </c>
      <c r="B67" s="22">
        <v>56</v>
      </c>
      <c r="C67" s="14">
        <v>51</v>
      </c>
      <c r="D67" s="18">
        <v>107</v>
      </c>
    </row>
    <row r="68" spans="1:4" ht="18" customHeight="1" x14ac:dyDescent="0.15">
      <c r="A68" s="5">
        <v>52</v>
      </c>
      <c r="B68" s="22">
        <v>46</v>
      </c>
      <c r="C68" s="14">
        <v>52</v>
      </c>
      <c r="D68" s="18">
        <v>98</v>
      </c>
    </row>
    <row r="69" spans="1:4" ht="18" customHeight="1" x14ac:dyDescent="0.15">
      <c r="A69" s="5">
        <v>53</v>
      </c>
      <c r="B69" s="22">
        <v>38</v>
      </c>
      <c r="C69" s="14">
        <v>36</v>
      </c>
      <c r="D69" s="18">
        <v>74</v>
      </c>
    </row>
    <row r="70" spans="1:4" ht="18" customHeight="1" x14ac:dyDescent="0.15">
      <c r="A70" s="5">
        <v>54</v>
      </c>
      <c r="B70" s="22">
        <v>39</v>
      </c>
      <c r="C70" s="14">
        <v>40</v>
      </c>
      <c r="D70" s="18">
        <v>79</v>
      </c>
    </row>
    <row r="71" spans="1:4" ht="18" customHeight="1" x14ac:dyDescent="0.15">
      <c r="A71" s="5" t="s">
        <v>22</v>
      </c>
      <c r="B71" s="22">
        <v>224</v>
      </c>
      <c r="C71" s="14">
        <v>218</v>
      </c>
      <c r="D71" s="18">
        <v>442</v>
      </c>
    </row>
    <row r="72" spans="1:4" ht="18" customHeight="1" x14ac:dyDescent="0.15">
      <c r="A72" s="5">
        <v>55</v>
      </c>
      <c r="B72" s="22">
        <v>27</v>
      </c>
      <c r="C72" s="14">
        <v>33</v>
      </c>
      <c r="D72" s="18">
        <v>60</v>
      </c>
    </row>
    <row r="73" spans="1:4" ht="18" customHeight="1" x14ac:dyDescent="0.15">
      <c r="A73" s="5">
        <v>56</v>
      </c>
      <c r="B73" s="22">
        <v>38</v>
      </c>
      <c r="C73" s="14">
        <v>26</v>
      </c>
      <c r="D73" s="18">
        <v>64</v>
      </c>
    </row>
    <row r="74" spans="1:4" ht="18" customHeight="1" x14ac:dyDescent="0.15">
      <c r="A74" s="5">
        <v>57</v>
      </c>
      <c r="B74" s="22">
        <v>38</v>
      </c>
      <c r="C74" s="14">
        <v>39</v>
      </c>
      <c r="D74" s="18">
        <v>77</v>
      </c>
    </row>
    <row r="75" spans="1:4" ht="18" customHeight="1" x14ac:dyDescent="0.15">
      <c r="A75" s="5">
        <v>58</v>
      </c>
      <c r="B75" s="22">
        <v>36</v>
      </c>
      <c r="C75" s="14">
        <v>30</v>
      </c>
      <c r="D75" s="18">
        <v>66</v>
      </c>
    </row>
    <row r="76" spans="1:4" ht="18" customHeight="1" x14ac:dyDescent="0.15">
      <c r="A76" s="5">
        <v>59</v>
      </c>
      <c r="B76" s="22">
        <v>21</v>
      </c>
      <c r="C76" s="14">
        <v>17</v>
      </c>
      <c r="D76" s="18">
        <v>38</v>
      </c>
    </row>
    <row r="77" spans="1:4" ht="18" customHeight="1" x14ac:dyDescent="0.15">
      <c r="A77" s="5" t="s">
        <v>27</v>
      </c>
      <c r="B77" s="22">
        <v>160</v>
      </c>
      <c r="C77" s="14">
        <v>145</v>
      </c>
      <c r="D77" s="18">
        <v>305</v>
      </c>
    </row>
    <row r="78" spans="1:4" ht="18" customHeight="1" x14ac:dyDescent="0.15">
      <c r="A78" s="5">
        <v>60</v>
      </c>
      <c r="B78" s="22">
        <v>27</v>
      </c>
      <c r="C78" s="14">
        <v>19</v>
      </c>
      <c r="D78" s="18">
        <v>46</v>
      </c>
    </row>
    <row r="79" spans="1:4" ht="18" customHeight="1" x14ac:dyDescent="0.15">
      <c r="A79" s="5">
        <v>61</v>
      </c>
      <c r="B79" s="22">
        <v>32</v>
      </c>
      <c r="C79" s="14">
        <v>36</v>
      </c>
      <c r="D79" s="18">
        <v>68</v>
      </c>
    </row>
    <row r="80" spans="1:4" ht="18" customHeight="1" x14ac:dyDescent="0.15">
      <c r="A80" s="5">
        <v>62</v>
      </c>
      <c r="B80" s="22">
        <v>20</v>
      </c>
      <c r="C80" s="14">
        <v>29</v>
      </c>
      <c r="D80" s="18">
        <v>49</v>
      </c>
    </row>
    <row r="81" spans="1:4" ht="18" customHeight="1" x14ac:dyDescent="0.15">
      <c r="A81" s="5">
        <v>63</v>
      </c>
      <c r="B81" s="22">
        <v>20</v>
      </c>
      <c r="C81" s="14">
        <v>16</v>
      </c>
      <c r="D81" s="18">
        <v>36</v>
      </c>
    </row>
    <row r="82" spans="1:4" ht="18" customHeight="1" x14ac:dyDescent="0.15">
      <c r="A82" s="5">
        <v>64</v>
      </c>
      <c r="B82" s="22">
        <v>16</v>
      </c>
      <c r="C82" s="14">
        <v>20</v>
      </c>
      <c r="D82" s="18">
        <v>36</v>
      </c>
    </row>
    <row r="83" spans="1:4" ht="18" customHeight="1" x14ac:dyDescent="0.15">
      <c r="A83" s="5" t="s">
        <v>28</v>
      </c>
      <c r="B83" s="22">
        <v>115</v>
      </c>
      <c r="C83" s="14">
        <v>120</v>
      </c>
      <c r="D83" s="18">
        <v>235</v>
      </c>
    </row>
    <row r="84" spans="1:4" ht="18" customHeight="1" x14ac:dyDescent="0.15">
      <c r="A84" s="5" t="s">
        <v>31</v>
      </c>
      <c r="B84" s="22">
        <v>1930</v>
      </c>
      <c r="C84" s="14">
        <v>1747</v>
      </c>
      <c r="D84" s="18">
        <v>3677</v>
      </c>
    </row>
    <row r="85" spans="1:4" ht="18" customHeight="1" x14ac:dyDescent="0.15">
      <c r="A85" s="5">
        <v>65</v>
      </c>
      <c r="B85" s="22">
        <v>19</v>
      </c>
      <c r="C85" s="14">
        <v>35</v>
      </c>
      <c r="D85" s="18">
        <v>54</v>
      </c>
    </row>
    <row r="86" spans="1:4" ht="18" customHeight="1" x14ac:dyDescent="0.15">
      <c r="A86" s="5">
        <v>66</v>
      </c>
      <c r="B86" s="22">
        <v>17</v>
      </c>
      <c r="C86" s="14">
        <v>16</v>
      </c>
      <c r="D86" s="18">
        <v>33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18</v>
      </c>
      <c r="C88" s="14">
        <v>15</v>
      </c>
      <c r="D88" s="18">
        <v>33</v>
      </c>
    </row>
    <row r="89" spans="1:4" ht="18" customHeight="1" x14ac:dyDescent="0.15">
      <c r="A89" s="5">
        <v>69</v>
      </c>
      <c r="B89" s="22">
        <v>23</v>
      </c>
      <c r="C89" s="14">
        <v>16</v>
      </c>
      <c r="D89" s="18">
        <v>39</v>
      </c>
    </row>
    <row r="90" spans="1:4" ht="18" customHeight="1" x14ac:dyDescent="0.15">
      <c r="A90" s="5" t="s">
        <v>20</v>
      </c>
      <c r="B90" s="22">
        <v>98</v>
      </c>
      <c r="C90" s="14">
        <v>108</v>
      </c>
      <c r="D90" s="18">
        <v>206</v>
      </c>
    </row>
    <row r="91" spans="1:4" ht="18" customHeight="1" x14ac:dyDescent="0.15">
      <c r="A91" s="5">
        <v>70</v>
      </c>
      <c r="B91" s="22">
        <v>27</v>
      </c>
      <c r="C91" s="14">
        <v>19</v>
      </c>
      <c r="D91" s="18">
        <v>46</v>
      </c>
    </row>
    <row r="92" spans="1:4" ht="18" customHeight="1" x14ac:dyDescent="0.15">
      <c r="A92" s="5">
        <v>71</v>
      </c>
      <c r="B92" s="22">
        <v>27</v>
      </c>
      <c r="C92" s="14">
        <v>24</v>
      </c>
      <c r="D92" s="18">
        <v>51</v>
      </c>
    </row>
    <row r="93" spans="1:4" ht="18" customHeight="1" x14ac:dyDescent="0.15">
      <c r="A93" s="5">
        <v>72</v>
      </c>
      <c r="B93" s="22">
        <v>17</v>
      </c>
      <c r="C93" s="14">
        <v>28</v>
      </c>
      <c r="D93" s="18">
        <v>45</v>
      </c>
    </row>
    <row r="94" spans="1:4" ht="18" customHeight="1" x14ac:dyDescent="0.15">
      <c r="A94" s="5">
        <v>73</v>
      </c>
      <c r="B94" s="22">
        <v>31</v>
      </c>
      <c r="C94" s="14">
        <v>24</v>
      </c>
      <c r="D94" s="18">
        <v>55</v>
      </c>
    </row>
    <row r="95" spans="1:4" ht="18" customHeight="1" x14ac:dyDescent="0.15">
      <c r="A95" s="5">
        <v>74</v>
      </c>
      <c r="B95" s="22">
        <v>24</v>
      </c>
      <c r="C95" s="14">
        <v>25</v>
      </c>
      <c r="D95" s="18">
        <v>49</v>
      </c>
    </row>
    <row r="96" spans="1:4" ht="18" customHeight="1" x14ac:dyDescent="0.15">
      <c r="A96" s="5" t="s">
        <v>33</v>
      </c>
      <c r="B96" s="22">
        <v>126</v>
      </c>
      <c r="C96" s="14">
        <v>120</v>
      </c>
      <c r="D96" s="18">
        <v>246</v>
      </c>
    </row>
    <row r="97" spans="1:4" ht="18" customHeight="1" x14ac:dyDescent="0.15">
      <c r="A97" s="5">
        <v>75</v>
      </c>
      <c r="B97" s="22">
        <v>31</v>
      </c>
      <c r="C97" s="14">
        <v>33</v>
      </c>
      <c r="D97" s="18">
        <v>64</v>
      </c>
    </row>
    <row r="98" spans="1:4" ht="18" customHeight="1" x14ac:dyDescent="0.15">
      <c r="A98" s="5">
        <v>76</v>
      </c>
      <c r="B98" s="22">
        <v>29</v>
      </c>
      <c r="C98" s="14">
        <v>34</v>
      </c>
      <c r="D98" s="18">
        <v>63</v>
      </c>
    </row>
    <row r="99" spans="1:4" ht="18" customHeight="1" x14ac:dyDescent="0.15">
      <c r="A99" s="5">
        <v>77</v>
      </c>
      <c r="B99" s="22">
        <v>29</v>
      </c>
      <c r="C99" s="14">
        <v>22</v>
      </c>
      <c r="D99" s="18">
        <v>51</v>
      </c>
    </row>
    <row r="100" spans="1:4" ht="18" customHeight="1" x14ac:dyDescent="0.15">
      <c r="A100" s="5">
        <v>78</v>
      </c>
      <c r="B100" s="22">
        <v>30</v>
      </c>
      <c r="C100" s="14">
        <v>32</v>
      </c>
      <c r="D100" s="18">
        <v>62</v>
      </c>
    </row>
    <row r="101" spans="1:4" ht="18" customHeight="1" x14ac:dyDescent="0.15">
      <c r="A101" s="5">
        <v>79</v>
      </c>
      <c r="B101" s="22">
        <v>13</v>
      </c>
      <c r="C101" s="14">
        <v>17</v>
      </c>
      <c r="D101" s="18">
        <v>30</v>
      </c>
    </row>
    <row r="102" spans="1:4" ht="18" customHeight="1" x14ac:dyDescent="0.15">
      <c r="A102" s="5" t="s">
        <v>0</v>
      </c>
      <c r="B102" s="22">
        <v>132</v>
      </c>
      <c r="C102" s="14">
        <v>138</v>
      </c>
      <c r="D102" s="18">
        <v>270</v>
      </c>
    </row>
    <row r="103" spans="1:4" ht="18" customHeight="1" x14ac:dyDescent="0.15">
      <c r="A103" s="5">
        <v>80</v>
      </c>
      <c r="B103" s="22">
        <v>9</v>
      </c>
      <c r="C103" s="14">
        <v>20</v>
      </c>
      <c r="D103" s="18">
        <v>29</v>
      </c>
    </row>
    <row r="104" spans="1:4" ht="18" customHeight="1" x14ac:dyDescent="0.15">
      <c r="A104" s="5">
        <v>81</v>
      </c>
      <c r="B104" s="22">
        <v>8</v>
      </c>
      <c r="C104" s="14">
        <v>18</v>
      </c>
      <c r="D104" s="18">
        <v>26</v>
      </c>
    </row>
    <row r="105" spans="1:4" ht="18" customHeight="1" x14ac:dyDescent="0.15">
      <c r="A105" s="5">
        <v>82</v>
      </c>
      <c r="B105" s="22">
        <v>14</v>
      </c>
      <c r="C105" s="14">
        <v>27</v>
      </c>
      <c r="D105" s="18">
        <v>41</v>
      </c>
    </row>
    <row r="106" spans="1:4" ht="18" customHeight="1" x14ac:dyDescent="0.15">
      <c r="A106" s="5">
        <v>83</v>
      </c>
      <c r="B106" s="22">
        <v>9</v>
      </c>
      <c r="C106" s="14">
        <v>18</v>
      </c>
      <c r="D106" s="18">
        <v>27</v>
      </c>
    </row>
    <row r="107" spans="1:4" ht="18" customHeight="1" x14ac:dyDescent="0.15">
      <c r="A107" s="5">
        <v>84</v>
      </c>
      <c r="B107" s="22">
        <v>20</v>
      </c>
      <c r="C107" s="14">
        <v>26</v>
      </c>
      <c r="D107" s="18">
        <v>46</v>
      </c>
    </row>
    <row r="108" spans="1:4" ht="18" customHeight="1" x14ac:dyDescent="0.15">
      <c r="A108" s="5" t="s">
        <v>35</v>
      </c>
      <c r="B108" s="22">
        <v>60</v>
      </c>
      <c r="C108" s="14">
        <v>109</v>
      </c>
      <c r="D108" s="18">
        <v>169</v>
      </c>
    </row>
    <row r="109" spans="1:4" ht="18" customHeight="1" x14ac:dyDescent="0.15">
      <c r="A109" s="5">
        <v>85</v>
      </c>
      <c r="B109" s="22">
        <v>11</v>
      </c>
      <c r="C109" s="14">
        <v>18</v>
      </c>
      <c r="D109" s="18">
        <v>29</v>
      </c>
    </row>
    <row r="110" spans="1:4" ht="18" customHeight="1" x14ac:dyDescent="0.15">
      <c r="A110" s="5">
        <v>86</v>
      </c>
      <c r="B110" s="22">
        <v>5</v>
      </c>
      <c r="C110" s="14">
        <v>12</v>
      </c>
      <c r="D110" s="18">
        <v>17</v>
      </c>
    </row>
    <row r="111" spans="1:4" ht="18" customHeight="1" x14ac:dyDescent="0.15">
      <c r="A111" s="5">
        <v>87</v>
      </c>
      <c r="B111" s="22">
        <v>10</v>
      </c>
      <c r="C111" s="14">
        <v>13</v>
      </c>
      <c r="D111" s="18">
        <v>23</v>
      </c>
    </row>
    <row r="112" spans="1:4" ht="18" customHeight="1" x14ac:dyDescent="0.15">
      <c r="A112" s="5">
        <v>88</v>
      </c>
      <c r="B112" s="22">
        <v>7</v>
      </c>
      <c r="C112" s="14">
        <v>12</v>
      </c>
      <c r="D112" s="18">
        <v>19</v>
      </c>
    </row>
    <row r="113" spans="1:4" ht="18" customHeight="1" x14ac:dyDescent="0.15">
      <c r="A113" s="5">
        <v>89</v>
      </c>
      <c r="B113" s="22">
        <v>4</v>
      </c>
      <c r="C113" s="14">
        <v>11</v>
      </c>
      <c r="D113" s="18">
        <v>15</v>
      </c>
    </row>
    <row r="114" spans="1:4" ht="18" customHeight="1" x14ac:dyDescent="0.15">
      <c r="A114" s="5" t="s">
        <v>37</v>
      </c>
      <c r="B114" s="22">
        <v>37</v>
      </c>
      <c r="C114" s="14">
        <v>66</v>
      </c>
      <c r="D114" s="18">
        <v>103</v>
      </c>
    </row>
    <row r="115" spans="1:4" ht="18" customHeight="1" x14ac:dyDescent="0.15">
      <c r="A115" s="5">
        <v>90</v>
      </c>
      <c r="B115" s="22">
        <v>5</v>
      </c>
      <c r="C115" s="14">
        <v>6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11</v>
      </c>
      <c r="D116" s="18">
        <v>13</v>
      </c>
    </row>
    <row r="117" spans="1:4" ht="18" customHeight="1" x14ac:dyDescent="0.15">
      <c r="A117" s="5">
        <v>92</v>
      </c>
      <c r="B117" s="22">
        <v>2</v>
      </c>
      <c r="C117" s="14">
        <v>15</v>
      </c>
      <c r="D117" s="18">
        <v>17</v>
      </c>
    </row>
    <row r="118" spans="1:4" ht="18" customHeight="1" x14ac:dyDescent="0.15">
      <c r="A118" s="5">
        <v>93</v>
      </c>
      <c r="B118" s="22">
        <v>0</v>
      </c>
      <c r="C118" s="14">
        <v>9</v>
      </c>
      <c r="D118" s="18">
        <v>9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3</v>
      </c>
      <c r="C120" s="14">
        <v>47</v>
      </c>
      <c r="D120" s="18">
        <v>60</v>
      </c>
    </row>
    <row r="121" spans="1:4" ht="18" customHeight="1" x14ac:dyDescent="0.15">
      <c r="A121" s="5">
        <v>95</v>
      </c>
      <c r="B121" s="22">
        <v>1</v>
      </c>
      <c r="C121" s="14">
        <v>1</v>
      </c>
      <c r="D121" s="18">
        <v>2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6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9</v>
      </c>
      <c r="C130" s="14">
        <v>599</v>
      </c>
      <c r="D130" s="18">
        <v>1068</v>
      </c>
    </row>
    <row r="131" spans="1:4" ht="18" customHeight="1" x14ac:dyDescent="0.15">
      <c r="A131" s="7" t="s">
        <v>45</v>
      </c>
      <c r="B131" s="23">
        <v>2832</v>
      </c>
      <c r="C131" s="15">
        <v>2793</v>
      </c>
      <c r="D131" s="19">
        <v>56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8</v>
      </c>
      <c r="D5" s="17">
        <v>23</v>
      </c>
    </row>
    <row r="6" spans="1:4" ht="18" customHeight="1" x14ac:dyDescent="0.15">
      <c r="A6" s="5">
        <v>1</v>
      </c>
      <c r="B6" s="22">
        <v>8</v>
      </c>
      <c r="C6" s="14">
        <v>13</v>
      </c>
      <c r="D6" s="18">
        <v>21</v>
      </c>
    </row>
    <row r="7" spans="1:4" ht="18" customHeight="1" x14ac:dyDescent="0.15">
      <c r="A7" s="5">
        <v>2</v>
      </c>
      <c r="B7" s="22">
        <v>8</v>
      </c>
      <c r="C7" s="14">
        <v>14</v>
      </c>
      <c r="D7" s="18">
        <v>22</v>
      </c>
    </row>
    <row r="8" spans="1:4" ht="18" customHeight="1" x14ac:dyDescent="0.15">
      <c r="A8" s="5">
        <v>3</v>
      </c>
      <c r="B8" s="22">
        <v>21</v>
      </c>
      <c r="C8" s="14">
        <v>13</v>
      </c>
      <c r="D8" s="18">
        <v>34</v>
      </c>
    </row>
    <row r="9" spans="1:4" ht="18" customHeight="1" x14ac:dyDescent="0.15">
      <c r="A9" s="5">
        <v>4</v>
      </c>
      <c r="B9" s="22">
        <v>19</v>
      </c>
      <c r="C9" s="14">
        <v>17</v>
      </c>
      <c r="D9" s="18">
        <v>36</v>
      </c>
    </row>
    <row r="10" spans="1:4" ht="18" customHeight="1" x14ac:dyDescent="0.15">
      <c r="A10" s="5" t="s">
        <v>7</v>
      </c>
      <c r="B10" s="22">
        <v>71</v>
      </c>
      <c r="C10" s="14">
        <v>65</v>
      </c>
      <c r="D10" s="18">
        <v>136</v>
      </c>
    </row>
    <row r="11" spans="1:4" ht="18" customHeight="1" x14ac:dyDescent="0.15">
      <c r="A11" s="5">
        <v>5</v>
      </c>
      <c r="B11" s="22">
        <v>13</v>
      </c>
      <c r="C11" s="14">
        <v>11</v>
      </c>
      <c r="D11" s="18">
        <v>24</v>
      </c>
    </row>
    <row r="12" spans="1:4" ht="18" customHeight="1" x14ac:dyDescent="0.15">
      <c r="A12" s="5">
        <v>6</v>
      </c>
      <c r="B12" s="22">
        <v>22</v>
      </c>
      <c r="C12" s="14">
        <v>21</v>
      </c>
      <c r="D12" s="18">
        <v>43</v>
      </c>
    </row>
    <row r="13" spans="1:4" ht="18" customHeight="1" x14ac:dyDescent="0.15">
      <c r="A13" s="5">
        <v>7</v>
      </c>
      <c r="B13" s="22">
        <v>27</v>
      </c>
      <c r="C13" s="14">
        <v>15</v>
      </c>
      <c r="D13" s="18">
        <v>42</v>
      </c>
    </row>
    <row r="14" spans="1:4" ht="18" customHeight="1" x14ac:dyDescent="0.15">
      <c r="A14" s="5">
        <v>8</v>
      </c>
      <c r="B14" s="22">
        <v>37</v>
      </c>
      <c r="C14" s="14">
        <v>20</v>
      </c>
      <c r="D14" s="18">
        <v>57</v>
      </c>
    </row>
    <row r="15" spans="1:4" ht="18" customHeight="1" x14ac:dyDescent="0.15">
      <c r="A15" s="5">
        <v>9</v>
      </c>
      <c r="B15" s="22">
        <v>23</v>
      </c>
      <c r="C15" s="14">
        <v>19</v>
      </c>
      <c r="D15" s="18">
        <v>42</v>
      </c>
    </row>
    <row r="16" spans="1:4" ht="18" customHeight="1" x14ac:dyDescent="0.15">
      <c r="A16" s="5" t="s">
        <v>11</v>
      </c>
      <c r="B16" s="22">
        <v>122</v>
      </c>
      <c r="C16" s="14">
        <v>86</v>
      </c>
      <c r="D16" s="18">
        <v>208</v>
      </c>
    </row>
    <row r="17" spans="1:4" ht="18" customHeight="1" x14ac:dyDescent="0.15">
      <c r="A17" s="5">
        <v>10</v>
      </c>
      <c r="B17" s="22">
        <v>25</v>
      </c>
      <c r="C17" s="14">
        <v>25</v>
      </c>
      <c r="D17" s="18">
        <v>50</v>
      </c>
    </row>
    <row r="18" spans="1:4" ht="18" customHeight="1" x14ac:dyDescent="0.15">
      <c r="A18" s="5">
        <v>11</v>
      </c>
      <c r="B18" s="22">
        <v>35</v>
      </c>
      <c r="C18" s="14">
        <v>19</v>
      </c>
      <c r="D18" s="18">
        <v>54</v>
      </c>
    </row>
    <row r="19" spans="1:4" ht="18" customHeight="1" x14ac:dyDescent="0.15">
      <c r="A19" s="5">
        <v>12</v>
      </c>
      <c r="B19" s="22">
        <v>20</v>
      </c>
      <c r="C19" s="14">
        <v>17</v>
      </c>
      <c r="D19" s="18">
        <v>37</v>
      </c>
    </row>
    <row r="20" spans="1:4" ht="18" customHeight="1" x14ac:dyDescent="0.15">
      <c r="A20" s="5">
        <v>13</v>
      </c>
      <c r="B20" s="22">
        <v>35</v>
      </c>
      <c r="C20" s="14">
        <v>21</v>
      </c>
      <c r="D20" s="18">
        <v>56</v>
      </c>
    </row>
    <row r="21" spans="1:4" ht="18" customHeight="1" x14ac:dyDescent="0.15">
      <c r="A21" s="5">
        <v>14</v>
      </c>
      <c r="B21" s="22">
        <v>30</v>
      </c>
      <c r="C21" s="14">
        <v>34</v>
      </c>
      <c r="D21" s="18">
        <v>64</v>
      </c>
    </row>
    <row r="22" spans="1:4" ht="18" customHeight="1" x14ac:dyDescent="0.15">
      <c r="A22" s="5" t="s">
        <v>12</v>
      </c>
      <c r="B22" s="22">
        <v>145</v>
      </c>
      <c r="C22" s="14">
        <v>116</v>
      </c>
      <c r="D22" s="18">
        <v>261</v>
      </c>
    </row>
    <row r="23" spans="1:4" ht="18" customHeight="1" x14ac:dyDescent="0.15">
      <c r="A23" s="5" t="s">
        <v>6</v>
      </c>
      <c r="B23" s="22">
        <v>338</v>
      </c>
      <c r="C23" s="14">
        <v>267</v>
      </c>
      <c r="D23" s="18">
        <v>605</v>
      </c>
    </row>
    <row r="24" spans="1:4" ht="18" customHeight="1" x14ac:dyDescent="0.15">
      <c r="A24" s="5">
        <v>15</v>
      </c>
      <c r="B24" s="22">
        <v>39</v>
      </c>
      <c r="C24" s="14">
        <v>38</v>
      </c>
      <c r="D24" s="18">
        <v>77</v>
      </c>
    </row>
    <row r="25" spans="1:4" ht="18" customHeight="1" x14ac:dyDescent="0.15">
      <c r="A25" s="5">
        <v>16</v>
      </c>
      <c r="B25" s="22">
        <v>44</v>
      </c>
      <c r="C25" s="14">
        <v>44</v>
      </c>
      <c r="D25" s="18">
        <v>88</v>
      </c>
    </row>
    <row r="26" spans="1:4" ht="18" customHeight="1" x14ac:dyDescent="0.15">
      <c r="A26" s="5">
        <v>17</v>
      </c>
      <c r="B26" s="22">
        <v>33</v>
      </c>
      <c r="C26" s="14">
        <v>35</v>
      </c>
      <c r="D26" s="18">
        <v>68</v>
      </c>
    </row>
    <row r="27" spans="1:4" ht="18" customHeight="1" x14ac:dyDescent="0.15">
      <c r="A27" s="5">
        <v>18</v>
      </c>
      <c r="B27" s="22">
        <v>37</v>
      </c>
      <c r="C27" s="14">
        <v>40</v>
      </c>
      <c r="D27" s="18">
        <v>77</v>
      </c>
    </row>
    <row r="28" spans="1:4" ht="18" customHeight="1" x14ac:dyDescent="0.15">
      <c r="A28" s="5">
        <v>19</v>
      </c>
      <c r="B28" s="22">
        <v>41</v>
      </c>
      <c r="C28" s="14">
        <v>36</v>
      </c>
      <c r="D28" s="18">
        <v>77</v>
      </c>
    </row>
    <row r="29" spans="1:4" ht="18" customHeight="1" x14ac:dyDescent="0.15">
      <c r="A29" s="5" t="s">
        <v>14</v>
      </c>
      <c r="B29" s="22">
        <v>194</v>
      </c>
      <c r="C29" s="14">
        <v>193</v>
      </c>
      <c r="D29" s="18">
        <v>387</v>
      </c>
    </row>
    <row r="30" spans="1:4" ht="18" customHeight="1" x14ac:dyDescent="0.15">
      <c r="A30" s="5">
        <v>20</v>
      </c>
      <c r="B30" s="22">
        <v>43</v>
      </c>
      <c r="C30" s="14">
        <v>36</v>
      </c>
      <c r="D30" s="18">
        <v>79</v>
      </c>
    </row>
    <row r="31" spans="1:4" ht="18" customHeight="1" x14ac:dyDescent="0.15">
      <c r="A31" s="5">
        <v>21</v>
      </c>
      <c r="B31" s="22">
        <v>40</v>
      </c>
      <c r="C31" s="14">
        <v>42</v>
      </c>
      <c r="D31" s="18">
        <v>82</v>
      </c>
    </row>
    <row r="32" spans="1:4" ht="18" customHeight="1" x14ac:dyDescent="0.15">
      <c r="A32" s="5">
        <v>22</v>
      </c>
      <c r="B32" s="22">
        <v>38</v>
      </c>
      <c r="C32" s="14">
        <v>23</v>
      </c>
      <c r="D32" s="18">
        <v>61</v>
      </c>
    </row>
    <row r="33" spans="1:4" ht="18" customHeight="1" x14ac:dyDescent="0.15">
      <c r="A33" s="5">
        <v>23</v>
      </c>
      <c r="B33" s="22">
        <v>28</v>
      </c>
      <c r="C33" s="14">
        <v>30</v>
      </c>
      <c r="D33" s="18">
        <v>58</v>
      </c>
    </row>
    <row r="34" spans="1:4" ht="18" customHeight="1" x14ac:dyDescent="0.15">
      <c r="A34" s="5">
        <v>24</v>
      </c>
      <c r="B34" s="22">
        <v>32</v>
      </c>
      <c r="C34" s="14">
        <v>31</v>
      </c>
      <c r="D34" s="18">
        <v>63</v>
      </c>
    </row>
    <row r="35" spans="1:4" ht="18" customHeight="1" x14ac:dyDescent="0.15">
      <c r="A35" s="5" t="s">
        <v>9</v>
      </c>
      <c r="B35" s="22">
        <v>181</v>
      </c>
      <c r="C35" s="14">
        <v>162</v>
      </c>
      <c r="D35" s="18">
        <v>343</v>
      </c>
    </row>
    <row r="36" spans="1:4" ht="18" customHeight="1" x14ac:dyDescent="0.15">
      <c r="A36" s="5">
        <v>25</v>
      </c>
      <c r="B36" s="22">
        <v>36</v>
      </c>
      <c r="C36" s="14">
        <v>26</v>
      </c>
      <c r="D36" s="18">
        <v>62</v>
      </c>
    </row>
    <row r="37" spans="1:4" ht="18" customHeight="1" x14ac:dyDescent="0.15">
      <c r="A37" s="5">
        <v>26</v>
      </c>
      <c r="B37" s="22">
        <v>18</v>
      </c>
      <c r="C37" s="14">
        <v>22</v>
      </c>
      <c r="D37" s="18">
        <v>40</v>
      </c>
    </row>
    <row r="38" spans="1:4" ht="18" customHeight="1" x14ac:dyDescent="0.15">
      <c r="A38" s="5">
        <v>27</v>
      </c>
      <c r="B38" s="22">
        <v>23</v>
      </c>
      <c r="C38" s="14">
        <v>16</v>
      </c>
      <c r="D38" s="18">
        <v>39</v>
      </c>
    </row>
    <row r="39" spans="1:4" ht="18" customHeight="1" x14ac:dyDescent="0.15">
      <c r="A39" s="5">
        <v>28</v>
      </c>
      <c r="B39" s="22">
        <v>27</v>
      </c>
      <c r="C39" s="14">
        <v>22</v>
      </c>
      <c r="D39" s="18">
        <v>49</v>
      </c>
    </row>
    <row r="40" spans="1:4" ht="18" customHeight="1" x14ac:dyDescent="0.15">
      <c r="A40" s="5">
        <v>29</v>
      </c>
      <c r="B40" s="22">
        <v>17</v>
      </c>
      <c r="C40" s="14">
        <v>20</v>
      </c>
      <c r="D40" s="18">
        <v>37</v>
      </c>
    </row>
    <row r="41" spans="1:4" ht="18" customHeight="1" x14ac:dyDescent="0.15">
      <c r="A41" s="5" t="s">
        <v>2</v>
      </c>
      <c r="B41" s="22">
        <v>121</v>
      </c>
      <c r="C41" s="14">
        <v>106</v>
      </c>
      <c r="D41" s="18">
        <v>227</v>
      </c>
    </row>
    <row r="42" spans="1:4" ht="18" customHeight="1" x14ac:dyDescent="0.15">
      <c r="A42" s="5">
        <v>30</v>
      </c>
      <c r="B42" s="22">
        <v>24</v>
      </c>
      <c r="C42" s="14">
        <v>28</v>
      </c>
      <c r="D42" s="18">
        <v>52</v>
      </c>
    </row>
    <row r="43" spans="1:4" ht="18" customHeight="1" x14ac:dyDescent="0.15">
      <c r="A43" s="5">
        <v>31</v>
      </c>
      <c r="B43" s="22">
        <v>13</v>
      </c>
      <c r="C43" s="14">
        <v>11</v>
      </c>
      <c r="D43" s="18">
        <v>24</v>
      </c>
    </row>
    <row r="44" spans="1:4" ht="18" customHeight="1" x14ac:dyDescent="0.15">
      <c r="A44" s="5">
        <v>32</v>
      </c>
      <c r="B44" s="22">
        <v>27</v>
      </c>
      <c r="C44" s="14">
        <v>17</v>
      </c>
      <c r="D44" s="18">
        <v>44</v>
      </c>
    </row>
    <row r="45" spans="1:4" ht="18" customHeight="1" x14ac:dyDescent="0.15">
      <c r="A45" s="5">
        <v>33</v>
      </c>
      <c r="B45" s="22">
        <v>29</v>
      </c>
      <c r="C45" s="14">
        <v>22</v>
      </c>
      <c r="D45" s="18">
        <v>51</v>
      </c>
    </row>
    <row r="46" spans="1:4" ht="18" customHeight="1" x14ac:dyDescent="0.15">
      <c r="A46" s="5">
        <v>34</v>
      </c>
      <c r="B46" s="22">
        <v>26</v>
      </c>
      <c r="C46" s="14">
        <v>26</v>
      </c>
      <c r="D46" s="18">
        <v>52</v>
      </c>
    </row>
    <row r="47" spans="1:4" ht="18" customHeight="1" x14ac:dyDescent="0.15">
      <c r="A47" s="5" t="s">
        <v>15</v>
      </c>
      <c r="B47" s="22">
        <v>119</v>
      </c>
      <c r="C47" s="14">
        <v>104</v>
      </c>
      <c r="D47" s="18">
        <v>223</v>
      </c>
    </row>
    <row r="48" spans="1:4" ht="18" customHeight="1" x14ac:dyDescent="0.15">
      <c r="A48" s="5">
        <v>35</v>
      </c>
      <c r="B48" s="22">
        <v>20</v>
      </c>
      <c r="C48" s="14">
        <v>24</v>
      </c>
      <c r="D48" s="18">
        <v>44</v>
      </c>
    </row>
    <row r="49" spans="1:4" ht="18" customHeight="1" x14ac:dyDescent="0.15">
      <c r="A49" s="5">
        <v>36</v>
      </c>
      <c r="B49" s="22">
        <v>29</v>
      </c>
      <c r="C49" s="14">
        <v>29</v>
      </c>
      <c r="D49" s="18">
        <v>58</v>
      </c>
    </row>
    <row r="50" spans="1:4" ht="18" customHeight="1" x14ac:dyDescent="0.15">
      <c r="A50" s="5">
        <v>37</v>
      </c>
      <c r="B50" s="22">
        <v>27</v>
      </c>
      <c r="C50" s="14">
        <v>22</v>
      </c>
      <c r="D50" s="18">
        <v>49</v>
      </c>
    </row>
    <row r="51" spans="1:4" ht="18" customHeight="1" x14ac:dyDescent="0.15">
      <c r="A51" s="5">
        <v>38</v>
      </c>
      <c r="B51" s="22">
        <v>28</v>
      </c>
      <c r="C51" s="14">
        <v>25</v>
      </c>
      <c r="D51" s="18">
        <v>53</v>
      </c>
    </row>
    <row r="52" spans="1:4" ht="18" customHeight="1" x14ac:dyDescent="0.15">
      <c r="A52" s="5">
        <v>39</v>
      </c>
      <c r="B52" s="22">
        <v>29</v>
      </c>
      <c r="C52" s="14">
        <v>30</v>
      </c>
      <c r="D52" s="18">
        <v>59</v>
      </c>
    </row>
    <row r="53" spans="1:4" ht="18" customHeight="1" x14ac:dyDescent="0.15">
      <c r="A53" s="5" t="s">
        <v>18</v>
      </c>
      <c r="B53" s="22">
        <v>133</v>
      </c>
      <c r="C53" s="14">
        <v>130</v>
      </c>
      <c r="D53" s="18">
        <v>263</v>
      </c>
    </row>
    <row r="54" spans="1:4" ht="18" customHeight="1" x14ac:dyDescent="0.15">
      <c r="A54" s="5">
        <v>40</v>
      </c>
      <c r="B54" s="22">
        <v>35</v>
      </c>
      <c r="C54" s="14">
        <v>43</v>
      </c>
      <c r="D54" s="18">
        <v>78</v>
      </c>
    </row>
    <row r="55" spans="1:4" ht="18" customHeight="1" x14ac:dyDescent="0.15">
      <c r="A55" s="5">
        <v>41</v>
      </c>
      <c r="B55" s="22">
        <v>33</v>
      </c>
      <c r="C55" s="14">
        <v>31</v>
      </c>
      <c r="D55" s="18">
        <v>64</v>
      </c>
    </row>
    <row r="56" spans="1:4" ht="18" customHeight="1" x14ac:dyDescent="0.15">
      <c r="A56" s="5">
        <v>42</v>
      </c>
      <c r="B56" s="22">
        <v>31</v>
      </c>
      <c r="C56" s="14">
        <v>26</v>
      </c>
      <c r="D56" s="18">
        <v>57</v>
      </c>
    </row>
    <row r="57" spans="1:4" ht="18" customHeight="1" x14ac:dyDescent="0.15">
      <c r="A57" s="5">
        <v>43</v>
      </c>
      <c r="B57" s="22">
        <v>37</v>
      </c>
      <c r="C57" s="14">
        <v>35</v>
      </c>
      <c r="D57" s="18">
        <v>72</v>
      </c>
    </row>
    <row r="58" spans="1:4" ht="18" customHeight="1" x14ac:dyDescent="0.15">
      <c r="A58" s="5">
        <v>44</v>
      </c>
      <c r="B58" s="22">
        <v>40</v>
      </c>
      <c r="C58" s="14">
        <v>40</v>
      </c>
      <c r="D58" s="18">
        <v>80</v>
      </c>
    </row>
    <row r="59" spans="1:4" ht="18" customHeight="1" x14ac:dyDescent="0.15">
      <c r="A59" s="5" t="s">
        <v>21</v>
      </c>
      <c r="B59" s="22">
        <v>176</v>
      </c>
      <c r="C59" s="14">
        <v>175</v>
      </c>
      <c r="D59" s="18">
        <v>351</v>
      </c>
    </row>
    <row r="60" spans="1:4" ht="18" customHeight="1" x14ac:dyDescent="0.15">
      <c r="A60" s="5">
        <v>45</v>
      </c>
      <c r="B60" s="22">
        <v>41</v>
      </c>
      <c r="C60" s="14">
        <v>30</v>
      </c>
      <c r="D60" s="18">
        <v>71</v>
      </c>
    </row>
    <row r="61" spans="1:4" ht="18" customHeight="1" x14ac:dyDescent="0.15">
      <c r="A61" s="5">
        <v>46</v>
      </c>
      <c r="B61" s="22">
        <v>46</v>
      </c>
      <c r="C61" s="14">
        <v>40</v>
      </c>
      <c r="D61" s="18">
        <v>86</v>
      </c>
    </row>
    <row r="62" spans="1:4" ht="18" customHeight="1" x14ac:dyDescent="0.15">
      <c r="A62" s="5">
        <v>47</v>
      </c>
      <c r="B62" s="22">
        <v>44</v>
      </c>
      <c r="C62" s="14">
        <v>42</v>
      </c>
      <c r="D62" s="18">
        <v>86</v>
      </c>
    </row>
    <row r="63" spans="1:4" ht="18" customHeight="1" x14ac:dyDescent="0.15">
      <c r="A63" s="5">
        <v>48</v>
      </c>
      <c r="B63" s="22">
        <v>57</v>
      </c>
      <c r="C63" s="14">
        <v>51</v>
      </c>
      <c r="D63" s="18">
        <v>108</v>
      </c>
    </row>
    <row r="64" spans="1:4" ht="18" customHeight="1" x14ac:dyDescent="0.15">
      <c r="A64" s="5">
        <v>49</v>
      </c>
      <c r="B64" s="22">
        <v>53</v>
      </c>
      <c r="C64" s="14">
        <v>50</v>
      </c>
      <c r="D64" s="18">
        <v>103</v>
      </c>
    </row>
    <row r="65" spans="1:4" ht="18" customHeight="1" x14ac:dyDescent="0.15">
      <c r="A65" s="5" t="s">
        <v>17</v>
      </c>
      <c r="B65" s="22">
        <v>241</v>
      </c>
      <c r="C65" s="14">
        <v>213</v>
      </c>
      <c r="D65" s="18">
        <v>454</v>
      </c>
    </row>
    <row r="66" spans="1:4" ht="18" customHeight="1" x14ac:dyDescent="0.15">
      <c r="A66" s="5">
        <v>50</v>
      </c>
      <c r="B66" s="22">
        <v>48</v>
      </c>
      <c r="C66" s="14">
        <v>50</v>
      </c>
      <c r="D66" s="18">
        <v>98</v>
      </c>
    </row>
    <row r="67" spans="1:4" ht="18" customHeight="1" x14ac:dyDescent="0.15">
      <c r="A67" s="5">
        <v>51</v>
      </c>
      <c r="B67" s="22">
        <v>72</v>
      </c>
      <c r="C67" s="14">
        <v>65</v>
      </c>
      <c r="D67" s="18">
        <v>137</v>
      </c>
    </row>
    <row r="68" spans="1:4" ht="18" customHeight="1" x14ac:dyDescent="0.15">
      <c r="A68" s="5">
        <v>52</v>
      </c>
      <c r="B68" s="22">
        <v>74</v>
      </c>
      <c r="C68" s="14">
        <v>85</v>
      </c>
      <c r="D68" s="18">
        <v>159</v>
      </c>
    </row>
    <row r="69" spans="1:4" ht="18" customHeight="1" x14ac:dyDescent="0.15">
      <c r="A69" s="5">
        <v>53</v>
      </c>
      <c r="B69" s="22">
        <v>72</v>
      </c>
      <c r="C69" s="14">
        <v>70</v>
      </c>
      <c r="D69" s="18">
        <v>142</v>
      </c>
    </row>
    <row r="70" spans="1:4" ht="18" customHeight="1" x14ac:dyDescent="0.15">
      <c r="A70" s="5">
        <v>54</v>
      </c>
      <c r="B70" s="22">
        <v>56</v>
      </c>
      <c r="C70" s="14">
        <v>75</v>
      </c>
      <c r="D70" s="18">
        <v>131</v>
      </c>
    </row>
    <row r="71" spans="1:4" ht="18" customHeight="1" x14ac:dyDescent="0.15">
      <c r="A71" s="5" t="s">
        <v>22</v>
      </c>
      <c r="B71" s="22">
        <v>322</v>
      </c>
      <c r="C71" s="14">
        <v>345</v>
      </c>
      <c r="D71" s="18">
        <v>667</v>
      </c>
    </row>
    <row r="72" spans="1:4" ht="18" customHeight="1" x14ac:dyDescent="0.15">
      <c r="A72" s="5">
        <v>55</v>
      </c>
      <c r="B72" s="22">
        <v>63</v>
      </c>
      <c r="C72" s="14">
        <v>57</v>
      </c>
      <c r="D72" s="18">
        <v>120</v>
      </c>
    </row>
    <row r="73" spans="1:4" ht="18" customHeight="1" x14ac:dyDescent="0.15">
      <c r="A73" s="5">
        <v>56</v>
      </c>
      <c r="B73" s="22">
        <v>59</v>
      </c>
      <c r="C73" s="14">
        <v>46</v>
      </c>
      <c r="D73" s="18">
        <v>105</v>
      </c>
    </row>
    <row r="74" spans="1:4" ht="18" customHeight="1" x14ac:dyDescent="0.15">
      <c r="A74" s="5">
        <v>57</v>
      </c>
      <c r="B74" s="22">
        <v>51</v>
      </c>
      <c r="C74" s="14">
        <v>42</v>
      </c>
      <c r="D74" s="18">
        <v>93</v>
      </c>
    </row>
    <row r="75" spans="1:4" ht="18" customHeight="1" x14ac:dyDescent="0.15">
      <c r="A75" s="5">
        <v>58</v>
      </c>
      <c r="B75" s="22">
        <v>54</v>
      </c>
      <c r="C75" s="14">
        <v>48</v>
      </c>
      <c r="D75" s="18">
        <v>102</v>
      </c>
    </row>
    <row r="76" spans="1:4" ht="18" customHeight="1" x14ac:dyDescent="0.15">
      <c r="A76" s="5">
        <v>59</v>
      </c>
      <c r="B76" s="22">
        <v>44</v>
      </c>
      <c r="C76" s="14">
        <v>35</v>
      </c>
      <c r="D76" s="18">
        <v>79</v>
      </c>
    </row>
    <row r="77" spans="1:4" ht="18" customHeight="1" x14ac:dyDescent="0.15">
      <c r="A77" s="5" t="s">
        <v>27</v>
      </c>
      <c r="B77" s="22">
        <v>271</v>
      </c>
      <c r="C77" s="14">
        <v>228</v>
      </c>
      <c r="D77" s="18">
        <v>499</v>
      </c>
    </row>
    <row r="78" spans="1:4" ht="18" customHeight="1" x14ac:dyDescent="0.15">
      <c r="A78" s="5">
        <v>60</v>
      </c>
      <c r="B78" s="22">
        <v>47</v>
      </c>
      <c r="C78" s="14">
        <v>56</v>
      </c>
      <c r="D78" s="18">
        <v>103</v>
      </c>
    </row>
    <row r="79" spans="1:4" ht="18" customHeight="1" x14ac:dyDescent="0.15">
      <c r="A79" s="5">
        <v>61</v>
      </c>
      <c r="B79" s="22">
        <v>47</v>
      </c>
      <c r="C79" s="14">
        <v>44</v>
      </c>
      <c r="D79" s="18">
        <v>91</v>
      </c>
    </row>
    <row r="80" spans="1:4" ht="18" customHeight="1" x14ac:dyDescent="0.15">
      <c r="A80" s="5">
        <v>62</v>
      </c>
      <c r="B80" s="22">
        <v>32</v>
      </c>
      <c r="C80" s="14">
        <v>33</v>
      </c>
      <c r="D80" s="18">
        <v>65</v>
      </c>
    </row>
    <row r="81" spans="1:4" ht="18" customHeight="1" x14ac:dyDescent="0.15">
      <c r="A81" s="5">
        <v>63</v>
      </c>
      <c r="B81" s="22">
        <v>37</v>
      </c>
      <c r="C81" s="14">
        <v>40</v>
      </c>
      <c r="D81" s="18">
        <v>77</v>
      </c>
    </row>
    <row r="82" spans="1:4" ht="18" customHeight="1" x14ac:dyDescent="0.15">
      <c r="A82" s="5">
        <v>64</v>
      </c>
      <c r="B82" s="22">
        <v>35</v>
      </c>
      <c r="C82" s="14">
        <v>36</v>
      </c>
      <c r="D82" s="18">
        <v>71</v>
      </c>
    </row>
    <row r="83" spans="1:4" ht="18" customHeight="1" x14ac:dyDescent="0.15">
      <c r="A83" s="5" t="s">
        <v>28</v>
      </c>
      <c r="B83" s="22">
        <v>198</v>
      </c>
      <c r="C83" s="14">
        <v>209</v>
      </c>
      <c r="D83" s="18">
        <v>407</v>
      </c>
    </row>
    <row r="84" spans="1:4" ht="18" customHeight="1" x14ac:dyDescent="0.15">
      <c r="A84" s="5" t="s">
        <v>31</v>
      </c>
      <c r="B84" s="22">
        <v>1956</v>
      </c>
      <c r="C84" s="14">
        <v>1865</v>
      </c>
      <c r="D84" s="18">
        <v>3821</v>
      </c>
    </row>
    <row r="85" spans="1:4" ht="18" customHeight="1" x14ac:dyDescent="0.15">
      <c r="A85" s="5">
        <v>65</v>
      </c>
      <c r="B85" s="22">
        <v>46</v>
      </c>
      <c r="C85" s="14">
        <v>30</v>
      </c>
      <c r="D85" s="18">
        <v>76</v>
      </c>
    </row>
    <row r="86" spans="1:4" ht="18" customHeight="1" x14ac:dyDescent="0.15">
      <c r="A86" s="5">
        <v>66</v>
      </c>
      <c r="B86" s="22">
        <v>33</v>
      </c>
      <c r="C86" s="14">
        <v>56</v>
      </c>
      <c r="D86" s="18">
        <v>89</v>
      </c>
    </row>
    <row r="87" spans="1:4" ht="18" customHeight="1" x14ac:dyDescent="0.15">
      <c r="A87" s="5">
        <v>67</v>
      </c>
      <c r="B87" s="22">
        <v>45</v>
      </c>
      <c r="C87" s="14">
        <v>45</v>
      </c>
      <c r="D87" s="18">
        <v>90</v>
      </c>
    </row>
    <row r="88" spans="1:4" ht="18" customHeight="1" x14ac:dyDescent="0.15">
      <c r="A88" s="5">
        <v>68</v>
      </c>
      <c r="B88" s="22">
        <v>51</v>
      </c>
      <c r="C88" s="14">
        <v>41</v>
      </c>
      <c r="D88" s="18">
        <v>92</v>
      </c>
    </row>
    <row r="89" spans="1:4" ht="18" customHeight="1" x14ac:dyDescent="0.15">
      <c r="A89" s="5">
        <v>69</v>
      </c>
      <c r="B89" s="22">
        <v>39</v>
      </c>
      <c r="C89" s="14">
        <v>42</v>
      </c>
      <c r="D89" s="18">
        <v>81</v>
      </c>
    </row>
    <row r="90" spans="1:4" ht="18" customHeight="1" x14ac:dyDescent="0.15">
      <c r="A90" s="5" t="s">
        <v>20</v>
      </c>
      <c r="B90" s="22">
        <v>214</v>
      </c>
      <c r="C90" s="14">
        <v>214</v>
      </c>
      <c r="D90" s="18">
        <v>428</v>
      </c>
    </row>
    <row r="91" spans="1:4" ht="18" customHeight="1" x14ac:dyDescent="0.15">
      <c r="A91" s="5">
        <v>70</v>
      </c>
      <c r="B91" s="22">
        <v>25</v>
      </c>
      <c r="C91" s="14">
        <v>48</v>
      </c>
      <c r="D91" s="18">
        <v>73</v>
      </c>
    </row>
    <row r="92" spans="1:4" ht="18" customHeight="1" x14ac:dyDescent="0.15">
      <c r="A92" s="5">
        <v>71</v>
      </c>
      <c r="B92" s="22">
        <v>50</v>
      </c>
      <c r="C92" s="14">
        <v>42</v>
      </c>
      <c r="D92" s="18">
        <v>92</v>
      </c>
    </row>
    <row r="93" spans="1:4" ht="18" customHeight="1" x14ac:dyDescent="0.15">
      <c r="A93" s="5">
        <v>72</v>
      </c>
      <c r="B93" s="22">
        <v>36</v>
      </c>
      <c r="C93" s="14">
        <v>41</v>
      </c>
      <c r="D93" s="18">
        <v>77</v>
      </c>
    </row>
    <row r="94" spans="1:4" ht="18" customHeight="1" x14ac:dyDescent="0.15">
      <c r="A94" s="5">
        <v>73</v>
      </c>
      <c r="B94" s="22">
        <v>49</v>
      </c>
      <c r="C94" s="14">
        <v>56</v>
      </c>
      <c r="D94" s="18">
        <v>105</v>
      </c>
    </row>
    <row r="95" spans="1:4" ht="18" customHeight="1" x14ac:dyDescent="0.15">
      <c r="A95" s="5">
        <v>74</v>
      </c>
      <c r="B95" s="22">
        <v>36</v>
      </c>
      <c r="C95" s="14">
        <v>48</v>
      </c>
      <c r="D95" s="18">
        <v>84</v>
      </c>
    </row>
    <row r="96" spans="1:4" ht="18" customHeight="1" x14ac:dyDescent="0.15">
      <c r="A96" s="5" t="s">
        <v>33</v>
      </c>
      <c r="B96" s="22">
        <v>196</v>
      </c>
      <c r="C96" s="14">
        <v>235</v>
      </c>
      <c r="D96" s="18">
        <v>431</v>
      </c>
    </row>
    <row r="97" spans="1:4" ht="18" customHeight="1" x14ac:dyDescent="0.15">
      <c r="A97" s="5">
        <v>75</v>
      </c>
      <c r="B97" s="22">
        <v>50</v>
      </c>
      <c r="C97" s="14">
        <v>54</v>
      </c>
      <c r="D97" s="18">
        <v>104</v>
      </c>
    </row>
    <row r="98" spans="1:4" ht="18" customHeight="1" x14ac:dyDescent="0.15">
      <c r="A98" s="5">
        <v>76</v>
      </c>
      <c r="B98" s="22">
        <v>53</v>
      </c>
      <c r="C98" s="14">
        <v>81</v>
      </c>
      <c r="D98" s="18">
        <v>134</v>
      </c>
    </row>
    <row r="99" spans="1:4" ht="18" customHeight="1" x14ac:dyDescent="0.15">
      <c r="A99" s="5">
        <v>77</v>
      </c>
      <c r="B99" s="22">
        <v>60</v>
      </c>
      <c r="C99" s="14">
        <v>70</v>
      </c>
      <c r="D99" s="18">
        <v>130</v>
      </c>
    </row>
    <row r="100" spans="1:4" ht="18" customHeight="1" x14ac:dyDescent="0.15">
      <c r="A100" s="5">
        <v>78</v>
      </c>
      <c r="B100" s="22">
        <v>56</v>
      </c>
      <c r="C100" s="14">
        <v>69</v>
      </c>
      <c r="D100" s="18">
        <v>125</v>
      </c>
    </row>
    <row r="101" spans="1:4" ht="18" customHeight="1" x14ac:dyDescent="0.15">
      <c r="A101" s="5">
        <v>79</v>
      </c>
      <c r="B101" s="22">
        <v>32</v>
      </c>
      <c r="C101" s="14">
        <v>38</v>
      </c>
      <c r="D101" s="18">
        <v>70</v>
      </c>
    </row>
    <row r="102" spans="1:4" ht="18" customHeight="1" x14ac:dyDescent="0.15">
      <c r="A102" s="5" t="s">
        <v>0</v>
      </c>
      <c r="B102" s="22">
        <v>251</v>
      </c>
      <c r="C102" s="14">
        <v>312</v>
      </c>
      <c r="D102" s="18">
        <v>563</v>
      </c>
    </row>
    <row r="103" spans="1:4" ht="18" customHeight="1" x14ac:dyDescent="0.15">
      <c r="A103" s="5">
        <v>80</v>
      </c>
      <c r="B103" s="22">
        <v>21</v>
      </c>
      <c r="C103" s="14">
        <v>46</v>
      </c>
      <c r="D103" s="18">
        <v>67</v>
      </c>
    </row>
    <row r="104" spans="1:4" ht="18" customHeight="1" x14ac:dyDescent="0.15">
      <c r="A104" s="5">
        <v>81</v>
      </c>
      <c r="B104" s="22">
        <v>36</v>
      </c>
      <c r="C104" s="14">
        <v>57</v>
      </c>
      <c r="D104" s="18">
        <v>93</v>
      </c>
    </row>
    <row r="105" spans="1:4" ht="18" customHeight="1" x14ac:dyDescent="0.15">
      <c r="A105" s="5">
        <v>82</v>
      </c>
      <c r="B105" s="22">
        <v>40</v>
      </c>
      <c r="C105" s="14">
        <v>60</v>
      </c>
      <c r="D105" s="18">
        <v>100</v>
      </c>
    </row>
    <row r="106" spans="1:4" ht="18" customHeight="1" x14ac:dyDescent="0.15">
      <c r="A106" s="5">
        <v>83</v>
      </c>
      <c r="B106" s="22">
        <v>28</v>
      </c>
      <c r="C106" s="14">
        <v>44</v>
      </c>
      <c r="D106" s="18">
        <v>72</v>
      </c>
    </row>
    <row r="107" spans="1:4" ht="18" customHeight="1" x14ac:dyDescent="0.15">
      <c r="A107" s="5">
        <v>84</v>
      </c>
      <c r="B107" s="22">
        <v>31</v>
      </c>
      <c r="C107" s="14">
        <v>37</v>
      </c>
      <c r="D107" s="18">
        <v>68</v>
      </c>
    </row>
    <row r="108" spans="1:4" ht="18" customHeight="1" x14ac:dyDescent="0.15">
      <c r="A108" s="5" t="s">
        <v>35</v>
      </c>
      <c r="B108" s="22">
        <v>156</v>
      </c>
      <c r="C108" s="14">
        <v>244</v>
      </c>
      <c r="D108" s="18">
        <v>400</v>
      </c>
    </row>
    <row r="109" spans="1:4" ht="18" customHeight="1" x14ac:dyDescent="0.15">
      <c r="A109" s="5">
        <v>85</v>
      </c>
      <c r="B109" s="22">
        <v>34</v>
      </c>
      <c r="C109" s="14">
        <v>42</v>
      </c>
      <c r="D109" s="18">
        <v>76</v>
      </c>
    </row>
    <row r="110" spans="1:4" ht="18" customHeight="1" x14ac:dyDescent="0.15">
      <c r="A110" s="5">
        <v>86</v>
      </c>
      <c r="B110" s="22">
        <v>28</v>
      </c>
      <c r="C110" s="14">
        <v>24</v>
      </c>
      <c r="D110" s="18">
        <v>52</v>
      </c>
    </row>
    <row r="111" spans="1:4" ht="18" customHeight="1" x14ac:dyDescent="0.15">
      <c r="A111" s="5">
        <v>87</v>
      </c>
      <c r="B111" s="22">
        <v>15</v>
      </c>
      <c r="C111" s="14">
        <v>20</v>
      </c>
      <c r="D111" s="18">
        <v>35</v>
      </c>
    </row>
    <row r="112" spans="1:4" ht="18" customHeight="1" x14ac:dyDescent="0.15">
      <c r="A112" s="5">
        <v>88</v>
      </c>
      <c r="B112" s="22">
        <v>18</v>
      </c>
      <c r="C112" s="14">
        <v>37</v>
      </c>
      <c r="D112" s="18">
        <v>55</v>
      </c>
    </row>
    <row r="113" spans="1:4" ht="18" customHeight="1" x14ac:dyDescent="0.15">
      <c r="A113" s="5">
        <v>89</v>
      </c>
      <c r="B113" s="22">
        <v>14</v>
      </c>
      <c r="C113" s="14">
        <v>29</v>
      </c>
      <c r="D113" s="18">
        <v>43</v>
      </c>
    </row>
    <row r="114" spans="1:4" ht="18" customHeight="1" x14ac:dyDescent="0.15">
      <c r="A114" s="5" t="s">
        <v>37</v>
      </c>
      <c r="B114" s="22">
        <v>109</v>
      </c>
      <c r="C114" s="14">
        <v>152</v>
      </c>
      <c r="D114" s="18">
        <v>261</v>
      </c>
    </row>
    <row r="115" spans="1:4" ht="18" customHeight="1" x14ac:dyDescent="0.15">
      <c r="A115" s="5">
        <v>90</v>
      </c>
      <c r="B115" s="22">
        <v>13</v>
      </c>
      <c r="C115" s="14">
        <v>34</v>
      </c>
      <c r="D115" s="18">
        <v>47</v>
      </c>
    </row>
    <row r="116" spans="1:4" ht="18" customHeight="1" x14ac:dyDescent="0.15">
      <c r="A116" s="5">
        <v>91</v>
      </c>
      <c r="B116" s="22">
        <v>5</v>
      </c>
      <c r="C116" s="14">
        <v>18</v>
      </c>
      <c r="D116" s="18">
        <v>23</v>
      </c>
    </row>
    <row r="117" spans="1:4" ht="18" customHeight="1" x14ac:dyDescent="0.15">
      <c r="A117" s="5">
        <v>92</v>
      </c>
      <c r="B117" s="22">
        <v>9</v>
      </c>
      <c r="C117" s="14">
        <v>21</v>
      </c>
      <c r="D117" s="18">
        <v>30</v>
      </c>
    </row>
    <row r="118" spans="1:4" ht="18" customHeight="1" x14ac:dyDescent="0.15">
      <c r="A118" s="5">
        <v>93</v>
      </c>
      <c r="B118" s="22">
        <v>7</v>
      </c>
      <c r="C118" s="14">
        <v>21</v>
      </c>
      <c r="D118" s="18">
        <v>28</v>
      </c>
    </row>
    <row r="119" spans="1:4" ht="18" customHeight="1" x14ac:dyDescent="0.15">
      <c r="A119" s="5">
        <v>94</v>
      </c>
      <c r="B119" s="22">
        <v>7</v>
      </c>
      <c r="C119" s="14">
        <v>11</v>
      </c>
      <c r="D119" s="18">
        <v>18</v>
      </c>
    </row>
    <row r="120" spans="1:4" ht="18" customHeight="1" x14ac:dyDescent="0.15">
      <c r="A120" s="5" t="s">
        <v>39</v>
      </c>
      <c r="B120" s="22">
        <v>41</v>
      </c>
      <c r="C120" s="14">
        <v>105</v>
      </c>
      <c r="D120" s="18">
        <v>146</v>
      </c>
    </row>
    <row r="121" spans="1:4" ht="18" customHeight="1" x14ac:dyDescent="0.15">
      <c r="A121" s="5">
        <v>95</v>
      </c>
      <c r="B121" s="22">
        <v>1</v>
      </c>
      <c r="C121" s="14">
        <v>7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5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21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972</v>
      </c>
      <c r="C130" s="14">
        <v>1290</v>
      </c>
      <c r="D130" s="18">
        <v>2262</v>
      </c>
    </row>
    <row r="131" spans="1:4" ht="18" customHeight="1" x14ac:dyDescent="0.15">
      <c r="A131" s="7" t="s">
        <v>45</v>
      </c>
      <c r="B131" s="23">
        <v>3266</v>
      </c>
      <c r="C131" s="15">
        <v>3422</v>
      </c>
      <c r="D131" s="19">
        <v>66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6</v>
      </c>
      <c r="D5" s="17">
        <v>15</v>
      </c>
    </row>
    <row r="6" spans="1:4" ht="18" customHeight="1" x14ac:dyDescent="0.15">
      <c r="A6" s="5">
        <v>1</v>
      </c>
      <c r="B6" s="22">
        <v>10</v>
      </c>
      <c r="C6" s="14">
        <v>11</v>
      </c>
      <c r="D6" s="18">
        <v>21</v>
      </c>
    </row>
    <row r="7" spans="1:4" ht="18" customHeight="1" x14ac:dyDescent="0.15">
      <c r="A7" s="5">
        <v>2</v>
      </c>
      <c r="B7" s="22">
        <v>16</v>
      </c>
      <c r="C7" s="14">
        <v>10</v>
      </c>
      <c r="D7" s="18">
        <v>26</v>
      </c>
    </row>
    <row r="8" spans="1:4" ht="18" customHeight="1" x14ac:dyDescent="0.15">
      <c r="A8" s="5">
        <v>3</v>
      </c>
      <c r="B8" s="22">
        <v>11</v>
      </c>
      <c r="C8" s="14">
        <v>13</v>
      </c>
      <c r="D8" s="18">
        <v>24</v>
      </c>
    </row>
    <row r="9" spans="1:4" ht="18" customHeight="1" x14ac:dyDescent="0.15">
      <c r="A9" s="5">
        <v>4</v>
      </c>
      <c r="B9" s="22">
        <v>15</v>
      </c>
      <c r="C9" s="14">
        <v>12</v>
      </c>
      <c r="D9" s="18">
        <v>27</v>
      </c>
    </row>
    <row r="10" spans="1:4" ht="18" customHeight="1" x14ac:dyDescent="0.15">
      <c r="A10" s="5" t="s">
        <v>7</v>
      </c>
      <c r="B10" s="22">
        <v>61</v>
      </c>
      <c r="C10" s="14">
        <v>52</v>
      </c>
      <c r="D10" s="18">
        <v>113</v>
      </c>
    </row>
    <row r="11" spans="1:4" ht="18" customHeight="1" x14ac:dyDescent="0.15">
      <c r="A11" s="5">
        <v>5</v>
      </c>
      <c r="B11" s="22">
        <v>9</v>
      </c>
      <c r="C11" s="14">
        <v>17</v>
      </c>
      <c r="D11" s="18">
        <v>26</v>
      </c>
    </row>
    <row r="12" spans="1:4" ht="18" customHeight="1" x14ac:dyDescent="0.15">
      <c r="A12" s="5">
        <v>6</v>
      </c>
      <c r="B12" s="22">
        <v>18</v>
      </c>
      <c r="C12" s="14">
        <v>13</v>
      </c>
      <c r="D12" s="18">
        <v>31</v>
      </c>
    </row>
    <row r="13" spans="1:4" ht="18" customHeight="1" x14ac:dyDescent="0.15">
      <c r="A13" s="5">
        <v>7</v>
      </c>
      <c r="B13" s="22">
        <v>14</v>
      </c>
      <c r="C13" s="14">
        <v>13</v>
      </c>
      <c r="D13" s="18">
        <v>27</v>
      </c>
    </row>
    <row r="14" spans="1:4" ht="18" customHeight="1" x14ac:dyDescent="0.15">
      <c r="A14" s="5">
        <v>8</v>
      </c>
      <c r="B14" s="22">
        <v>19</v>
      </c>
      <c r="C14" s="14">
        <v>11</v>
      </c>
      <c r="D14" s="18">
        <v>30</v>
      </c>
    </row>
    <row r="15" spans="1:4" ht="18" customHeight="1" x14ac:dyDescent="0.15">
      <c r="A15" s="5">
        <v>9</v>
      </c>
      <c r="B15" s="22">
        <v>23</v>
      </c>
      <c r="C15" s="14">
        <v>12</v>
      </c>
      <c r="D15" s="18">
        <v>35</v>
      </c>
    </row>
    <row r="16" spans="1:4" ht="18" customHeight="1" x14ac:dyDescent="0.15">
      <c r="A16" s="5" t="s">
        <v>11</v>
      </c>
      <c r="B16" s="22">
        <v>83</v>
      </c>
      <c r="C16" s="14">
        <v>66</v>
      </c>
      <c r="D16" s="18">
        <v>149</v>
      </c>
    </row>
    <row r="17" spans="1:4" ht="18" customHeight="1" x14ac:dyDescent="0.15">
      <c r="A17" s="5">
        <v>10</v>
      </c>
      <c r="B17" s="22">
        <v>18</v>
      </c>
      <c r="C17" s="14">
        <v>25</v>
      </c>
      <c r="D17" s="18">
        <v>43</v>
      </c>
    </row>
    <row r="18" spans="1:4" ht="18" customHeight="1" x14ac:dyDescent="0.15">
      <c r="A18" s="5">
        <v>11</v>
      </c>
      <c r="B18" s="22">
        <v>21</v>
      </c>
      <c r="C18" s="14">
        <v>23</v>
      </c>
      <c r="D18" s="18">
        <v>44</v>
      </c>
    </row>
    <row r="19" spans="1:4" ht="18" customHeight="1" x14ac:dyDescent="0.15">
      <c r="A19" s="5">
        <v>12</v>
      </c>
      <c r="B19" s="22">
        <v>20</v>
      </c>
      <c r="C19" s="14">
        <v>19</v>
      </c>
      <c r="D19" s="18">
        <v>39</v>
      </c>
    </row>
    <row r="20" spans="1:4" ht="18" customHeight="1" x14ac:dyDescent="0.15">
      <c r="A20" s="5">
        <v>13</v>
      </c>
      <c r="B20" s="22">
        <v>28</v>
      </c>
      <c r="C20" s="14">
        <v>20</v>
      </c>
      <c r="D20" s="18">
        <v>48</v>
      </c>
    </row>
    <row r="21" spans="1:4" ht="18" customHeight="1" x14ac:dyDescent="0.15">
      <c r="A21" s="5">
        <v>14</v>
      </c>
      <c r="B21" s="22">
        <v>26</v>
      </c>
      <c r="C21" s="14">
        <v>25</v>
      </c>
      <c r="D21" s="18">
        <v>51</v>
      </c>
    </row>
    <row r="22" spans="1:4" ht="18" customHeight="1" x14ac:dyDescent="0.15">
      <c r="A22" s="5" t="s">
        <v>12</v>
      </c>
      <c r="B22" s="22">
        <v>113</v>
      </c>
      <c r="C22" s="14">
        <v>112</v>
      </c>
      <c r="D22" s="18">
        <v>225</v>
      </c>
    </row>
    <row r="23" spans="1:4" ht="18" customHeight="1" x14ac:dyDescent="0.15">
      <c r="A23" s="5" t="s">
        <v>6</v>
      </c>
      <c r="B23" s="22">
        <v>257</v>
      </c>
      <c r="C23" s="14">
        <v>230</v>
      </c>
      <c r="D23" s="18">
        <v>487</v>
      </c>
    </row>
    <row r="24" spans="1:4" ht="18" customHeight="1" x14ac:dyDescent="0.15">
      <c r="A24" s="5">
        <v>15</v>
      </c>
      <c r="B24" s="22">
        <v>24</v>
      </c>
      <c r="C24" s="14">
        <v>35</v>
      </c>
      <c r="D24" s="18">
        <v>59</v>
      </c>
    </row>
    <row r="25" spans="1:4" ht="18" customHeight="1" x14ac:dyDescent="0.15">
      <c r="A25" s="5">
        <v>16</v>
      </c>
      <c r="B25" s="22">
        <v>27</v>
      </c>
      <c r="C25" s="14">
        <v>24</v>
      </c>
      <c r="D25" s="18">
        <v>51</v>
      </c>
    </row>
    <row r="26" spans="1:4" ht="18" customHeight="1" x14ac:dyDescent="0.15">
      <c r="A26" s="5">
        <v>17</v>
      </c>
      <c r="B26" s="22">
        <v>19</v>
      </c>
      <c r="C26" s="14">
        <v>24</v>
      </c>
      <c r="D26" s="18">
        <v>43</v>
      </c>
    </row>
    <row r="27" spans="1:4" ht="18" customHeight="1" x14ac:dyDescent="0.15">
      <c r="A27" s="5">
        <v>18</v>
      </c>
      <c r="B27" s="22">
        <v>33</v>
      </c>
      <c r="C27" s="14">
        <v>28</v>
      </c>
      <c r="D27" s="18">
        <v>61</v>
      </c>
    </row>
    <row r="28" spans="1:4" ht="18" customHeight="1" x14ac:dyDescent="0.15">
      <c r="A28" s="5">
        <v>19</v>
      </c>
      <c r="B28" s="22">
        <v>27</v>
      </c>
      <c r="C28" s="14">
        <v>20</v>
      </c>
      <c r="D28" s="18">
        <v>47</v>
      </c>
    </row>
    <row r="29" spans="1:4" ht="18" customHeight="1" x14ac:dyDescent="0.15">
      <c r="A29" s="5" t="s">
        <v>14</v>
      </c>
      <c r="B29" s="22">
        <v>130</v>
      </c>
      <c r="C29" s="14">
        <v>131</v>
      </c>
      <c r="D29" s="18">
        <v>261</v>
      </c>
    </row>
    <row r="30" spans="1:4" ht="18" customHeight="1" x14ac:dyDescent="0.15">
      <c r="A30" s="5">
        <v>20</v>
      </c>
      <c r="B30" s="22">
        <v>22</v>
      </c>
      <c r="C30" s="14">
        <v>32</v>
      </c>
      <c r="D30" s="18">
        <v>54</v>
      </c>
    </row>
    <row r="31" spans="1:4" ht="18" customHeight="1" x14ac:dyDescent="0.15">
      <c r="A31" s="5">
        <v>21</v>
      </c>
      <c r="B31" s="22">
        <v>30</v>
      </c>
      <c r="C31" s="14">
        <v>18</v>
      </c>
      <c r="D31" s="18">
        <v>48</v>
      </c>
    </row>
    <row r="32" spans="1:4" ht="18" customHeight="1" x14ac:dyDescent="0.15">
      <c r="A32" s="5">
        <v>22</v>
      </c>
      <c r="B32" s="22">
        <v>22</v>
      </c>
      <c r="C32" s="14">
        <v>25</v>
      </c>
      <c r="D32" s="18">
        <v>47</v>
      </c>
    </row>
    <row r="33" spans="1:4" ht="18" customHeight="1" x14ac:dyDescent="0.15">
      <c r="A33" s="5">
        <v>23</v>
      </c>
      <c r="B33" s="22">
        <v>27</v>
      </c>
      <c r="C33" s="14">
        <v>14</v>
      </c>
      <c r="D33" s="18">
        <v>41</v>
      </c>
    </row>
    <row r="34" spans="1:4" ht="18" customHeight="1" x14ac:dyDescent="0.15">
      <c r="A34" s="5">
        <v>24</v>
      </c>
      <c r="B34" s="22">
        <v>27</v>
      </c>
      <c r="C34" s="14">
        <v>23</v>
      </c>
      <c r="D34" s="18">
        <v>50</v>
      </c>
    </row>
    <row r="35" spans="1:4" ht="18" customHeight="1" x14ac:dyDescent="0.15">
      <c r="A35" s="5" t="s">
        <v>9</v>
      </c>
      <c r="B35" s="22">
        <v>128</v>
      </c>
      <c r="C35" s="14">
        <v>112</v>
      </c>
      <c r="D35" s="18">
        <v>240</v>
      </c>
    </row>
    <row r="36" spans="1:4" ht="18" customHeight="1" x14ac:dyDescent="0.15">
      <c r="A36" s="5">
        <v>25</v>
      </c>
      <c r="B36" s="22">
        <v>18</v>
      </c>
      <c r="C36" s="14">
        <v>14</v>
      </c>
      <c r="D36" s="18">
        <v>32</v>
      </c>
    </row>
    <row r="37" spans="1:4" ht="18" customHeight="1" x14ac:dyDescent="0.15">
      <c r="A37" s="5">
        <v>26</v>
      </c>
      <c r="B37" s="22">
        <v>17</v>
      </c>
      <c r="C37" s="14">
        <v>15</v>
      </c>
      <c r="D37" s="18">
        <v>32</v>
      </c>
    </row>
    <row r="38" spans="1:4" ht="18" customHeight="1" x14ac:dyDescent="0.15">
      <c r="A38" s="5">
        <v>27</v>
      </c>
      <c r="B38" s="22">
        <v>20</v>
      </c>
      <c r="C38" s="14">
        <v>18</v>
      </c>
      <c r="D38" s="18">
        <v>38</v>
      </c>
    </row>
    <row r="39" spans="1:4" ht="18" customHeight="1" x14ac:dyDescent="0.15">
      <c r="A39" s="5">
        <v>28</v>
      </c>
      <c r="B39" s="22">
        <v>22</v>
      </c>
      <c r="C39" s="14">
        <v>15</v>
      </c>
      <c r="D39" s="18">
        <v>37</v>
      </c>
    </row>
    <row r="40" spans="1:4" ht="18" customHeight="1" x14ac:dyDescent="0.15">
      <c r="A40" s="5">
        <v>29</v>
      </c>
      <c r="B40" s="22">
        <v>23</v>
      </c>
      <c r="C40" s="14">
        <v>15</v>
      </c>
      <c r="D40" s="18">
        <v>38</v>
      </c>
    </row>
    <row r="41" spans="1:4" ht="18" customHeight="1" x14ac:dyDescent="0.15">
      <c r="A41" s="5" t="s">
        <v>2</v>
      </c>
      <c r="B41" s="22">
        <v>100</v>
      </c>
      <c r="C41" s="14">
        <v>77</v>
      </c>
      <c r="D41" s="18">
        <v>177</v>
      </c>
    </row>
    <row r="42" spans="1:4" ht="18" customHeight="1" x14ac:dyDescent="0.15">
      <c r="A42" s="5">
        <v>30</v>
      </c>
      <c r="B42" s="22">
        <v>17</v>
      </c>
      <c r="C42" s="14">
        <v>16</v>
      </c>
      <c r="D42" s="18">
        <v>33</v>
      </c>
    </row>
    <row r="43" spans="1:4" ht="18" customHeight="1" x14ac:dyDescent="0.15">
      <c r="A43" s="5">
        <v>31</v>
      </c>
      <c r="B43" s="22">
        <v>17</v>
      </c>
      <c r="C43" s="14">
        <v>18</v>
      </c>
      <c r="D43" s="18">
        <v>35</v>
      </c>
    </row>
    <row r="44" spans="1:4" ht="18" customHeight="1" x14ac:dyDescent="0.15">
      <c r="A44" s="5">
        <v>32</v>
      </c>
      <c r="B44" s="22">
        <v>22</v>
      </c>
      <c r="C44" s="14">
        <v>16</v>
      </c>
      <c r="D44" s="18">
        <v>38</v>
      </c>
    </row>
    <row r="45" spans="1:4" ht="18" customHeight="1" x14ac:dyDescent="0.15">
      <c r="A45" s="5">
        <v>33</v>
      </c>
      <c r="B45" s="22">
        <v>15</v>
      </c>
      <c r="C45" s="14">
        <v>13</v>
      </c>
      <c r="D45" s="18">
        <v>28</v>
      </c>
    </row>
    <row r="46" spans="1:4" ht="18" customHeight="1" x14ac:dyDescent="0.15">
      <c r="A46" s="5">
        <v>34</v>
      </c>
      <c r="B46" s="22">
        <v>25</v>
      </c>
      <c r="C46" s="14">
        <v>19</v>
      </c>
      <c r="D46" s="18">
        <v>44</v>
      </c>
    </row>
    <row r="47" spans="1:4" ht="18" customHeight="1" x14ac:dyDescent="0.15">
      <c r="A47" s="5" t="s">
        <v>15</v>
      </c>
      <c r="B47" s="22">
        <v>96</v>
      </c>
      <c r="C47" s="14">
        <v>82</v>
      </c>
      <c r="D47" s="18">
        <v>178</v>
      </c>
    </row>
    <row r="48" spans="1:4" ht="18" customHeight="1" x14ac:dyDescent="0.15">
      <c r="A48" s="5">
        <v>35</v>
      </c>
      <c r="B48" s="22">
        <v>13</v>
      </c>
      <c r="C48" s="14">
        <v>12</v>
      </c>
      <c r="D48" s="18">
        <v>25</v>
      </c>
    </row>
    <row r="49" spans="1:4" ht="18" customHeight="1" x14ac:dyDescent="0.15">
      <c r="A49" s="5">
        <v>36</v>
      </c>
      <c r="B49" s="22">
        <v>15</v>
      </c>
      <c r="C49" s="14">
        <v>21</v>
      </c>
      <c r="D49" s="18">
        <v>36</v>
      </c>
    </row>
    <row r="50" spans="1:4" ht="18" customHeight="1" x14ac:dyDescent="0.15">
      <c r="A50" s="5">
        <v>37</v>
      </c>
      <c r="B50" s="22">
        <v>20</v>
      </c>
      <c r="C50" s="14">
        <v>24</v>
      </c>
      <c r="D50" s="18">
        <v>44</v>
      </c>
    </row>
    <row r="51" spans="1:4" ht="18" customHeight="1" x14ac:dyDescent="0.15">
      <c r="A51" s="5">
        <v>38</v>
      </c>
      <c r="B51" s="22">
        <v>25</v>
      </c>
      <c r="C51" s="14">
        <v>22</v>
      </c>
      <c r="D51" s="18">
        <v>47</v>
      </c>
    </row>
    <row r="52" spans="1:4" ht="18" customHeight="1" x14ac:dyDescent="0.15">
      <c r="A52" s="5">
        <v>39</v>
      </c>
      <c r="B52" s="22">
        <v>29</v>
      </c>
      <c r="C52" s="14">
        <v>21</v>
      </c>
      <c r="D52" s="18">
        <v>50</v>
      </c>
    </row>
    <row r="53" spans="1:4" ht="18" customHeight="1" x14ac:dyDescent="0.15">
      <c r="A53" s="5" t="s">
        <v>18</v>
      </c>
      <c r="B53" s="22">
        <v>102</v>
      </c>
      <c r="C53" s="14">
        <v>100</v>
      </c>
      <c r="D53" s="18">
        <v>202</v>
      </c>
    </row>
    <row r="54" spans="1:4" ht="18" customHeight="1" x14ac:dyDescent="0.15">
      <c r="A54" s="5">
        <v>40</v>
      </c>
      <c r="B54" s="22">
        <v>24</v>
      </c>
      <c r="C54" s="14">
        <v>26</v>
      </c>
      <c r="D54" s="18">
        <v>50</v>
      </c>
    </row>
    <row r="55" spans="1:4" ht="18" customHeight="1" x14ac:dyDescent="0.15">
      <c r="A55" s="5">
        <v>41</v>
      </c>
      <c r="B55" s="22">
        <v>24</v>
      </c>
      <c r="C55" s="14">
        <v>26</v>
      </c>
      <c r="D55" s="18">
        <v>50</v>
      </c>
    </row>
    <row r="56" spans="1:4" ht="18" customHeight="1" x14ac:dyDescent="0.15">
      <c r="A56" s="5">
        <v>42</v>
      </c>
      <c r="B56" s="22">
        <v>24</v>
      </c>
      <c r="C56" s="14">
        <v>26</v>
      </c>
      <c r="D56" s="18">
        <v>50</v>
      </c>
    </row>
    <row r="57" spans="1:4" ht="18" customHeight="1" x14ac:dyDescent="0.15">
      <c r="A57" s="5">
        <v>43</v>
      </c>
      <c r="B57" s="22">
        <v>32</v>
      </c>
      <c r="C57" s="14">
        <v>30</v>
      </c>
      <c r="D57" s="18">
        <v>62</v>
      </c>
    </row>
    <row r="58" spans="1:4" ht="18" customHeight="1" x14ac:dyDescent="0.15">
      <c r="A58" s="5">
        <v>44</v>
      </c>
      <c r="B58" s="22">
        <v>33</v>
      </c>
      <c r="C58" s="14">
        <v>35</v>
      </c>
      <c r="D58" s="18">
        <v>68</v>
      </c>
    </row>
    <row r="59" spans="1:4" ht="18" customHeight="1" x14ac:dyDescent="0.15">
      <c r="A59" s="5" t="s">
        <v>21</v>
      </c>
      <c r="B59" s="22">
        <v>137</v>
      </c>
      <c r="C59" s="14">
        <v>143</v>
      </c>
      <c r="D59" s="18">
        <v>280</v>
      </c>
    </row>
    <row r="60" spans="1:4" ht="18" customHeight="1" x14ac:dyDescent="0.15">
      <c r="A60" s="5">
        <v>45</v>
      </c>
      <c r="B60" s="22">
        <v>37</v>
      </c>
      <c r="C60" s="14">
        <v>32</v>
      </c>
      <c r="D60" s="18">
        <v>69</v>
      </c>
    </row>
    <row r="61" spans="1:4" ht="18" customHeight="1" x14ac:dyDescent="0.15">
      <c r="A61" s="5">
        <v>46</v>
      </c>
      <c r="B61" s="22">
        <v>33</v>
      </c>
      <c r="C61" s="14">
        <v>42</v>
      </c>
      <c r="D61" s="18">
        <v>75</v>
      </c>
    </row>
    <row r="62" spans="1:4" ht="18" customHeight="1" x14ac:dyDescent="0.15">
      <c r="A62" s="5">
        <v>47</v>
      </c>
      <c r="B62" s="22">
        <v>53</v>
      </c>
      <c r="C62" s="14">
        <v>44</v>
      </c>
      <c r="D62" s="18">
        <v>97</v>
      </c>
    </row>
    <row r="63" spans="1:4" ht="18" customHeight="1" x14ac:dyDescent="0.15">
      <c r="A63" s="5">
        <v>48</v>
      </c>
      <c r="B63" s="22">
        <v>47</v>
      </c>
      <c r="C63" s="14">
        <v>26</v>
      </c>
      <c r="D63" s="18">
        <v>73</v>
      </c>
    </row>
    <row r="64" spans="1:4" ht="18" customHeight="1" x14ac:dyDescent="0.15">
      <c r="A64" s="5">
        <v>49</v>
      </c>
      <c r="B64" s="22">
        <v>38</v>
      </c>
      <c r="C64" s="14">
        <v>33</v>
      </c>
      <c r="D64" s="18">
        <v>71</v>
      </c>
    </row>
    <row r="65" spans="1:4" ht="18" customHeight="1" x14ac:dyDescent="0.15">
      <c r="A65" s="5" t="s">
        <v>17</v>
      </c>
      <c r="B65" s="22">
        <v>208</v>
      </c>
      <c r="C65" s="14">
        <v>177</v>
      </c>
      <c r="D65" s="18">
        <v>385</v>
      </c>
    </row>
    <row r="66" spans="1:4" ht="18" customHeight="1" x14ac:dyDescent="0.15">
      <c r="A66" s="5">
        <v>50</v>
      </c>
      <c r="B66" s="22">
        <v>53</v>
      </c>
      <c r="C66" s="14">
        <v>39</v>
      </c>
      <c r="D66" s="18">
        <v>92</v>
      </c>
    </row>
    <row r="67" spans="1:4" ht="18" customHeight="1" x14ac:dyDescent="0.15">
      <c r="A67" s="5">
        <v>51</v>
      </c>
      <c r="B67" s="22">
        <v>42</v>
      </c>
      <c r="C67" s="14">
        <v>54</v>
      </c>
      <c r="D67" s="18">
        <v>96</v>
      </c>
    </row>
    <row r="68" spans="1:4" ht="18" customHeight="1" x14ac:dyDescent="0.15">
      <c r="A68" s="5">
        <v>52</v>
      </c>
      <c r="B68" s="22">
        <v>53</v>
      </c>
      <c r="C68" s="14">
        <v>45</v>
      </c>
      <c r="D68" s="18">
        <v>98</v>
      </c>
    </row>
    <row r="69" spans="1:4" ht="18" customHeight="1" x14ac:dyDescent="0.15">
      <c r="A69" s="5">
        <v>53</v>
      </c>
      <c r="B69" s="22">
        <v>51</v>
      </c>
      <c r="C69" s="14">
        <v>55</v>
      </c>
      <c r="D69" s="18">
        <v>106</v>
      </c>
    </row>
    <row r="70" spans="1:4" ht="18" customHeight="1" x14ac:dyDescent="0.15">
      <c r="A70" s="5">
        <v>54</v>
      </c>
      <c r="B70" s="22">
        <v>38</v>
      </c>
      <c r="C70" s="14">
        <v>52</v>
      </c>
      <c r="D70" s="18">
        <v>90</v>
      </c>
    </row>
    <row r="71" spans="1:4" ht="18" customHeight="1" x14ac:dyDescent="0.15">
      <c r="A71" s="5" t="s">
        <v>22</v>
      </c>
      <c r="B71" s="22">
        <v>237</v>
      </c>
      <c r="C71" s="14">
        <v>245</v>
      </c>
      <c r="D71" s="18">
        <v>482</v>
      </c>
    </row>
    <row r="72" spans="1:4" ht="18" customHeight="1" x14ac:dyDescent="0.15">
      <c r="A72" s="5">
        <v>55</v>
      </c>
      <c r="B72" s="22">
        <v>51</v>
      </c>
      <c r="C72" s="14">
        <v>52</v>
      </c>
      <c r="D72" s="18">
        <v>103</v>
      </c>
    </row>
    <row r="73" spans="1:4" ht="18" customHeight="1" x14ac:dyDescent="0.15">
      <c r="A73" s="5">
        <v>56</v>
      </c>
      <c r="B73" s="22">
        <v>58</v>
      </c>
      <c r="C73" s="14">
        <v>49</v>
      </c>
      <c r="D73" s="18">
        <v>107</v>
      </c>
    </row>
    <row r="74" spans="1:4" ht="18" customHeight="1" x14ac:dyDescent="0.15">
      <c r="A74" s="5">
        <v>57</v>
      </c>
      <c r="B74" s="22">
        <v>49</v>
      </c>
      <c r="C74" s="14">
        <v>34</v>
      </c>
      <c r="D74" s="18">
        <v>83</v>
      </c>
    </row>
    <row r="75" spans="1:4" ht="18" customHeight="1" x14ac:dyDescent="0.15">
      <c r="A75" s="5">
        <v>58</v>
      </c>
      <c r="B75" s="22">
        <v>44</v>
      </c>
      <c r="C75" s="14">
        <v>47</v>
      </c>
      <c r="D75" s="18">
        <v>91</v>
      </c>
    </row>
    <row r="76" spans="1:4" ht="18" customHeight="1" x14ac:dyDescent="0.15">
      <c r="A76" s="5">
        <v>59</v>
      </c>
      <c r="B76" s="22">
        <v>31</v>
      </c>
      <c r="C76" s="14">
        <v>39</v>
      </c>
      <c r="D76" s="18">
        <v>70</v>
      </c>
    </row>
    <row r="77" spans="1:4" ht="18" customHeight="1" x14ac:dyDescent="0.15">
      <c r="A77" s="5" t="s">
        <v>27</v>
      </c>
      <c r="B77" s="22">
        <v>233</v>
      </c>
      <c r="C77" s="14">
        <v>221</v>
      </c>
      <c r="D77" s="18">
        <v>454</v>
      </c>
    </row>
    <row r="78" spans="1:4" ht="18" customHeight="1" x14ac:dyDescent="0.15">
      <c r="A78" s="5">
        <v>60</v>
      </c>
      <c r="B78" s="22">
        <v>44</v>
      </c>
      <c r="C78" s="14">
        <v>38</v>
      </c>
      <c r="D78" s="18">
        <v>82</v>
      </c>
    </row>
    <row r="79" spans="1:4" ht="18" customHeight="1" x14ac:dyDescent="0.15">
      <c r="A79" s="5">
        <v>61</v>
      </c>
      <c r="B79" s="22">
        <v>32</v>
      </c>
      <c r="C79" s="14">
        <v>44</v>
      </c>
      <c r="D79" s="18">
        <v>76</v>
      </c>
    </row>
    <row r="80" spans="1:4" ht="18" customHeight="1" x14ac:dyDescent="0.15">
      <c r="A80" s="5">
        <v>62</v>
      </c>
      <c r="B80" s="22">
        <v>31</v>
      </c>
      <c r="C80" s="14">
        <v>43</v>
      </c>
      <c r="D80" s="18">
        <v>74</v>
      </c>
    </row>
    <row r="81" spans="1:4" ht="18" customHeight="1" x14ac:dyDescent="0.15">
      <c r="A81" s="5">
        <v>63</v>
      </c>
      <c r="B81" s="22">
        <v>39</v>
      </c>
      <c r="C81" s="14">
        <v>35</v>
      </c>
      <c r="D81" s="18">
        <v>74</v>
      </c>
    </row>
    <row r="82" spans="1:4" ht="18" customHeight="1" x14ac:dyDescent="0.15">
      <c r="A82" s="5">
        <v>64</v>
      </c>
      <c r="B82" s="22">
        <v>38</v>
      </c>
      <c r="C82" s="14">
        <v>41</v>
      </c>
      <c r="D82" s="18">
        <v>79</v>
      </c>
    </row>
    <row r="83" spans="1:4" ht="18" customHeight="1" x14ac:dyDescent="0.15">
      <c r="A83" s="5" t="s">
        <v>28</v>
      </c>
      <c r="B83" s="22">
        <v>184</v>
      </c>
      <c r="C83" s="14">
        <v>201</v>
      </c>
      <c r="D83" s="18">
        <v>385</v>
      </c>
    </row>
    <row r="84" spans="1:4" ht="18" customHeight="1" x14ac:dyDescent="0.15">
      <c r="A84" s="5" t="s">
        <v>31</v>
      </c>
      <c r="B84" s="22">
        <v>1555</v>
      </c>
      <c r="C84" s="14">
        <v>1489</v>
      </c>
      <c r="D84" s="18">
        <v>3044</v>
      </c>
    </row>
    <row r="85" spans="1:4" ht="18" customHeight="1" x14ac:dyDescent="0.15">
      <c r="A85" s="5">
        <v>65</v>
      </c>
      <c r="B85" s="22">
        <v>35</v>
      </c>
      <c r="C85" s="14">
        <v>38</v>
      </c>
      <c r="D85" s="18">
        <v>73</v>
      </c>
    </row>
    <row r="86" spans="1:4" ht="18" customHeight="1" x14ac:dyDescent="0.15">
      <c r="A86" s="5">
        <v>66</v>
      </c>
      <c r="B86" s="22">
        <v>24</v>
      </c>
      <c r="C86" s="14">
        <v>42</v>
      </c>
      <c r="D86" s="18">
        <v>66</v>
      </c>
    </row>
    <row r="87" spans="1:4" ht="18" customHeight="1" x14ac:dyDescent="0.15">
      <c r="A87" s="5">
        <v>67</v>
      </c>
      <c r="B87" s="22">
        <v>45</v>
      </c>
      <c r="C87" s="14">
        <v>38</v>
      </c>
      <c r="D87" s="18">
        <v>83</v>
      </c>
    </row>
    <row r="88" spans="1:4" ht="18" customHeight="1" x14ac:dyDescent="0.15">
      <c r="A88" s="5">
        <v>68</v>
      </c>
      <c r="B88" s="22">
        <v>38</v>
      </c>
      <c r="C88" s="14">
        <v>42</v>
      </c>
      <c r="D88" s="18">
        <v>80</v>
      </c>
    </row>
    <row r="89" spans="1:4" ht="18" customHeight="1" x14ac:dyDescent="0.15">
      <c r="A89" s="5">
        <v>69</v>
      </c>
      <c r="B89" s="22">
        <v>29</v>
      </c>
      <c r="C89" s="14">
        <v>41</v>
      </c>
      <c r="D89" s="18">
        <v>70</v>
      </c>
    </row>
    <row r="90" spans="1:4" ht="18" customHeight="1" x14ac:dyDescent="0.15">
      <c r="A90" s="5" t="s">
        <v>20</v>
      </c>
      <c r="B90" s="22">
        <v>171</v>
      </c>
      <c r="C90" s="14">
        <v>201</v>
      </c>
      <c r="D90" s="18">
        <v>372</v>
      </c>
    </row>
    <row r="91" spans="1:4" ht="18" customHeight="1" x14ac:dyDescent="0.15">
      <c r="A91" s="5">
        <v>70</v>
      </c>
      <c r="B91" s="22">
        <v>45</v>
      </c>
      <c r="C91" s="14">
        <v>45</v>
      </c>
      <c r="D91" s="18">
        <v>90</v>
      </c>
    </row>
    <row r="92" spans="1:4" ht="18" customHeight="1" x14ac:dyDescent="0.15">
      <c r="A92" s="5">
        <v>71</v>
      </c>
      <c r="B92" s="22">
        <v>32</v>
      </c>
      <c r="C92" s="14">
        <v>53</v>
      </c>
      <c r="D92" s="18">
        <v>85</v>
      </c>
    </row>
    <row r="93" spans="1:4" ht="18" customHeight="1" x14ac:dyDescent="0.15">
      <c r="A93" s="5">
        <v>72</v>
      </c>
      <c r="B93" s="22">
        <v>37</v>
      </c>
      <c r="C93" s="14">
        <v>61</v>
      </c>
      <c r="D93" s="18">
        <v>98</v>
      </c>
    </row>
    <row r="94" spans="1:4" ht="18" customHeight="1" x14ac:dyDescent="0.15">
      <c r="A94" s="5">
        <v>73</v>
      </c>
      <c r="B94" s="22">
        <v>53</v>
      </c>
      <c r="C94" s="14">
        <v>72</v>
      </c>
      <c r="D94" s="18">
        <v>125</v>
      </c>
    </row>
    <row r="95" spans="1:4" ht="18" customHeight="1" x14ac:dyDescent="0.15">
      <c r="A95" s="5">
        <v>74</v>
      </c>
      <c r="B95" s="22">
        <v>57</v>
      </c>
      <c r="C95" s="14">
        <v>68</v>
      </c>
      <c r="D95" s="18">
        <v>125</v>
      </c>
    </row>
    <row r="96" spans="1:4" ht="18" customHeight="1" x14ac:dyDescent="0.15">
      <c r="A96" s="5" t="s">
        <v>33</v>
      </c>
      <c r="B96" s="22">
        <v>224</v>
      </c>
      <c r="C96" s="14">
        <v>299</v>
      </c>
      <c r="D96" s="18">
        <v>523</v>
      </c>
    </row>
    <row r="97" spans="1:4" ht="18" customHeight="1" x14ac:dyDescent="0.15">
      <c r="A97" s="5">
        <v>75</v>
      </c>
      <c r="B97" s="22">
        <v>65</v>
      </c>
      <c r="C97" s="14">
        <v>71</v>
      </c>
      <c r="D97" s="18">
        <v>136</v>
      </c>
    </row>
    <row r="98" spans="1:4" ht="18" customHeight="1" x14ac:dyDescent="0.15">
      <c r="A98" s="5">
        <v>76</v>
      </c>
      <c r="B98" s="22">
        <v>76</v>
      </c>
      <c r="C98" s="14">
        <v>73</v>
      </c>
      <c r="D98" s="18">
        <v>149</v>
      </c>
    </row>
    <row r="99" spans="1:4" ht="18" customHeight="1" x14ac:dyDescent="0.15">
      <c r="A99" s="5">
        <v>77</v>
      </c>
      <c r="B99" s="22">
        <v>71</v>
      </c>
      <c r="C99" s="14">
        <v>68</v>
      </c>
      <c r="D99" s="18">
        <v>139</v>
      </c>
    </row>
    <row r="100" spans="1:4" ht="18" customHeight="1" x14ac:dyDescent="0.15">
      <c r="A100" s="5">
        <v>78</v>
      </c>
      <c r="B100" s="22">
        <v>64</v>
      </c>
      <c r="C100" s="14">
        <v>83</v>
      </c>
      <c r="D100" s="18">
        <v>147</v>
      </c>
    </row>
    <row r="101" spans="1:4" ht="18" customHeight="1" x14ac:dyDescent="0.15">
      <c r="A101" s="5">
        <v>79</v>
      </c>
      <c r="B101" s="22">
        <v>40</v>
      </c>
      <c r="C101" s="14">
        <v>55</v>
      </c>
      <c r="D101" s="18">
        <v>95</v>
      </c>
    </row>
    <row r="102" spans="1:4" ht="18" customHeight="1" x14ac:dyDescent="0.15">
      <c r="A102" s="5" t="s">
        <v>0</v>
      </c>
      <c r="B102" s="22">
        <v>316</v>
      </c>
      <c r="C102" s="14">
        <v>350</v>
      </c>
      <c r="D102" s="18">
        <v>666</v>
      </c>
    </row>
    <row r="103" spans="1:4" ht="18" customHeight="1" x14ac:dyDescent="0.15">
      <c r="A103" s="5">
        <v>80</v>
      </c>
      <c r="B103" s="22">
        <v>33</v>
      </c>
      <c r="C103" s="14">
        <v>57</v>
      </c>
      <c r="D103" s="18">
        <v>90</v>
      </c>
    </row>
    <row r="104" spans="1:4" ht="18" customHeight="1" x14ac:dyDescent="0.15">
      <c r="A104" s="5">
        <v>81</v>
      </c>
      <c r="B104" s="22">
        <v>55</v>
      </c>
      <c r="C104" s="14">
        <v>51</v>
      </c>
      <c r="D104" s="18">
        <v>106</v>
      </c>
    </row>
    <row r="105" spans="1:4" ht="18" customHeight="1" x14ac:dyDescent="0.15">
      <c r="A105" s="5">
        <v>82</v>
      </c>
      <c r="B105" s="22">
        <v>41</v>
      </c>
      <c r="C105" s="14">
        <v>40</v>
      </c>
      <c r="D105" s="18">
        <v>81</v>
      </c>
    </row>
    <row r="106" spans="1:4" ht="18" customHeight="1" x14ac:dyDescent="0.15">
      <c r="A106" s="5">
        <v>83</v>
      </c>
      <c r="B106" s="22">
        <v>44</v>
      </c>
      <c r="C106" s="14">
        <v>42</v>
      </c>
      <c r="D106" s="18">
        <v>86</v>
      </c>
    </row>
    <row r="107" spans="1:4" ht="18" customHeight="1" x14ac:dyDescent="0.15">
      <c r="A107" s="5">
        <v>84</v>
      </c>
      <c r="B107" s="22">
        <v>27</v>
      </c>
      <c r="C107" s="14">
        <v>51</v>
      </c>
      <c r="D107" s="18">
        <v>78</v>
      </c>
    </row>
    <row r="108" spans="1:4" ht="18" customHeight="1" x14ac:dyDescent="0.15">
      <c r="A108" s="5" t="s">
        <v>35</v>
      </c>
      <c r="B108" s="22">
        <v>200</v>
      </c>
      <c r="C108" s="14">
        <v>241</v>
      </c>
      <c r="D108" s="18">
        <v>441</v>
      </c>
    </row>
    <row r="109" spans="1:4" ht="18" customHeight="1" x14ac:dyDescent="0.15">
      <c r="A109" s="5">
        <v>85</v>
      </c>
      <c r="B109" s="22">
        <v>32</v>
      </c>
      <c r="C109" s="14">
        <v>45</v>
      </c>
      <c r="D109" s="18">
        <v>77</v>
      </c>
    </row>
    <row r="110" spans="1:4" ht="18" customHeight="1" x14ac:dyDescent="0.15">
      <c r="A110" s="5">
        <v>86</v>
      </c>
      <c r="B110" s="22">
        <v>24</v>
      </c>
      <c r="C110" s="14">
        <v>37</v>
      </c>
      <c r="D110" s="18">
        <v>61</v>
      </c>
    </row>
    <row r="111" spans="1:4" ht="18" customHeight="1" x14ac:dyDescent="0.15">
      <c r="A111" s="5">
        <v>87</v>
      </c>
      <c r="B111" s="22">
        <v>19</v>
      </c>
      <c r="C111" s="14">
        <v>21</v>
      </c>
      <c r="D111" s="18">
        <v>40</v>
      </c>
    </row>
    <row r="112" spans="1:4" ht="18" customHeight="1" x14ac:dyDescent="0.15">
      <c r="A112" s="5">
        <v>88</v>
      </c>
      <c r="B112" s="22">
        <v>21</v>
      </c>
      <c r="C112" s="14">
        <v>23</v>
      </c>
      <c r="D112" s="18">
        <v>44</v>
      </c>
    </row>
    <row r="113" spans="1:4" ht="18" customHeight="1" x14ac:dyDescent="0.15">
      <c r="A113" s="5">
        <v>89</v>
      </c>
      <c r="B113" s="22">
        <v>8</v>
      </c>
      <c r="C113" s="14">
        <v>28</v>
      </c>
      <c r="D113" s="18">
        <v>36</v>
      </c>
    </row>
    <row r="114" spans="1:4" ht="18" customHeight="1" x14ac:dyDescent="0.15">
      <c r="A114" s="5" t="s">
        <v>37</v>
      </c>
      <c r="B114" s="22">
        <v>104</v>
      </c>
      <c r="C114" s="14">
        <v>154</v>
      </c>
      <c r="D114" s="18">
        <v>258</v>
      </c>
    </row>
    <row r="115" spans="1:4" ht="18" customHeight="1" x14ac:dyDescent="0.15">
      <c r="A115" s="5">
        <v>90</v>
      </c>
      <c r="B115" s="22">
        <v>7</v>
      </c>
      <c r="C115" s="14">
        <v>26</v>
      </c>
      <c r="D115" s="18">
        <v>33</v>
      </c>
    </row>
    <row r="116" spans="1:4" ht="18" customHeight="1" x14ac:dyDescent="0.15">
      <c r="A116" s="5">
        <v>91</v>
      </c>
      <c r="B116" s="22">
        <v>11</v>
      </c>
      <c r="C116" s="14">
        <v>16</v>
      </c>
      <c r="D116" s="18">
        <v>27</v>
      </c>
    </row>
    <row r="117" spans="1:4" ht="18" customHeight="1" x14ac:dyDescent="0.15">
      <c r="A117" s="5">
        <v>92</v>
      </c>
      <c r="B117" s="22">
        <v>4</v>
      </c>
      <c r="C117" s="14">
        <v>10</v>
      </c>
      <c r="D117" s="18">
        <v>14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3</v>
      </c>
      <c r="C119" s="14">
        <v>11</v>
      </c>
      <c r="D119" s="18">
        <v>14</v>
      </c>
    </row>
    <row r="120" spans="1:4" ht="18" customHeight="1" x14ac:dyDescent="0.15">
      <c r="A120" s="5" t="s">
        <v>39</v>
      </c>
      <c r="B120" s="22">
        <v>29</v>
      </c>
      <c r="C120" s="14">
        <v>76</v>
      </c>
      <c r="D120" s="18">
        <v>105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4</v>
      </c>
      <c r="C123" s="14">
        <v>8</v>
      </c>
      <c r="D123" s="18">
        <v>12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1</v>
      </c>
      <c r="C126" s="14">
        <v>35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2</v>
      </c>
      <c r="C128" s="14">
        <v>3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5</v>
      </c>
      <c r="D129" s="18">
        <v>7</v>
      </c>
    </row>
    <row r="130" spans="1:4" ht="18" customHeight="1" x14ac:dyDescent="0.15">
      <c r="A130" s="5" t="s">
        <v>46</v>
      </c>
      <c r="B130" s="22">
        <v>1057</v>
      </c>
      <c r="C130" s="14">
        <v>1361</v>
      </c>
      <c r="D130" s="18">
        <v>2418</v>
      </c>
    </row>
    <row r="131" spans="1:4" ht="18" customHeight="1" x14ac:dyDescent="0.15">
      <c r="A131" s="7" t="s">
        <v>45</v>
      </c>
      <c r="B131" s="23">
        <v>2869</v>
      </c>
      <c r="C131" s="15">
        <v>3080</v>
      </c>
      <c r="D131" s="19">
        <v>59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7</v>
      </c>
      <c r="D5" s="17">
        <v>16</v>
      </c>
    </row>
    <row r="6" spans="1:4" ht="18" customHeight="1" x14ac:dyDescent="0.15">
      <c r="A6" s="5">
        <v>1</v>
      </c>
      <c r="B6" s="22">
        <v>7</v>
      </c>
      <c r="C6" s="14">
        <v>6</v>
      </c>
      <c r="D6" s="18">
        <v>13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6</v>
      </c>
      <c r="C8" s="14">
        <v>7</v>
      </c>
      <c r="D8" s="18">
        <v>13</v>
      </c>
    </row>
    <row r="9" spans="1:4" ht="18" customHeight="1" x14ac:dyDescent="0.15">
      <c r="A9" s="5">
        <v>4</v>
      </c>
      <c r="B9" s="22">
        <v>7</v>
      </c>
      <c r="C9" s="14">
        <v>7</v>
      </c>
      <c r="D9" s="18">
        <v>14</v>
      </c>
    </row>
    <row r="10" spans="1:4" ht="18" customHeight="1" x14ac:dyDescent="0.15">
      <c r="A10" s="5" t="s">
        <v>7</v>
      </c>
      <c r="B10" s="22">
        <v>36</v>
      </c>
      <c r="C10" s="14">
        <v>38</v>
      </c>
      <c r="D10" s="18">
        <v>74</v>
      </c>
    </row>
    <row r="11" spans="1:4" ht="18" customHeight="1" x14ac:dyDescent="0.15">
      <c r="A11" s="5">
        <v>5</v>
      </c>
      <c r="B11" s="22">
        <v>6</v>
      </c>
      <c r="C11" s="14">
        <v>4</v>
      </c>
      <c r="D11" s="18">
        <v>10</v>
      </c>
    </row>
    <row r="12" spans="1:4" ht="18" customHeight="1" x14ac:dyDescent="0.15">
      <c r="A12" s="5">
        <v>6</v>
      </c>
      <c r="B12" s="22">
        <v>11</v>
      </c>
      <c r="C12" s="14">
        <v>12</v>
      </c>
      <c r="D12" s="18">
        <v>23</v>
      </c>
    </row>
    <row r="13" spans="1:4" ht="18" customHeight="1" x14ac:dyDescent="0.15">
      <c r="A13" s="5">
        <v>7</v>
      </c>
      <c r="B13" s="22">
        <v>2</v>
      </c>
      <c r="C13" s="14">
        <v>4</v>
      </c>
      <c r="D13" s="18">
        <v>6</v>
      </c>
    </row>
    <row r="14" spans="1:4" ht="18" customHeight="1" x14ac:dyDescent="0.15">
      <c r="A14" s="5">
        <v>8</v>
      </c>
      <c r="B14" s="22">
        <v>8</v>
      </c>
      <c r="C14" s="14">
        <v>10</v>
      </c>
      <c r="D14" s="18">
        <v>18</v>
      </c>
    </row>
    <row r="15" spans="1:4" ht="18" customHeight="1" x14ac:dyDescent="0.15">
      <c r="A15" s="5">
        <v>9</v>
      </c>
      <c r="B15" s="22">
        <v>4</v>
      </c>
      <c r="C15" s="14">
        <v>2</v>
      </c>
      <c r="D15" s="18">
        <v>6</v>
      </c>
    </row>
    <row r="16" spans="1:4" ht="18" customHeight="1" x14ac:dyDescent="0.15">
      <c r="A16" s="5" t="s">
        <v>11</v>
      </c>
      <c r="B16" s="22">
        <v>31</v>
      </c>
      <c r="C16" s="14">
        <v>32</v>
      </c>
      <c r="D16" s="18">
        <v>63</v>
      </c>
    </row>
    <row r="17" spans="1:4" ht="18" customHeight="1" x14ac:dyDescent="0.15">
      <c r="A17" s="5">
        <v>10</v>
      </c>
      <c r="B17" s="22">
        <v>10</v>
      </c>
      <c r="C17" s="14">
        <v>3</v>
      </c>
      <c r="D17" s="18">
        <v>13</v>
      </c>
    </row>
    <row r="18" spans="1:4" ht="18" customHeight="1" x14ac:dyDescent="0.15">
      <c r="A18" s="5">
        <v>11</v>
      </c>
      <c r="B18" s="22">
        <v>10</v>
      </c>
      <c r="C18" s="14">
        <v>7</v>
      </c>
      <c r="D18" s="18">
        <v>17</v>
      </c>
    </row>
    <row r="19" spans="1:4" ht="18" customHeight="1" x14ac:dyDescent="0.15">
      <c r="A19" s="5">
        <v>12</v>
      </c>
      <c r="B19" s="22">
        <v>16</v>
      </c>
      <c r="C19" s="14">
        <v>10</v>
      </c>
      <c r="D19" s="18">
        <v>26</v>
      </c>
    </row>
    <row r="20" spans="1:4" ht="18" customHeight="1" x14ac:dyDescent="0.15">
      <c r="A20" s="5">
        <v>13</v>
      </c>
      <c r="B20" s="22">
        <v>12</v>
      </c>
      <c r="C20" s="14">
        <v>8</v>
      </c>
      <c r="D20" s="18">
        <v>20</v>
      </c>
    </row>
    <row r="21" spans="1:4" ht="18" customHeight="1" x14ac:dyDescent="0.15">
      <c r="A21" s="5">
        <v>14</v>
      </c>
      <c r="B21" s="22">
        <v>13</v>
      </c>
      <c r="C21" s="14">
        <v>9</v>
      </c>
      <c r="D21" s="18">
        <v>22</v>
      </c>
    </row>
    <row r="22" spans="1:4" ht="18" customHeight="1" x14ac:dyDescent="0.15">
      <c r="A22" s="5" t="s">
        <v>12</v>
      </c>
      <c r="B22" s="22">
        <v>61</v>
      </c>
      <c r="C22" s="14">
        <v>37</v>
      </c>
      <c r="D22" s="18">
        <v>98</v>
      </c>
    </row>
    <row r="23" spans="1:4" ht="18" customHeight="1" x14ac:dyDescent="0.15">
      <c r="A23" s="5" t="s">
        <v>6</v>
      </c>
      <c r="B23" s="22">
        <v>128</v>
      </c>
      <c r="C23" s="14">
        <v>107</v>
      </c>
      <c r="D23" s="18">
        <v>235</v>
      </c>
    </row>
    <row r="24" spans="1:4" ht="18" customHeight="1" x14ac:dyDescent="0.15">
      <c r="A24" s="5">
        <v>15</v>
      </c>
      <c r="B24" s="22">
        <v>16</v>
      </c>
      <c r="C24" s="14">
        <v>13</v>
      </c>
      <c r="D24" s="18">
        <v>29</v>
      </c>
    </row>
    <row r="25" spans="1:4" ht="18" customHeight="1" x14ac:dyDescent="0.15">
      <c r="A25" s="5">
        <v>16</v>
      </c>
      <c r="B25" s="22">
        <v>14</v>
      </c>
      <c r="C25" s="14">
        <v>10</v>
      </c>
      <c r="D25" s="18">
        <v>24</v>
      </c>
    </row>
    <row r="26" spans="1:4" ht="18" customHeight="1" x14ac:dyDescent="0.15">
      <c r="A26" s="5">
        <v>17</v>
      </c>
      <c r="B26" s="22">
        <v>15</v>
      </c>
      <c r="C26" s="14">
        <v>18</v>
      </c>
      <c r="D26" s="18">
        <v>33</v>
      </c>
    </row>
    <row r="27" spans="1:4" ht="18" customHeight="1" x14ac:dyDescent="0.15">
      <c r="A27" s="5">
        <v>18</v>
      </c>
      <c r="B27" s="22">
        <v>18</v>
      </c>
      <c r="C27" s="14">
        <v>16</v>
      </c>
      <c r="D27" s="18">
        <v>34</v>
      </c>
    </row>
    <row r="28" spans="1:4" ht="18" customHeight="1" x14ac:dyDescent="0.15">
      <c r="A28" s="5">
        <v>19</v>
      </c>
      <c r="B28" s="22">
        <v>18</v>
      </c>
      <c r="C28" s="14">
        <v>14</v>
      </c>
      <c r="D28" s="18">
        <v>32</v>
      </c>
    </row>
    <row r="29" spans="1:4" ht="18" customHeight="1" x14ac:dyDescent="0.15">
      <c r="A29" s="5" t="s">
        <v>14</v>
      </c>
      <c r="B29" s="22">
        <v>81</v>
      </c>
      <c r="C29" s="14">
        <v>71</v>
      </c>
      <c r="D29" s="18">
        <v>152</v>
      </c>
    </row>
    <row r="30" spans="1:4" ht="18" customHeight="1" x14ac:dyDescent="0.15">
      <c r="A30" s="5">
        <v>20</v>
      </c>
      <c r="B30" s="22">
        <v>20</v>
      </c>
      <c r="C30" s="14">
        <v>12</v>
      </c>
      <c r="D30" s="18">
        <v>32</v>
      </c>
    </row>
    <row r="31" spans="1:4" ht="18" customHeight="1" x14ac:dyDescent="0.15">
      <c r="A31" s="5">
        <v>21</v>
      </c>
      <c r="B31" s="22">
        <v>17</v>
      </c>
      <c r="C31" s="14">
        <v>16</v>
      </c>
      <c r="D31" s="18">
        <v>33</v>
      </c>
    </row>
    <row r="32" spans="1:4" ht="18" customHeight="1" x14ac:dyDescent="0.15">
      <c r="A32" s="5">
        <v>22</v>
      </c>
      <c r="B32" s="22">
        <v>20</v>
      </c>
      <c r="C32" s="14">
        <v>13</v>
      </c>
      <c r="D32" s="18">
        <v>33</v>
      </c>
    </row>
    <row r="33" spans="1:4" ht="18" customHeight="1" x14ac:dyDescent="0.15">
      <c r="A33" s="5">
        <v>23</v>
      </c>
      <c r="B33" s="22">
        <v>25</v>
      </c>
      <c r="C33" s="14">
        <v>20</v>
      </c>
      <c r="D33" s="18">
        <v>45</v>
      </c>
    </row>
    <row r="34" spans="1:4" ht="18" customHeight="1" x14ac:dyDescent="0.15">
      <c r="A34" s="5">
        <v>24</v>
      </c>
      <c r="B34" s="22">
        <v>19</v>
      </c>
      <c r="C34" s="14">
        <v>12</v>
      </c>
      <c r="D34" s="18">
        <v>31</v>
      </c>
    </row>
    <row r="35" spans="1:4" ht="18" customHeight="1" x14ac:dyDescent="0.15">
      <c r="A35" s="5" t="s">
        <v>9</v>
      </c>
      <c r="B35" s="22">
        <v>101</v>
      </c>
      <c r="C35" s="14">
        <v>73</v>
      </c>
      <c r="D35" s="18">
        <v>174</v>
      </c>
    </row>
    <row r="36" spans="1:4" ht="18" customHeight="1" x14ac:dyDescent="0.15">
      <c r="A36" s="5">
        <v>25</v>
      </c>
      <c r="B36" s="22">
        <v>25</v>
      </c>
      <c r="C36" s="14">
        <v>28</v>
      </c>
      <c r="D36" s="18">
        <v>53</v>
      </c>
    </row>
    <row r="37" spans="1:4" ht="18" customHeight="1" x14ac:dyDescent="0.15">
      <c r="A37" s="5">
        <v>26</v>
      </c>
      <c r="B37" s="22">
        <v>12</v>
      </c>
      <c r="C37" s="14">
        <v>15</v>
      </c>
      <c r="D37" s="18">
        <v>27</v>
      </c>
    </row>
    <row r="38" spans="1:4" ht="18" customHeight="1" x14ac:dyDescent="0.15">
      <c r="A38" s="5">
        <v>27</v>
      </c>
      <c r="B38" s="22">
        <v>14</v>
      </c>
      <c r="C38" s="14">
        <v>21</v>
      </c>
      <c r="D38" s="18">
        <v>35</v>
      </c>
    </row>
    <row r="39" spans="1:4" ht="18" customHeight="1" x14ac:dyDescent="0.15">
      <c r="A39" s="5">
        <v>28</v>
      </c>
      <c r="B39" s="22">
        <v>23</v>
      </c>
      <c r="C39" s="14">
        <v>13</v>
      </c>
      <c r="D39" s="18">
        <v>36</v>
      </c>
    </row>
    <row r="40" spans="1:4" ht="18" customHeight="1" x14ac:dyDescent="0.15">
      <c r="A40" s="5">
        <v>29</v>
      </c>
      <c r="B40" s="22">
        <v>16</v>
      </c>
      <c r="C40" s="14">
        <v>11</v>
      </c>
      <c r="D40" s="18">
        <v>27</v>
      </c>
    </row>
    <row r="41" spans="1:4" ht="18" customHeight="1" x14ac:dyDescent="0.15">
      <c r="A41" s="5" t="s">
        <v>2</v>
      </c>
      <c r="B41" s="22">
        <v>90</v>
      </c>
      <c r="C41" s="14">
        <v>88</v>
      </c>
      <c r="D41" s="18">
        <v>178</v>
      </c>
    </row>
    <row r="42" spans="1:4" ht="18" customHeight="1" x14ac:dyDescent="0.15">
      <c r="A42" s="5">
        <v>30</v>
      </c>
      <c r="B42" s="22">
        <v>17</v>
      </c>
      <c r="C42" s="14">
        <v>9</v>
      </c>
      <c r="D42" s="18">
        <v>26</v>
      </c>
    </row>
    <row r="43" spans="1:4" ht="18" customHeight="1" x14ac:dyDescent="0.15">
      <c r="A43" s="5">
        <v>31</v>
      </c>
      <c r="B43" s="22">
        <v>15</v>
      </c>
      <c r="C43" s="14">
        <v>12</v>
      </c>
      <c r="D43" s="18">
        <v>27</v>
      </c>
    </row>
    <row r="44" spans="1:4" ht="18" customHeight="1" x14ac:dyDescent="0.15">
      <c r="A44" s="5">
        <v>32</v>
      </c>
      <c r="B44" s="22">
        <v>15</v>
      </c>
      <c r="C44" s="14">
        <v>20</v>
      </c>
      <c r="D44" s="18">
        <v>35</v>
      </c>
    </row>
    <row r="45" spans="1:4" ht="18" customHeight="1" x14ac:dyDescent="0.15">
      <c r="A45" s="5">
        <v>33</v>
      </c>
      <c r="B45" s="22">
        <v>22</v>
      </c>
      <c r="C45" s="14">
        <v>10</v>
      </c>
      <c r="D45" s="18">
        <v>32</v>
      </c>
    </row>
    <row r="46" spans="1:4" ht="18" customHeight="1" x14ac:dyDescent="0.15">
      <c r="A46" s="5">
        <v>34</v>
      </c>
      <c r="B46" s="22">
        <v>14</v>
      </c>
      <c r="C46" s="14">
        <v>10</v>
      </c>
      <c r="D46" s="18">
        <v>24</v>
      </c>
    </row>
    <row r="47" spans="1:4" ht="18" customHeight="1" x14ac:dyDescent="0.15">
      <c r="A47" s="5" t="s">
        <v>15</v>
      </c>
      <c r="B47" s="22">
        <v>83</v>
      </c>
      <c r="C47" s="14">
        <v>61</v>
      </c>
      <c r="D47" s="18">
        <v>144</v>
      </c>
    </row>
    <row r="48" spans="1:4" ht="18" customHeight="1" x14ac:dyDescent="0.15">
      <c r="A48" s="5">
        <v>35</v>
      </c>
      <c r="B48" s="22">
        <v>17</v>
      </c>
      <c r="C48" s="14">
        <v>10</v>
      </c>
      <c r="D48" s="18">
        <v>27</v>
      </c>
    </row>
    <row r="49" spans="1:4" ht="18" customHeight="1" x14ac:dyDescent="0.15">
      <c r="A49" s="5">
        <v>36</v>
      </c>
      <c r="B49" s="22">
        <v>15</v>
      </c>
      <c r="C49" s="14">
        <v>10</v>
      </c>
      <c r="D49" s="18">
        <v>25</v>
      </c>
    </row>
    <row r="50" spans="1:4" ht="18" customHeight="1" x14ac:dyDescent="0.15">
      <c r="A50" s="5">
        <v>37</v>
      </c>
      <c r="B50" s="22">
        <v>15</v>
      </c>
      <c r="C50" s="14">
        <v>12</v>
      </c>
      <c r="D50" s="18">
        <v>27</v>
      </c>
    </row>
    <row r="51" spans="1:4" ht="18" customHeight="1" x14ac:dyDescent="0.15">
      <c r="A51" s="5">
        <v>38</v>
      </c>
      <c r="B51" s="22">
        <v>11</v>
      </c>
      <c r="C51" s="14">
        <v>16</v>
      </c>
      <c r="D51" s="18">
        <v>27</v>
      </c>
    </row>
    <row r="52" spans="1:4" ht="18" customHeight="1" x14ac:dyDescent="0.15">
      <c r="A52" s="5">
        <v>39</v>
      </c>
      <c r="B52" s="22">
        <v>14</v>
      </c>
      <c r="C52" s="14">
        <v>16</v>
      </c>
      <c r="D52" s="18">
        <v>30</v>
      </c>
    </row>
    <row r="53" spans="1:4" ht="18" customHeight="1" x14ac:dyDescent="0.15">
      <c r="A53" s="5" t="s">
        <v>18</v>
      </c>
      <c r="B53" s="22">
        <v>72</v>
      </c>
      <c r="C53" s="14">
        <v>64</v>
      </c>
      <c r="D53" s="18">
        <v>136</v>
      </c>
    </row>
    <row r="54" spans="1:4" ht="18" customHeight="1" x14ac:dyDescent="0.15">
      <c r="A54" s="5">
        <v>40</v>
      </c>
      <c r="B54" s="22">
        <v>12</v>
      </c>
      <c r="C54" s="14">
        <v>10</v>
      </c>
      <c r="D54" s="18">
        <v>22</v>
      </c>
    </row>
    <row r="55" spans="1:4" ht="18" customHeight="1" x14ac:dyDescent="0.15">
      <c r="A55" s="5">
        <v>41</v>
      </c>
      <c r="B55" s="22">
        <v>14</v>
      </c>
      <c r="C55" s="14">
        <v>16</v>
      </c>
      <c r="D55" s="18">
        <v>30</v>
      </c>
    </row>
    <row r="56" spans="1:4" ht="18" customHeight="1" x14ac:dyDescent="0.15">
      <c r="A56" s="5">
        <v>42</v>
      </c>
      <c r="B56" s="22">
        <v>13</v>
      </c>
      <c r="C56" s="14">
        <v>8</v>
      </c>
      <c r="D56" s="18">
        <v>21</v>
      </c>
    </row>
    <row r="57" spans="1:4" ht="18" customHeight="1" x14ac:dyDescent="0.15">
      <c r="A57" s="5">
        <v>43</v>
      </c>
      <c r="B57" s="22">
        <v>15</v>
      </c>
      <c r="C57" s="14">
        <v>21</v>
      </c>
      <c r="D57" s="18">
        <v>36</v>
      </c>
    </row>
    <row r="58" spans="1:4" ht="18" customHeight="1" x14ac:dyDescent="0.15">
      <c r="A58" s="5">
        <v>44</v>
      </c>
      <c r="B58" s="22">
        <v>15</v>
      </c>
      <c r="C58" s="14">
        <v>15</v>
      </c>
      <c r="D58" s="18">
        <v>30</v>
      </c>
    </row>
    <row r="59" spans="1:4" ht="18" customHeight="1" x14ac:dyDescent="0.15">
      <c r="A59" s="5" t="s">
        <v>21</v>
      </c>
      <c r="B59" s="22">
        <v>69</v>
      </c>
      <c r="C59" s="14">
        <v>70</v>
      </c>
      <c r="D59" s="18">
        <v>139</v>
      </c>
    </row>
    <row r="60" spans="1:4" ht="18" customHeight="1" x14ac:dyDescent="0.15">
      <c r="A60" s="5">
        <v>45</v>
      </c>
      <c r="B60" s="22">
        <v>16</v>
      </c>
      <c r="C60" s="14">
        <v>11</v>
      </c>
      <c r="D60" s="18">
        <v>27</v>
      </c>
    </row>
    <row r="61" spans="1:4" ht="18" customHeight="1" x14ac:dyDescent="0.15">
      <c r="A61" s="5">
        <v>46</v>
      </c>
      <c r="B61" s="22">
        <v>18</v>
      </c>
      <c r="C61" s="14">
        <v>15</v>
      </c>
      <c r="D61" s="18">
        <v>33</v>
      </c>
    </row>
    <row r="62" spans="1:4" ht="18" customHeight="1" x14ac:dyDescent="0.15">
      <c r="A62" s="5">
        <v>47</v>
      </c>
      <c r="B62" s="22">
        <v>25</v>
      </c>
      <c r="C62" s="14">
        <v>14</v>
      </c>
      <c r="D62" s="18">
        <v>39</v>
      </c>
    </row>
    <row r="63" spans="1:4" ht="18" customHeight="1" x14ac:dyDescent="0.15">
      <c r="A63" s="5">
        <v>48</v>
      </c>
      <c r="B63" s="22">
        <v>18</v>
      </c>
      <c r="C63" s="14">
        <v>24</v>
      </c>
      <c r="D63" s="18">
        <v>42</v>
      </c>
    </row>
    <row r="64" spans="1:4" ht="18" customHeight="1" x14ac:dyDescent="0.15">
      <c r="A64" s="5">
        <v>49</v>
      </c>
      <c r="B64" s="22">
        <v>22</v>
      </c>
      <c r="C64" s="14">
        <v>20</v>
      </c>
      <c r="D64" s="18">
        <v>42</v>
      </c>
    </row>
    <row r="65" spans="1:4" ht="18" customHeight="1" x14ac:dyDescent="0.15">
      <c r="A65" s="5" t="s">
        <v>17</v>
      </c>
      <c r="B65" s="22">
        <v>99</v>
      </c>
      <c r="C65" s="14">
        <v>84</v>
      </c>
      <c r="D65" s="18">
        <v>183</v>
      </c>
    </row>
    <row r="66" spans="1:4" ht="18" customHeight="1" x14ac:dyDescent="0.15">
      <c r="A66" s="5">
        <v>50</v>
      </c>
      <c r="B66" s="22">
        <v>26</v>
      </c>
      <c r="C66" s="14">
        <v>20</v>
      </c>
      <c r="D66" s="18">
        <v>46</v>
      </c>
    </row>
    <row r="67" spans="1:4" ht="18" customHeight="1" x14ac:dyDescent="0.15">
      <c r="A67" s="5">
        <v>51</v>
      </c>
      <c r="B67" s="22">
        <v>29</v>
      </c>
      <c r="C67" s="14">
        <v>30</v>
      </c>
      <c r="D67" s="18">
        <v>59</v>
      </c>
    </row>
    <row r="68" spans="1:4" ht="18" customHeight="1" x14ac:dyDescent="0.15">
      <c r="A68" s="5">
        <v>52</v>
      </c>
      <c r="B68" s="22">
        <v>27</v>
      </c>
      <c r="C68" s="14">
        <v>32</v>
      </c>
      <c r="D68" s="18">
        <v>59</v>
      </c>
    </row>
    <row r="69" spans="1:4" ht="18" customHeight="1" x14ac:dyDescent="0.15">
      <c r="A69" s="5">
        <v>53</v>
      </c>
      <c r="B69" s="22">
        <v>25</v>
      </c>
      <c r="C69" s="14">
        <v>40</v>
      </c>
      <c r="D69" s="18">
        <v>65</v>
      </c>
    </row>
    <row r="70" spans="1:4" ht="18" customHeight="1" x14ac:dyDescent="0.15">
      <c r="A70" s="5">
        <v>54</v>
      </c>
      <c r="B70" s="22">
        <v>34</v>
      </c>
      <c r="C70" s="14">
        <v>32</v>
      </c>
      <c r="D70" s="18">
        <v>66</v>
      </c>
    </row>
    <row r="71" spans="1:4" ht="18" customHeight="1" x14ac:dyDescent="0.15">
      <c r="A71" s="5" t="s">
        <v>22</v>
      </c>
      <c r="B71" s="22">
        <v>141</v>
      </c>
      <c r="C71" s="14">
        <v>154</v>
      </c>
      <c r="D71" s="18">
        <v>295</v>
      </c>
    </row>
    <row r="72" spans="1:4" ht="18" customHeight="1" x14ac:dyDescent="0.15">
      <c r="A72" s="5">
        <v>55</v>
      </c>
      <c r="B72" s="22">
        <v>33</v>
      </c>
      <c r="C72" s="14">
        <v>27</v>
      </c>
      <c r="D72" s="18">
        <v>60</v>
      </c>
    </row>
    <row r="73" spans="1:4" ht="18" customHeight="1" x14ac:dyDescent="0.15">
      <c r="A73" s="5">
        <v>56</v>
      </c>
      <c r="B73" s="22">
        <v>41</v>
      </c>
      <c r="C73" s="14">
        <v>36</v>
      </c>
      <c r="D73" s="18">
        <v>77</v>
      </c>
    </row>
    <row r="74" spans="1:4" ht="18" customHeight="1" x14ac:dyDescent="0.15">
      <c r="A74" s="5">
        <v>57</v>
      </c>
      <c r="B74" s="22">
        <v>23</v>
      </c>
      <c r="C74" s="14">
        <v>23</v>
      </c>
      <c r="D74" s="18">
        <v>46</v>
      </c>
    </row>
    <row r="75" spans="1:4" ht="18" customHeight="1" x14ac:dyDescent="0.15">
      <c r="A75" s="5">
        <v>58</v>
      </c>
      <c r="B75" s="22">
        <v>36</v>
      </c>
      <c r="C75" s="14">
        <v>30</v>
      </c>
      <c r="D75" s="18">
        <v>66</v>
      </c>
    </row>
    <row r="76" spans="1:4" ht="18" customHeight="1" x14ac:dyDescent="0.15">
      <c r="A76" s="5">
        <v>59</v>
      </c>
      <c r="B76" s="22">
        <v>19</v>
      </c>
      <c r="C76" s="14">
        <v>30</v>
      </c>
      <c r="D76" s="18">
        <v>49</v>
      </c>
    </row>
    <row r="77" spans="1:4" ht="18" customHeight="1" x14ac:dyDescent="0.15">
      <c r="A77" s="5" t="s">
        <v>27</v>
      </c>
      <c r="B77" s="22">
        <v>152</v>
      </c>
      <c r="C77" s="14">
        <v>146</v>
      </c>
      <c r="D77" s="18">
        <v>298</v>
      </c>
    </row>
    <row r="78" spans="1:4" ht="18" customHeight="1" x14ac:dyDescent="0.15">
      <c r="A78" s="5">
        <v>60</v>
      </c>
      <c r="B78" s="22">
        <v>27</v>
      </c>
      <c r="C78" s="14">
        <v>22</v>
      </c>
      <c r="D78" s="18">
        <v>49</v>
      </c>
    </row>
    <row r="79" spans="1:4" ht="18" customHeight="1" x14ac:dyDescent="0.15">
      <c r="A79" s="5">
        <v>61</v>
      </c>
      <c r="B79" s="22">
        <v>23</v>
      </c>
      <c r="C79" s="14">
        <v>25</v>
      </c>
      <c r="D79" s="18">
        <v>48</v>
      </c>
    </row>
    <row r="80" spans="1:4" ht="18" customHeight="1" x14ac:dyDescent="0.15">
      <c r="A80" s="5">
        <v>62</v>
      </c>
      <c r="B80" s="22">
        <v>23</v>
      </c>
      <c r="C80" s="14">
        <v>21</v>
      </c>
      <c r="D80" s="18">
        <v>44</v>
      </c>
    </row>
    <row r="81" spans="1:4" ht="18" customHeight="1" x14ac:dyDescent="0.15">
      <c r="A81" s="5">
        <v>63</v>
      </c>
      <c r="B81" s="22">
        <v>28</v>
      </c>
      <c r="C81" s="14">
        <v>26</v>
      </c>
      <c r="D81" s="18">
        <v>54</v>
      </c>
    </row>
    <row r="82" spans="1:4" ht="18" customHeight="1" x14ac:dyDescent="0.15">
      <c r="A82" s="5">
        <v>64</v>
      </c>
      <c r="B82" s="22">
        <v>19</v>
      </c>
      <c r="C82" s="14">
        <v>23</v>
      </c>
      <c r="D82" s="18">
        <v>42</v>
      </c>
    </row>
    <row r="83" spans="1:4" ht="18" customHeight="1" x14ac:dyDescent="0.15">
      <c r="A83" s="5" t="s">
        <v>28</v>
      </c>
      <c r="B83" s="22">
        <v>120</v>
      </c>
      <c r="C83" s="14">
        <v>117</v>
      </c>
      <c r="D83" s="18">
        <v>237</v>
      </c>
    </row>
    <row r="84" spans="1:4" ht="18" customHeight="1" x14ac:dyDescent="0.15">
      <c r="A84" s="5" t="s">
        <v>31</v>
      </c>
      <c r="B84" s="22">
        <v>1008</v>
      </c>
      <c r="C84" s="14">
        <v>928</v>
      </c>
      <c r="D84" s="18">
        <v>1936</v>
      </c>
    </row>
    <row r="85" spans="1:4" ht="18" customHeight="1" x14ac:dyDescent="0.15">
      <c r="A85" s="5">
        <v>65</v>
      </c>
      <c r="B85" s="22">
        <v>10</v>
      </c>
      <c r="C85" s="14">
        <v>16</v>
      </c>
      <c r="D85" s="18">
        <v>26</v>
      </c>
    </row>
    <row r="86" spans="1:4" ht="18" customHeight="1" x14ac:dyDescent="0.15">
      <c r="A86" s="5">
        <v>66</v>
      </c>
      <c r="B86" s="22">
        <v>23</v>
      </c>
      <c r="C86" s="14">
        <v>18</v>
      </c>
      <c r="D86" s="18">
        <v>41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23</v>
      </c>
      <c r="C88" s="14">
        <v>21</v>
      </c>
      <c r="D88" s="18">
        <v>44</v>
      </c>
    </row>
    <row r="89" spans="1:4" ht="18" customHeight="1" x14ac:dyDescent="0.15">
      <c r="A89" s="5">
        <v>69</v>
      </c>
      <c r="B89" s="22">
        <v>18</v>
      </c>
      <c r="C89" s="14">
        <v>20</v>
      </c>
      <c r="D89" s="18">
        <v>38</v>
      </c>
    </row>
    <row r="90" spans="1:4" ht="18" customHeight="1" x14ac:dyDescent="0.15">
      <c r="A90" s="5" t="s">
        <v>20</v>
      </c>
      <c r="B90" s="22">
        <v>95</v>
      </c>
      <c r="C90" s="14">
        <v>101</v>
      </c>
      <c r="D90" s="18">
        <v>196</v>
      </c>
    </row>
    <row r="91" spans="1:4" ht="18" customHeight="1" x14ac:dyDescent="0.15">
      <c r="A91" s="5">
        <v>70</v>
      </c>
      <c r="B91" s="22">
        <v>32</v>
      </c>
      <c r="C91" s="14">
        <v>19</v>
      </c>
      <c r="D91" s="18">
        <v>51</v>
      </c>
    </row>
    <row r="92" spans="1:4" ht="18" customHeight="1" x14ac:dyDescent="0.15">
      <c r="A92" s="5">
        <v>71</v>
      </c>
      <c r="B92" s="22">
        <v>15</v>
      </c>
      <c r="C92" s="14">
        <v>18</v>
      </c>
      <c r="D92" s="18">
        <v>33</v>
      </c>
    </row>
    <row r="93" spans="1:4" ht="18" customHeight="1" x14ac:dyDescent="0.15">
      <c r="A93" s="5">
        <v>72</v>
      </c>
      <c r="B93" s="22">
        <v>20</v>
      </c>
      <c r="C93" s="14">
        <v>21</v>
      </c>
      <c r="D93" s="18">
        <v>41</v>
      </c>
    </row>
    <row r="94" spans="1:4" ht="18" customHeight="1" x14ac:dyDescent="0.15">
      <c r="A94" s="5">
        <v>73</v>
      </c>
      <c r="B94" s="22">
        <v>23</v>
      </c>
      <c r="C94" s="14">
        <v>14</v>
      </c>
      <c r="D94" s="18">
        <v>37</v>
      </c>
    </row>
    <row r="95" spans="1:4" ht="18" customHeight="1" x14ac:dyDescent="0.15">
      <c r="A95" s="5">
        <v>74</v>
      </c>
      <c r="B95" s="22">
        <v>18</v>
      </c>
      <c r="C95" s="14">
        <v>16</v>
      </c>
      <c r="D95" s="18">
        <v>34</v>
      </c>
    </row>
    <row r="96" spans="1:4" ht="18" customHeight="1" x14ac:dyDescent="0.15">
      <c r="A96" s="5" t="s">
        <v>33</v>
      </c>
      <c r="B96" s="22">
        <v>108</v>
      </c>
      <c r="C96" s="14">
        <v>88</v>
      </c>
      <c r="D96" s="18">
        <v>196</v>
      </c>
    </row>
    <row r="97" spans="1:4" ht="18" customHeight="1" x14ac:dyDescent="0.15">
      <c r="A97" s="5">
        <v>75</v>
      </c>
      <c r="B97" s="22">
        <v>17</v>
      </c>
      <c r="C97" s="14">
        <v>22</v>
      </c>
      <c r="D97" s="18">
        <v>39</v>
      </c>
    </row>
    <row r="98" spans="1:4" ht="18" customHeight="1" x14ac:dyDescent="0.15">
      <c r="A98" s="5">
        <v>76</v>
      </c>
      <c r="B98" s="22">
        <v>23</v>
      </c>
      <c r="C98" s="14">
        <v>37</v>
      </c>
      <c r="D98" s="18">
        <v>60</v>
      </c>
    </row>
    <row r="99" spans="1:4" ht="18" customHeight="1" x14ac:dyDescent="0.15">
      <c r="A99" s="5">
        <v>77</v>
      </c>
      <c r="B99" s="22">
        <v>23</v>
      </c>
      <c r="C99" s="14">
        <v>26</v>
      </c>
      <c r="D99" s="18">
        <v>49</v>
      </c>
    </row>
    <row r="100" spans="1:4" ht="18" customHeight="1" x14ac:dyDescent="0.15">
      <c r="A100" s="5">
        <v>78</v>
      </c>
      <c r="B100" s="22">
        <v>28</v>
      </c>
      <c r="C100" s="14">
        <v>32</v>
      </c>
      <c r="D100" s="18">
        <v>60</v>
      </c>
    </row>
    <row r="101" spans="1:4" ht="18" customHeight="1" x14ac:dyDescent="0.15">
      <c r="A101" s="5">
        <v>79</v>
      </c>
      <c r="B101" s="22">
        <v>12</v>
      </c>
      <c r="C101" s="14">
        <v>26</v>
      </c>
      <c r="D101" s="18">
        <v>38</v>
      </c>
    </row>
    <row r="102" spans="1:4" ht="18" customHeight="1" x14ac:dyDescent="0.15">
      <c r="A102" s="5" t="s">
        <v>0</v>
      </c>
      <c r="B102" s="22">
        <v>103</v>
      </c>
      <c r="C102" s="14">
        <v>143</v>
      </c>
      <c r="D102" s="18">
        <v>246</v>
      </c>
    </row>
    <row r="103" spans="1:4" ht="18" customHeight="1" x14ac:dyDescent="0.15">
      <c r="A103" s="5">
        <v>80</v>
      </c>
      <c r="B103" s="22">
        <v>13</v>
      </c>
      <c r="C103" s="14">
        <v>27</v>
      </c>
      <c r="D103" s="18">
        <v>40</v>
      </c>
    </row>
    <row r="104" spans="1:4" ht="18" customHeight="1" x14ac:dyDescent="0.15">
      <c r="A104" s="5">
        <v>81</v>
      </c>
      <c r="B104" s="22">
        <v>18</v>
      </c>
      <c r="C104" s="14">
        <v>23</v>
      </c>
      <c r="D104" s="18">
        <v>41</v>
      </c>
    </row>
    <row r="105" spans="1:4" ht="18" customHeight="1" x14ac:dyDescent="0.15">
      <c r="A105" s="5">
        <v>82</v>
      </c>
      <c r="B105" s="22">
        <v>17</v>
      </c>
      <c r="C105" s="14">
        <v>16</v>
      </c>
      <c r="D105" s="18">
        <v>33</v>
      </c>
    </row>
    <row r="106" spans="1:4" ht="18" customHeight="1" x14ac:dyDescent="0.15">
      <c r="A106" s="5">
        <v>83</v>
      </c>
      <c r="B106" s="22">
        <v>15</v>
      </c>
      <c r="C106" s="14">
        <v>19</v>
      </c>
      <c r="D106" s="18">
        <v>34</v>
      </c>
    </row>
    <row r="107" spans="1:4" ht="18" customHeight="1" x14ac:dyDescent="0.15">
      <c r="A107" s="5">
        <v>84</v>
      </c>
      <c r="B107" s="22">
        <v>6</v>
      </c>
      <c r="C107" s="14">
        <v>19</v>
      </c>
      <c r="D107" s="18">
        <v>25</v>
      </c>
    </row>
    <row r="108" spans="1:4" ht="18" customHeight="1" x14ac:dyDescent="0.15">
      <c r="A108" s="5" t="s">
        <v>35</v>
      </c>
      <c r="B108" s="22">
        <v>69</v>
      </c>
      <c r="C108" s="14">
        <v>104</v>
      </c>
      <c r="D108" s="18">
        <v>173</v>
      </c>
    </row>
    <row r="109" spans="1:4" ht="18" customHeight="1" x14ac:dyDescent="0.15">
      <c r="A109" s="5">
        <v>85</v>
      </c>
      <c r="B109" s="22">
        <v>12</v>
      </c>
      <c r="C109" s="14">
        <v>15</v>
      </c>
      <c r="D109" s="18">
        <v>27</v>
      </c>
    </row>
    <row r="110" spans="1:4" ht="18" customHeight="1" x14ac:dyDescent="0.15">
      <c r="A110" s="5">
        <v>86</v>
      </c>
      <c r="B110" s="22">
        <v>9</v>
      </c>
      <c r="C110" s="14">
        <v>8</v>
      </c>
      <c r="D110" s="18">
        <v>17</v>
      </c>
    </row>
    <row r="111" spans="1:4" ht="18" customHeight="1" x14ac:dyDescent="0.15">
      <c r="A111" s="5">
        <v>87</v>
      </c>
      <c r="B111" s="22">
        <v>2</v>
      </c>
      <c r="C111" s="14">
        <v>14</v>
      </c>
      <c r="D111" s="18">
        <v>16</v>
      </c>
    </row>
    <row r="112" spans="1:4" ht="18" customHeight="1" x14ac:dyDescent="0.15">
      <c r="A112" s="5">
        <v>88</v>
      </c>
      <c r="B112" s="22">
        <v>6</v>
      </c>
      <c r="C112" s="14">
        <v>20</v>
      </c>
      <c r="D112" s="18">
        <v>26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35</v>
      </c>
      <c r="C114" s="14">
        <v>70</v>
      </c>
      <c r="D114" s="18">
        <v>105</v>
      </c>
    </row>
    <row r="115" spans="1:4" ht="18" customHeight="1" x14ac:dyDescent="0.15">
      <c r="A115" s="5">
        <v>90</v>
      </c>
      <c r="B115" s="22">
        <v>4</v>
      </c>
      <c r="C115" s="14">
        <v>8</v>
      </c>
      <c r="D115" s="18">
        <v>12</v>
      </c>
    </row>
    <row r="116" spans="1:4" ht="18" customHeight="1" x14ac:dyDescent="0.15">
      <c r="A116" s="5">
        <v>91</v>
      </c>
      <c r="B116" s="22">
        <v>2</v>
      </c>
      <c r="C116" s="14">
        <v>12</v>
      </c>
      <c r="D116" s="18">
        <v>14</v>
      </c>
    </row>
    <row r="117" spans="1:4" ht="18" customHeight="1" x14ac:dyDescent="0.15">
      <c r="A117" s="5">
        <v>92</v>
      </c>
      <c r="B117" s="22">
        <v>6</v>
      </c>
      <c r="C117" s="14">
        <v>12</v>
      </c>
      <c r="D117" s="18">
        <v>18</v>
      </c>
    </row>
    <row r="118" spans="1:4" ht="18" customHeight="1" x14ac:dyDescent="0.15">
      <c r="A118" s="5">
        <v>93</v>
      </c>
      <c r="B118" s="22">
        <v>1</v>
      </c>
      <c r="C118" s="14">
        <v>9</v>
      </c>
      <c r="D118" s="18">
        <v>10</v>
      </c>
    </row>
    <row r="119" spans="1:4" ht="18" customHeight="1" x14ac:dyDescent="0.15">
      <c r="A119" s="5">
        <v>94</v>
      </c>
      <c r="B119" s="22">
        <v>2</v>
      </c>
      <c r="C119" s="14">
        <v>7</v>
      </c>
      <c r="D119" s="18">
        <v>9</v>
      </c>
    </row>
    <row r="120" spans="1:4" ht="18" customHeight="1" x14ac:dyDescent="0.15">
      <c r="A120" s="5" t="s">
        <v>39</v>
      </c>
      <c r="B120" s="22">
        <v>15</v>
      </c>
      <c r="C120" s="14">
        <v>48</v>
      </c>
      <c r="D120" s="18">
        <v>63</v>
      </c>
    </row>
    <row r="121" spans="1:4" ht="18" customHeight="1" x14ac:dyDescent="0.15">
      <c r="A121" s="5">
        <v>95</v>
      </c>
      <c r="B121" s="22">
        <v>0</v>
      </c>
      <c r="C121" s="14">
        <v>10</v>
      </c>
      <c r="D121" s="18">
        <v>10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22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29</v>
      </c>
      <c r="C130" s="14">
        <v>580</v>
      </c>
      <c r="D130" s="18">
        <v>1009</v>
      </c>
    </row>
    <row r="131" spans="1:4" ht="18" customHeight="1" x14ac:dyDescent="0.15">
      <c r="A131" s="7" t="s">
        <v>45</v>
      </c>
      <c r="B131" s="23">
        <v>1565</v>
      </c>
      <c r="C131" s="15">
        <v>1615</v>
      </c>
      <c r="D131" s="19">
        <v>318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3</v>
      </c>
      <c r="D5" s="17">
        <v>6</v>
      </c>
    </row>
    <row r="6" spans="1:4" ht="18" customHeight="1" x14ac:dyDescent="0.15">
      <c r="A6" s="5">
        <v>1</v>
      </c>
      <c r="B6" s="22">
        <v>3</v>
      </c>
      <c r="C6" s="14">
        <v>3</v>
      </c>
      <c r="D6" s="18">
        <v>6</v>
      </c>
    </row>
    <row r="7" spans="1:4" ht="18" customHeight="1" x14ac:dyDescent="0.15">
      <c r="A7" s="5">
        <v>2</v>
      </c>
      <c r="B7" s="22">
        <v>5</v>
      </c>
      <c r="C7" s="14">
        <v>8</v>
      </c>
      <c r="D7" s="18">
        <v>13</v>
      </c>
    </row>
    <row r="8" spans="1:4" ht="18" customHeight="1" x14ac:dyDescent="0.15">
      <c r="A8" s="5">
        <v>3</v>
      </c>
      <c r="B8" s="22">
        <v>4</v>
      </c>
      <c r="C8" s="14">
        <v>2</v>
      </c>
      <c r="D8" s="18">
        <v>6</v>
      </c>
    </row>
    <row r="9" spans="1:4" ht="18" customHeight="1" x14ac:dyDescent="0.15">
      <c r="A9" s="5">
        <v>4</v>
      </c>
      <c r="B9" s="22">
        <v>7</v>
      </c>
      <c r="C9" s="14">
        <v>4</v>
      </c>
      <c r="D9" s="18">
        <v>11</v>
      </c>
    </row>
    <row r="10" spans="1:4" ht="18" customHeight="1" x14ac:dyDescent="0.15">
      <c r="A10" s="5" t="s">
        <v>7</v>
      </c>
      <c r="B10" s="22">
        <v>22</v>
      </c>
      <c r="C10" s="14">
        <v>20</v>
      </c>
      <c r="D10" s="18">
        <v>42</v>
      </c>
    </row>
    <row r="11" spans="1:4" ht="18" customHeight="1" x14ac:dyDescent="0.15">
      <c r="A11" s="5">
        <v>5</v>
      </c>
      <c r="B11" s="22">
        <v>5</v>
      </c>
      <c r="C11" s="14">
        <v>7</v>
      </c>
      <c r="D11" s="18">
        <v>12</v>
      </c>
    </row>
    <row r="12" spans="1:4" ht="18" customHeight="1" x14ac:dyDescent="0.15">
      <c r="A12" s="5">
        <v>6</v>
      </c>
      <c r="B12" s="22">
        <v>4</v>
      </c>
      <c r="C12" s="14">
        <v>4</v>
      </c>
      <c r="D12" s="18">
        <v>8</v>
      </c>
    </row>
    <row r="13" spans="1:4" ht="18" customHeight="1" x14ac:dyDescent="0.15">
      <c r="A13" s="5">
        <v>7</v>
      </c>
      <c r="B13" s="22">
        <v>9</v>
      </c>
      <c r="C13" s="14">
        <v>7</v>
      </c>
      <c r="D13" s="18">
        <v>16</v>
      </c>
    </row>
    <row r="14" spans="1:4" ht="18" customHeight="1" x14ac:dyDescent="0.15">
      <c r="A14" s="5">
        <v>8</v>
      </c>
      <c r="B14" s="22">
        <v>6</v>
      </c>
      <c r="C14" s="14">
        <v>3</v>
      </c>
      <c r="D14" s="18">
        <v>9</v>
      </c>
    </row>
    <row r="15" spans="1:4" ht="18" customHeight="1" x14ac:dyDescent="0.15">
      <c r="A15" s="5">
        <v>9</v>
      </c>
      <c r="B15" s="22">
        <v>4</v>
      </c>
      <c r="C15" s="14">
        <v>11</v>
      </c>
      <c r="D15" s="18">
        <v>15</v>
      </c>
    </row>
    <row r="16" spans="1:4" ht="18" customHeight="1" x14ac:dyDescent="0.15">
      <c r="A16" s="5" t="s">
        <v>11</v>
      </c>
      <c r="B16" s="22">
        <v>28</v>
      </c>
      <c r="C16" s="14">
        <v>32</v>
      </c>
      <c r="D16" s="18">
        <v>60</v>
      </c>
    </row>
    <row r="17" spans="1:4" ht="18" customHeight="1" x14ac:dyDescent="0.15">
      <c r="A17" s="5">
        <v>10</v>
      </c>
      <c r="B17" s="22">
        <v>8</v>
      </c>
      <c r="C17" s="14">
        <v>7</v>
      </c>
      <c r="D17" s="18">
        <v>15</v>
      </c>
    </row>
    <row r="18" spans="1:4" ht="18" customHeight="1" x14ac:dyDescent="0.15">
      <c r="A18" s="5">
        <v>11</v>
      </c>
      <c r="B18" s="22">
        <v>9</v>
      </c>
      <c r="C18" s="14">
        <v>4</v>
      </c>
      <c r="D18" s="18">
        <v>13</v>
      </c>
    </row>
    <row r="19" spans="1:4" ht="18" customHeight="1" x14ac:dyDescent="0.15">
      <c r="A19" s="5">
        <v>12</v>
      </c>
      <c r="B19" s="22">
        <v>6</v>
      </c>
      <c r="C19" s="14">
        <v>4</v>
      </c>
      <c r="D19" s="18">
        <v>10</v>
      </c>
    </row>
    <row r="20" spans="1:4" ht="18" customHeight="1" x14ac:dyDescent="0.15">
      <c r="A20" s="5">
        <v>13</v>
      </c>
      <c r="B20" s="22">
        <v>11</v>
      </c>
      <c r="C20" s="14">
        <v>4</v>
      </c>
      <c r="D20" s="18">
        <v>15</v>
      </c>
    </row>
    <row r="21" spans="1:4" ht="18" customHeight="1" x14ac:dyDescent="0.15">
      <c r="A21" s="5">
        <v>14</v>
      </c>
      <c r="B21" s="22">
        <v>10</v>
      </c>
      <c r="C21" s="14">
        <v>6</v>
      </c>
      <c r="D21" s="18">
        <v>16</v>
      </c>
    </row>
    <row r="22" spans="1:4" ht="18" customHeight="1" x14ac:dyDescent="0.15">
      <c r="A22" s="5" t="s">
        <v>12</v>
      </c>
      <c r="B22" s="22">
        <v>44</v>
      </c>
      <c r="C22" s="14">
        <v>25</v>
      </c>
      <c r="D22" s="18">
        <v>69</v>
      </c>
    </row>
    <row r="23" spans="1:4" ht="18" customHeight="1" x14ac:dyDescent="0.15">
      <c r="A23" s="5" t="s">
        <v>6</v>
      </c>
      <c r="B23" s="22">
        <v>94</v>
      </c>
      <c r="C23" s="14">
        <v>77</v>
      </c>
      <c r="D23" s="18">
        <v>171</v>
      </c>
    </row>
    <row r="24" spans="1:4" ht="18" customHeight="1" x14ac:dyDescent="0.15">
      <c r="A24" s="5">
        <v>15</v>
      </c>
      <c r="B24" s="22">
        <v>6</v>
      </c>
      <c r="C24" s="14">
        <v>8</v>
      </c>
      <c r="D24" s="18">
        <v>14</v>
      </c>
    </row>
    <row r="25" spans="1:4" ht="18" customHeight="1" x14ac:dyDescent="0.15">
      <c r="A25" s="5">
        <v>16</v>
      </c>
      <c r="B25" s="22">
        <v>8</v>
      </c>
      <c r="C25" s="14">
        <v>6</v>
      </c>
      <c r="D25" s="18">
        <v>14</v>
      </c>
    </row>
    <row r="26" spans="1:4" ht="18" customHeight="1" x14ac:dyDescent="0.15">
      <c r="A26" s="5">
        <v>17</v>
      </c>
      <c r="B26" s="22">
        <v>9</v>
      </c>
      <c r="C26" s="14">
        <v>12</v>
      </c>
      <c r="D26" s="18">
        <v>21</v>
      </c>
    </row>
    <row r="27" spans="1:4" ht="18" customHeight="1" x14ac:dyDescent="0.15">
      <c r="A27" s="5">
        <v>18</v>
      </c>
      <c r="B27" s="22">
        <v>9</v>
      </c>
      <c r="C27" s="14">
        <v>6</v>
      </c>
      <c r="D27" s="18">
        <v>15</v>
      </c>
    </row>
    <row r="28" spans="1:4" ht="18" customHeight="1" x14ac:dyDescent="0.15">
      <c r="A28" s="5">
        <v>19</v>
      </c>
      <c r="B28" s="22">
        <v>6</v>
      </c>
      <c r="C28" s="14">
        <v>12</v>
      </c>
      <c r="D28" s="18">
        <v>18</v>
      </c>
    </row>
    <row r="29" spans="1:4" ht="18" customHeight="1" x14ac:dyDescent="0.15">
      <c r="A29" s="5" t="s">
        <v>14</v>
      </c>
      <c r="B29" s="22">
        <v>38</v>
      </c>
      <c r="C29" s="14">
        <v>44</v>
      </c>
      <c r="D29" s="18">
        <v>82</v>
      </c>
    </row>
    <row r="30" spans="1:4" ht="18" customHeight="1" x14ac:dyDescent="0.15">
      <c r="A30" s="5">
        <v>20</v>
      </c>
      <c r="B30" s="22">
        <v>7</v>
      </c>
      <c r="C30" s="14">
        <v>4</v>
      </c>
      <c r="D30" s="18">
        <v>11</v>
      </c>
    </row>
    <row r="31" spans="1:4" ht="18" customHeight="1" x14ac:dyDescent="0.15">
      <c r="A31" s="5">
        <v>21</v>
      </c>
      <c r="B31" s="22">
        <v>10</v>
      </c>
      <c r="C31" s="14">
        <v>6</v>
      </c>
      <c r="D31" s="18">
        <v>16</v>
      </c>
    </row>
    <row r="32" spans="1:4" ht="18" customHeight="1" x14ac:dyDescent="0.15">
      <c r="A32" s="5">
        <v>22</v>
      </c>
      <c r="B32" s="22">
        <v>8</v>
      </c>
      <c r="C32" s="14">
        <v>3</v>
      </c>
      <c r="D32" s="18">
        <v>11</v>
      </c>
    </row>
    <row r="33" spans="1:4" ht="18" customHeight="1" x14ac:dyDescent="0.15">
      <c r="A33" s="5">
        <v>23</v>
      </c>
      <c r="B33" s="22">
        <v>9</v>
      </c>
      <c r="C33" s="14">
        <v>5</v>
      </c>
      <c r="D33" s="18">
        <v>14</v>
      </c>
    </row>
    <row r="34" spans="1:4" ht="18" customHeight="1" x14ac:dyDescent="0.15">
      <c r="A34" s="5">
        <v>24</v>
      </c>
      <c r="B34" s="22">
        <v>12</v>
      </c>
      <c r="C34" s="14">
        <v>7</v>
      </c>
      <c r="D34" s="18">
        <v>19</v>
      </c>
    </row>
    <row r="35" spans="1:4" ht="18" customHeight="1" x14ac:dyDescent="0.15">
      <c r="A35" s="5" t="s">
        <v>9</v>
      </c>
      <c r="B35" s="22">
        <v>46</v>
      </c>
      <c r="C35" s="14">
        <v>25</v>
      </c>
      <c r="D35" s="18">
        <v>71</v>
      </c>
    </row>
    <row r="36" spans="1:4" ht="18" customHeight="1" x14ac:dyDescent="0.15">
      <c r="A36" s="5">
        <v>25</v>
      </c>
      <c r="B36" s="22">
        <v>6</v>
      </c>
      <c r="C36" s="14">
        <v>11</v>
      </c>
      <c r="D36" s="18">
        <v>17</v>
      </c>
    </row>
    <row r="37" spans="1:4" ht="18" customHeight="1" x14ac:dyDescent="0.15">
      <c r="A37" s="5">
        <v>26</v>
      </c>
      <c r="B37" s="22">
        <v>7</v>
      </c>
      <c r="C37" s="14">
        <v>5</v>
      </c>
      <c r="D37" s="18">
        <v>12</v>
      </c>
    </row>
    <row r="38" spans="1:4" ht="18" customHeight="1" x14ac:dyDescent="0.15">
      <c r="A38" s="5">
        <v>27</v>
      </c>
      <c r="B38" s="22">
        <v>4</v>
      </c>
      <c r="C38" s="14">
        <v>8</v>
      </c>
      <c r="D38" s="18">
        <v>12</v>
      </c>
    </row>
    <row r="39" spans="1:4" ht="18" customHeight="1" x14ac:dyDescent="0.15">
      <c r="A39" s="5">
        <v>28</v>
      </c>
      <c r="B39" s="22">
        <v>10</v>
      </c>
      <c r="C39" s="14">
        <v>5</v>
      </c>
      <c r="D39" s="18">
        <v>15</v>
      </c>
    </row>
    <row r="40" spans="1:4" ht="18" customHeight="1" x14ac:dyDescent="0.15">
      <c r="A40" s="5">
        <v>29</v>
      </c>
      <c r="B40" s="22">
        <v>12</v>
      </c>
      <c r="C40" s="14">
        <v>9</v>
      </c>
      <c r="D40" s="18">
        <v>21</v>
      </c>
    </row>
    <row r="41" spans="1:4" ht="18" customHeight="1" x14ac:dyDescent="0.15">
      <c r="A41" s="5" t="s">
        <v>2</v>
      </c>
      <c r="B41" s="22">
        <v>39</v>
      </c>
      <c r="C41" s="14">
        <v>38</v>
      </c>
      <c r="D41" s="18">
        <v>77</v>
      </c>
    </row>
    <row r="42" spans="1:4" ht="18" customHeight="1" x14ac:dyDescent="0.15">
      <c r="A42" s="5">
        <v>30</v>
      </c>
      <c r="B42" s="22">
        <v>8</v>
      </c>
      <c r="C42" s="14">
        <v>2</v>
      </c>
      <c r="D42" s="18">
        <v>10</v>
      </c>
    </row>
    <row r="43" spans="1:4" ht="18" customHeight="1" x14ac:dyDescent="0.15">
      <c r="A43" s="5">
        <v>31</v>
      </c>
      <c r="B43" s="22">
        <v>7</v>
      </c>
      <c r="C43" s="14">
        <v>6</v>
      </c>
      <c r="D43" s="18">
        <v>13</v>
      </c>
    </row>
    <row r="44" spans="1:4" ht="18" customHeight="1" x14ac:dyDescent="0.15">
      <c r="A44" s="5">
        <v>32</v>
      </c>
      <c r="B44" s="22">
        <v>12</v>
      </c>
      <c r="C44" s="14">
        <v>3</v>
      </c>
      <c r="D44" s="18">
        <v>15</v>
      </c>
    </row>
    <row r="45" spans="1:4" ht="18" customHeight="1" x14ac:dyDescent="0.15">
      <c r="A45" s="5">
        <v>33</v>
      </c>
      <c r="B45" s="22">
        <v>13</v>
      </c>
      <c r="C45" s="14">
        <v>3</v>
      </c>
      <c r="D45" s="18">
        <v>16</v>
      </c>
    </row>
    <row r="46" spans="1:4" ht="18" customHeight="1" x14ac:dyDescent="0.15">
      <c r="A46" s="5">
        <v>34</v>
      </c>
      <c r="B46" s="22">
        <v>4</v>
      </c>
      <c r="C46" s="14">
        <v>3</v>
      </c>
      <c r="D46" s="18">
        <v>7</v>
      </c>
    </row>
    <row r="47" spans="1:4" ht="18" customHeight="1" x14ac:dyDescent="0.15">
      <c r="A47" s="5" t="s">
        <v>15</v>
      </c>
      <c r="B47" s="22">
        <v>44</v>
      </c>
      <c r="C47" s="14">
        <v>17</v>
      </c>
      <c r="D47" s="18">
        <v>61</v>
      </c>
    </row>
    <row r="48" spans="1:4" ht="18" customHeight="1" x14ac:dyDescent="0.15">
      <c r="A48" s="5">
        <v>35</v>
      </c>
      <c r="B48" s="22">
        <v>6</v>
      </c>
      <c r="C48" s="14">
        <v>6</v>
      </c>
      <c r="D48" s="18">
        <v>12</v>
      </c>
    </row>
    <row r="49" spans="1:4" ht="18" customHeight="1" x14ac:dyDescent="0.15">
      <c r="A49" s="5">
        <v>36</v>
      </c>
      <c r="B49" s="22">
        <v>10</v>
      </c>
      <c r="C49" s="14">
        <v>9</v>
      </c>
      <c r="D49" s="18">
        <v>19</v>
      </c>
    </row>
    <row r="50" spans="1:4" ht="18" customHeight="1" x14ac:dyDescent="0.15">
      <c r="A50" s="5">
        <v>37</v>
      </c>
      <c r="B50" s="22">
        <v>6</v>
      </c>
      <c r="C50" s="14">
        <v>13</v>
      </c>
      <c r="D50" s="18">
        <v>19</v>
      </c>
    </row>
    <row r="51" spans="1:4" ht="18" customHeight="1" x14ac:dyDescent="0.15">
      <c r="A51" s="5">
        <v>38</v>
      </c>
      <c r="B51" s="22">
        <v>11</v>
      </c>
      <c r="C51" s="14">
        <v>6</v>
      </c>
      <c r="D51" s="18">
        <v>17</v>
      </c>
    </row>
    <row r="52" spans="1:4" ht="18" customHeight="1" x14ac:dyDescent="0.15">
      <c r="A52" s="5">
        <v>39</v>
      </c>
      <c r="B52" s="22">
        <v>7</v>
      </c>
      <c r="C52" s="14">
        <v>5</v>
      </c>
      <c r="D52" s="18">
        <v>12</v>
      </c>
    </row>
    <row r="53" spans="1:4" ht="18" customHeight="1" x14ac:dyDescent="0.15">
      <c r="A53" s="5" t="s">
        <v>18</v>
      </c>
      <c r="B53" s="22">
        <v>40</v>
      </c>
      <c r="C53" s="14">
        <v>39</v>
      </c>
      <c r="D53" s="18">
        <v>79</v>
      </c>
    </row>
    <row r="54" spans="1:4" ht="18" customHeight="1" x14ac:dyDescent="0.15">
      <c r="A54" s="5">
        <v>40</v>
      </c>
      <c r="B54" s="22">
        <v>9</v>
      </c>
      <c r="C54" s="14">
        <v>5</v>
      </c>
      <c r="D54" s="18">
        <v>14</v>
      </c>
    </row>
    <row r="55" spans="1:4" ht="18" customHeight="1" x14ac:dyDescent="0.15">
      <c r="A55" s="5">
        <v>41</v>
      </c>
      <c r="B55" s="22">
        <v>9</v>
      </c>
      <c r="C55" s="14">
        <v>6</v>
      </c>
      <c r="D55" s="18">
        <v>15</v>
      </c>
    </row>
    <row r="56" spans="1:4" ht="18" customHeight="1" x14ac:dyDescent="0.15">
      <c r="A56" s="5">
        <v>42</v>
      </c>
      <c r="B56" s="22">
        <v>15</v>
      </c>
      <c r="C56" s="14">
        <v>16</v>
      </c>
      <c r="D56" s="18">
        <v>31</v>
      </c>
    </row>
    <row r="57" spans="1:4" ht="18" customHeight="1" x14ac:dyDescent="0.15">
      <c r="A57" s="5">
        <v>43</v>
      </c>
      <c r="B57" s="22">
        <v>13</v>
      </c>
      <c r="C57" s="14">
        <v>5</v>
      </c>
      <c r="D57" s="18">
        <v>18</v>
      </c>
    </row>
    <row r="58" spans="1:4" ht="18" customHeight="1" x14ac:dyDescent="0.15">
      <c r="A58" s="5">
        <v>44</v>
      </c>
      <c r="B58" s="22">
        <v>11</v>
      </c>
      <c r="C58" s="14">
        <v>10</v>
      </c>
      <c r="D58" s="18">
        <v>21</v>
      </c>
    </row>
    <row r="59" spans="1:4" ht="18" customHeight="1" x14ac:dyDescent="0.15">
      <c r="A59" s="5" t="s">
        <v>21</v>
      </c>
      <c r="B59" s="22">
        <v>57</v>
      </c>
      <c r="C59" s="14">
        <v>42</v>
      </c>
      <c r="D59" s="18">
        <v>99</v>
      </c>
    </row>
    <row r="60" spans="1:4" ht="18" customHeight="1" x14ac:dyDescent="0.15">
      <c r="A60" s="5">
        <v>45</v>
      </c>
      <c r="B60" s="22">
        <v>11</v>
      </c>
      <c r="C60" s="14">
        <v>17</v>
      </c>
      <c r="D60" s="18">
        <v>28</v>
      </c>
    </row>
    <row r="61" spans="1:4" ht="18" customHeight="1" x14ac:dyDescent="0.15">
      <c r="A61" s="5">
        <v>46</v>
      </c>
      <c r="B61" s="22">
        <v>15</v>
      </c>
      <c r="C61" s="14">
        <v>16</v>
      </c>
      <c r="D61" s="18">
        <v>31</v>
      </c>
    </row>
    <row r="62" spans="1:4" ht="18" customHeight="1" x14ac:dyDescent="0.15">
      <c r="A62" s="5">
        <v>47</v>
      </c>
      <c r="B62" s="22">
        <v>14</v>
      </c>
      <c r="C62" s="14">
        <v>11</v>
      </c>
      <c r="D62" s="18">
        <v>25</v>
      </c>
    </row>
    <row r="63" spans="1:4" ht="18" customHeight="1" x14ac:dyDescent="0.15">
      <c r="A63" s="5">
        <v>48</v>
      </c>
      <c r="B63" s="22">
        <v>13</v>
      </c>
      <c r="C63" s="14">
        <v>14</v>
      </c>
      <c r="D63" s="18">
        <v>27</v>
      </c>
    </row>
    <row r="64" spans="1:4" ht="18" customHeight="1" x14ac:dyDescent="0.15">
      <c r="A64" s="5">
        <v>49</v>
      </c>
      <c r="B64" s="22">
        <v>16</v>
      </c>
      <c r="C64" s="14">
        <v>13</v>
      </c>
      <c r="D64" s="18">
        <v>29</v>
      </c>
    </row>
    <row r="65" spans="1:4" ht="18" customHeight="1" x14ac:dyDescent="0.15">
      <c r="A65" s="5" t="s">
        <v>17</v>
      </c>
      <c r="B65" s="22">
        <v>69</v>
      </c>
      <c r="C65" s="14">
        <v>71</v>
      </c>
      <c r="D65" s="18">
        <v>140</v>
      </c>
    </row>
    <row r="66" spans="1:4" ht="18" customHeight="1" x14ac:dyDescent="0.15">
      <c r="A66" s="5">
        <v>50</v>
      </c>
      <c r="B66" s="22">
        <v>16</v>
      </c>
      <c r="C66" s="14">
        <v>15</v>
      </c>
      <c r="D66" s="18">
        <v>31</v>
      </c>
    </row>
    <row r="67" spans="1:4" ht="18" customHeight="1" x14ac:dyDescent="0.15">
      <c r="A67" s="5">
        <v>51</v>
      </c>
      <c r="B67" s="22">
        <v>21</v>
      </c>
      <c r="C67" s="14">
        <v>14</v>
      </c>
      <c r="D67" s="18">
        <v>35</v>
      </c>
    </row>
    <row r="68" spans="1:4" ht="18" customHeight="1" x14ac:dyDescent="0.15">
      <c r="A68" s="5">
        <v>52</v>
      </c>
      <c r="B68" s="22">
        <v>25</v>
      </c>
      <c r="C68" s="14">
        <v>14</v>
      </c>
      <c r="D68" s="18">
        <v>39</v>
      </c>
    </row>
    <row r="69" spans="1:4" ht="18" customHeight="1" x14ac:dyDescent="0.15">
      <c r="A69" s="5">
        <v>53</v>
      </c>
      <c r="B69" s="22">
        <v>16</v>
      </c>
      <c r="C69" s="14">
        <v>18</v>
      </c>
      <c r="D69" s="18">
        <v>34</v>
      </c>
    </row>
    <row r="70" spans="1:4" ht="18" customHeight="1" x14ac:dyDescent="0.15">
      <c r="A70" s="5">
        <v>54</v>
      </c>
      <c r="B70" s="22">
        <v>14</v>
      </c>
      <c r="C70" s="14">
        <v>12</v>
      </c>
      <c r="D70" s="18">
        <v>26</v>
      </c>
    </row>
    <row r="71" spans="1:4" ht="18" customHeight="1" x14ac:dyDescent="0.15">
      <c r="A71" s="5" t="s">
        <v>22</v>
      </c>
      <c r="B71" s="22">
        <v>92</v>
      </c>
      <c r="C71" s="14">
        <v>73</v>
      </c>
      <c r="D71" s="18">
        <v>165</v>
      </c>
    </row>
    <row r="72" spans="1:4" ht="18" customHeight="1" x14ac:dyDescent="0.15">
      <c r="A72" s="5">
        <v>55</v>
      </c>
      <c r="B72" s="22">
        <v>11</v>
      </c>
      <c r="C72" s="14">
        <v>25</v>
      </c>
      <c r="D72" s="18">
        <v>36</v>
      </c>
    </row>
    <row r="73" spans="1:4" ht="18" customHeight="1" x14ac:dyDescent="0.15">
      <c r="A73" s="5">
        <v>56</v>
      </c>
      <c r="B73" s="22">
        <v>17</v>
      </c>
      <c r="C73" s="14">
        <v>11</v>
      </c>
      <c r="D73" s="18">
        <v>28</v>
      </c>
    </row>
    <row r="74" spans="1:4" ht="18" customHeight="1" x14ac:dyDescent="0.15">
      <c r="A74" s="5">
        <v>57</v>
      </c>
      <c r="B74" s="22">
        <v>17</v>
      </c>
      <c r="C74" s="14">
        <v>15</v>
      </c>
      <c r="D74" s="18">
        <v>32</v>
      </c>
    </row>
    <row r="75" spans="1:4" ht="18" customHeight="1" x14ac:dyDescent="0.15">
      <c r="A75" s="5">
        <v>58</v>
      </c>
      <c r="B75" s="22">
        <v>15</v>
      </c>
      <c r="C75" s="14">
        <v>12</v>
      </c>
      <c r="D75" s="18">
        <v>27</v>
      </c>
    </row>
    <row r="76" spans="1:4" ht="18" customHeight="1" x14ac:dyDescent="0.15">
      <c r="A76" s="5">
        <v>59</v>
      </c>
      <c r="B76" s="22">
        <v>10</v>
      </c>
      <c r="C76" s="14">
        <v>17</v>
      </c>
      <c r="D76" s="18">
        <v>27</v>
      </c>
    </row>
    <row r="77" spans="1:4" ht="18" customHeight="1" x14ac:dyDescent="0.15">
      <c r="A77" s="5" t="s">
        <v>27</v>
      </c>
      <c r="B77" s="22">
        <v>70</v>
      </c>
      <c r="C77" s="14">
        <v>80</v>
      </c>
      <c r="D77" s="18">
        <v>150</v>
      </c>
    </row>
    <row r="78" spans="1:4" ht="18" customHeight="1" x14ac:dyDescent="0.15">
      <c r="A78" s="5">
        <v>60</v>
      </c>
      <c r="B78" s="22">
        <v>21</v>
      </c>
      <c r="C78" s="14">
        <v>15</v>
      </c>
      <c r="D78" s="18">
        <v>36</v>
      </c>
    </row>
    <row r="79" spans="1:4" ht="18" customHeight="1" x14ac:dyDescent="0.15">
      <c r="A79" s="5">
        <v>61</v>
      </c>
      <c r="B79" s="22">
        <v>11</v>
      </c>
      <c r="C79" s="14">
        <v>10</v>
      </c>
      <c r="D79" s="18">
        <v>21</v>
      </c>
    </row>
    <row r="80" spans="1:4" ht="18" customHeight="1" x14ac:dyDescent="0.15">
      <c r="A80" s="5">
        <v>62</v>
      </c>
      <c r="B80" s="22">
        <v>19</v>
      </c>
      <c r="C80" s="14">
        <v>12</v>
      </c>
      <c r="D80" s="18">
        <v>31</v>
      </c>
    </row>
    <row r="81" spans="1:4" ht="18" customHeight="1" x14ac:dyDescent="0.15">
      <c r="A81" s="5">
        <v>63</v>
      </c>
      <c r="B81" s="22">
        <v>15</v>
      </c>
      <c r="C81" s="14">
        <v>19</v>
      </c>
      <c r="D81" s="18">
        <v>34</v>
      </c>
    </row>
    <row r="82" spans="1:4" ht="18" customHeight="1" x14ac:dyDescent="0.15">
      <c r="A82" s="5">
        <v>64</v>
      </c>
      <c r="B82" s="22">
        <v>16</v>
      </c>
      <c r="C82" s="14">
        <v>15</v>
      </c>
      <c r="D82" s="18">
        <v>31</v>
      </c>
    </row>
    <row r="83" spans="1:4" ht="18" customHeight="1" x14ac:dyDescent="0.15">
      <c r="A83" s="5" t="s">
        <v>28</v>
      </c>
      <c r="B83" s="22">
        <v>82</v>
      </c>
      <c r="C83" s="14">
        <v>71</v>
      </c>
      <c r="D83" s="18">
        <v>153</v>
      </c>
    </row>
    <row r="84" spans="1:4" ht="18" customHeight="1" x14ac:dyDescent="0.15">
      <c r="A84" s="5" t="s">
        <v>31</v>
      </c>
      <c r="B84" s="22">
        <v>577</v>
      </c>
      <c r="C84" s="14">
        <v>500</v>
      </c>
      <c r="D84" s="18">
        <v>1077</v>
      </c>
    </row>
    <row r="85" spans="1:4" ht="18" customHeight="1" x14ac:dyDescent="0.15">
      <c r="A85" s="5">
        <v>65</v>
      </c>
      <c r="B85" s="22">
        <v>8</v>
      </c>
      <c r="C85" s="14">
        <v>13</v>
      </c>
      <c r="D85" s="18">
        <v>21</v>
      </c>
    </row>
    <row r="86" spans="1:4" ht="18" customHeight="1" x14ac:dyDescent="0.15">
      <c r="A86" s="5">
        <v>66</v>
      </c>
      <c r="B86" s="22">
        <v>13</v>
      </c>
      <c r="C86" s="14">
        <v>12</v>
      </c>
      <c r="D86" s="18">
        <v>25</v>
      </c>
    </row>
    <row r="87" spans="1:4" ht="18" customHeight="1" x14ac:dyDescent="0.15">
      <c r="A87" s="5">
        <v>67</v>
      </c>
      <c r="B87" s="22">
        <v>12</v>
      </c>
      <c r="C87" s="14">
        <v>14</v>
      </c>
      <c r="D87" s="18">
        <v>26</v>
      </c>
    </row>
    <row r="88" spans="1:4" ht="18" customHeight="1" x14ac:dyDescent="0.15">
      <c r="A88" s="5">
        <v>68</v>
      </c>
      <c r="B88" s="22">
        <v>11</v>
      </c>
      <c r="C88" s="14">
        <v>12</v>
      </c>
      <c r="D88" s="18">
        <v>23</v>
      </c>
    </row>
    <row r="89" spans="1:4" ht="18" customHeight="1" x14ac:dyDescent="0.15">
      <c r="A89" s="5">
        <v>69</v>
      </c>
      <c r="B89" s="22">
        <v>11</v>
      </c>
      <c r="C89" s="14">
        <v>15</v>
      </c>
      <c r="D89" s="18">
        <v>26</v>
      </c>
    </row>
    <row r="90" spans="1:4" ht="18" customHeight="1" x14ac:dyDescent="0.15">
      <c r="A90" s="5" t="s">
        <v>20</v>
      </c>
      <c r="B90" s="22">
        <v>55</v>
      </c>
      <c r="C90" s="14">
        <v>66</v>
      </c>
      <c r="D90" s="18">
        <v>121</v>
      </c>
    </row>
    <row r="91" spans="1:4" ht="18" customHeight="1" x14ac:dyDescent="0.15">
      <c r="A91" s="5">
        <v>70</v>
      </c>
      <c r="B91" s="22">
        <v>13</v>
      </c>
      <c r="C91" s="14">
        <v>19</v>
      </c>
      <c r="D91" s="18">
        <v>32</v>
      </c>
    </row>
    <row r="92" spans="1:4" ht="18" customHeight="1" x14ac:dyDescent="0.15">
      <c r="A92" s="5">
        <v>71</v>
      </c>
      <c r="B92" s="22">
        <v>19</v>
      </c>
      <c r="C92" s="14">
        <v>19</v>
      </c>
      <c r="D92" s="18">
        <v>38</v>
      </c>
    </row>
    <row r="93" spans="1:4" ht="18" customHeight="1" x14ac:dyDescent="0.15">
      <c r="A93" s="5">
        <v>72</v>
      </c>
      <c r="B93" s="22">
        <v>16</v>
      </c>
      <c r="C93" s="14">
        <v>24</v>
      </c>
      <c r="D93" s="18">
        <v>40</v>
      </c>
    </row>
    <row r="94" spans="1:4" ht="18" customHeight="1" x14ac:dyDescent="0.15">
      <c r="A94" s="5">
        <v>73</v>
      </c>
      <c r="B94" s="22">
        <v>17</v>
      </c>
      <c r="C94" s="14">
        <v>29</v>
      </c>
      <c r="D94" s="18">
        <v>46</v>
      </c>
    </row>
    <row r="95" spans="1:4" ht="18" customHeight="1" x14ac:dyDescent="0.15">
      <c r="A95" s="5">
        <v>74</v>
      </c>
      <c r="B95" s="22">
        <v>18</v>
      </c>
      <c r="C95" s="14">
        <v>20</v>
      </c>
      <c r="D95" s="18">
        <v>38</v>
      </c>
    </row>
    <row r="96" spans="1:4" ht="18" customHeight="1" x14ac:dyDescent="0.15">
      <c r="A96" s="5" t="s">
        <v>33</v>
      </c>
      <c r="B96" s="22">
        <v>83</v>
      </c>
      <c r="C96" s="14">
        <v>111</v>
      </c>
      <c r="D96" s="18">
        <v>194</v>
      </c>
    </row>
    <row r="97" spans="1:4" ht="18" customHeight="1" x14ac:dyDescent="0.15">
      <c r="A97" s="5">
        <v>75</v>
      </c>
      <c r="B97" s="22">
        <v>19</v>
      </c>
      <c r="C97" s="14">
        <v>22</v>
      </c>
      <c r="D97" s="18">
        <v>41</v>
      </c>
    </row>
    <row r="98" spans="1:4" ht="18" customHeight="1" x14ac:dyDescent="0.15">
      <c r="A98" s="5">
        <v>76</v>
      </c>
      <c r="B98" s="22">
        <v>14</v>
      </c>
      <c r="C98" s="14">
        <v>31</v>
      </c>
      <c r="D98" s="18">
        <v>45</v>
      </c>
    </row>
    <row r="99" spans="1:4" ht="18" customHeight="1" x14ac:dyDescent="0.15">
      <c r="A99" s="5">
        <v>77</v>
      </c>
      <c r="B99" s="22">
        <v>27</v>
      </c>
      <c r="C99" s="14">
        <v>33</v>
      </c>
      <c r="D99" s="18">
        <v>60</v>
      </c>
    </row>
    <row r="100" spans="1:4" ht="18" customHeight="1" x14ac:dyDescent="0.15">
      <c r="A100" s="5">
        <v>78</v>
      </c>
      <c r="B100" s="22">
        <v>21</v>
      </c>
      <c r="C100" s="14">
        <v>28</v>
      </c>
      <c r="D100" s="18">
        <v>49</v>
      </c>
    </row>
    <row r="101" spans="1:4" ht="18" customHeight="1" x14ac:dyDescent="0.15">
      <c r="A101" s="5">
        <v>79</v>
      </c>
      <c r="B101" s="22">
        <v>15</v>
      </c>
      <c r="C101" s="14">
        <v>29</v>
      </c>
      <c r="D101" s="18">
        <v>44</v>
      </c>
    </row>
    <row r="102" spans="1:4" ht="18" customHeight="1" x14ac:dyDescent="0.15">
      <c r="A102" s="5" t="s">
        <v>0</v>
      </c>
      <c r="B102" s="22">
        <v>96</v>
      </c>
      <c r="C102" s="14">
        <v>143</v>
      </c>
      <c r="D102" s="18">
        <v>239</v>
      </c>
    </row>
    <row r="103" spans="1:4" ht="18" customHeight="1" x14ac:dyDescent="0.15">
      <c r="A103" s="5">
        <v>80</v>
      </c>
      <c r="B103" s="22">
        <v>17</v>
      </c>
      <c r="C103" s="14">
        <v>12</v>
      </c>
      <c r="D103" s="18">
        <v>29</v>
      </c>
    </row>
    <row r="104" spans="1:4" ht="18" customHeight="1" x14ac:dyDescent="0.15">
      <c r="A104" s="5">
        <v>81</v>
      </c>
      <c r="B104" s="22">
        <v>13</v>
      </c>
      <c r="C104" s="14">
        <v>20</v>
      </c>
      <c r="D104" s="18">
        <v>33</v>
      </c>
    </row>
    <row r="105" spans="1:4" ht="18" customHeight="1" x14ac:dyDescent="0.15">
      <c r="A105" s="5">
        <v>82</v>
      </c>
      <c r="B105" s="22">
        <v>13</v>
      </c>
      <c r="C105" s="14">
        <v>19</v>
      </c>
      <c r="D105" s="18">
        <v>32</v>
      </c>
    </row>
    <row r="106" spans="1:4" ht="18" customHeight="1" x14ac:dyDescent="0.15">
      <c r="A106" s="5">
        <v>83</v>
      </c>
      <c r="B106" s="22">
        <v>8</v>
      </c>
      <c r="C106" s="14">
        <v>24</v>
      </c>
      <c r="D106" s="18">
        <v>32</v>
      </c>
    </row>
    <row r="107" spans="1:4" ht="18" customHeight="1" x14ac:dyDescent="0.15">
      <c r="A107" s="5">
        <v>84</v>
      </c>
      <c r="B107" s="22">
        <v>14</v>
      </c>
      <c r="C107" s="14">
        <v>11</v>
      </c>
      <c r="D107" s="18">
        <v>25</v>
      </c>
    </row>
    <row r="108" spans="1:4" ht="18" customHeight="1" x14ac:dyDescent="0.15">
      <c r="A108" s="5" t="s">
        <v>35</v>
      </c>
      <c r="B108" s="22">
        <v>65</v>
      </c>
      <c r="C108" s="14">
        <v>86</v>
      </c>
      <c r="D108" s="18">
        <v>151</v>
      </c>
    </row>
    <row r="109" spans="1:4" ht="18" customHeight="1" x14ac:dyDescent="0.15">
      <c r="A109" s="5">
        <v>85</v>
      </c>
      <c r="B109" s="22">
        <v>6</v>
      </c>
      <c r="C109" s="14">
        <v>6</v>
      </c>
      <c r="D109" s="18">
        <v>12</v>
      </c>
    </row>
    <row r="110" spans="1:4" ht="18" customHeight="1" x14ac:dyDescent="0.15">
      <c r="A110" s="5">
        <v>86</v>
      </c>
      <c r="B110" s="22">
        <v>6</v>
      </c>
      <c r="C110" s="14">
        <v>17</v>
      </c>
      <c r="D110" s="18">
        <v>23</v>
      </c>
    </row>
    <row r="111" spans="1:4" ht="18" customHeight="1" x14ac:dyDescent="0.15">
      <c r="A111" s="5">
        <v>87</v>
      </c>
      <c r="B111" s="22">
        <v>7</v>
      </c>
      <c r="C111" s="14">
        <v>11</v>
      </c>
      <c r="D111" s="18">
        <v>18</v>
      </c>
    </row>
    <row r="112" spans="1:4" ht="18" customHeight="1" x14ac:dyDescent="0.15">
      <c r="A112" s="5">
        <v>88</v>
      </c>
      <c r="B112" s="22">
        <v>10</v>
      </c>
      <c r="C112" s="14">
        <v>12</v>
      </c>
      <c r="D112" s="18">
        <v>22</v>
      </c>
    </row>
    <row r="113" spans="1:4" ht="18" customHeight="1" x14ac:dyDescent="0.15">
      <c r="A113" s="5">
        <v>89</v>
      </c>
      <c r="B113" s="22">
        <v>4</v>
      </c>
      <c r="C113" s="14">
        <v>12</v>
      </c>
      <c r="D113" s="18">
        <v>16</v>
      </c>
    </row>
    <row r="114" spans="1:4" ht="18" customHeight="1" x14ac:dyDescent="0.15">
      <c r="A114" s="5" t="s">
        <v>37</v>
      </c>
      <c r="B114" s="22">
        <v>33</v>
      </c>
      <c r="C114" s="14">
        <v>58</v>
      </c>
      <c r="D114" s="18">
        <v>91</v>
      </c>
    </row>
    <row r="115" spans="1:4" ht="18" customHeight="1" x14ac:dyDescent="0.15">
      <c r="A115" s="5">
        <v>90</v>
      </c>
      <c r="B115" s="22">
        <v>5</v>
      </c>
      <c r="C115" s="14">
        <v>11</v>
      </c>
      <c r="D115" s="18">
        <v>16</v>
      </c>
    </row>
    <row r="116" spans="1:4" ht="18" customHeight="1" x14ac:dyDescent="0.15">
      <c r="A116" s="5">
        <v>91</v>
      </c>
      <c r="B116" s="22">
        <v>0</v>
      </c>
      <c r="C116" s="14">
        <v>8</v>
      </c>
      <c r="D116" s="18">
        <v>8</v>
      </c>
    </row>
    <row r="117" spans="1:4" ht="18" customHeight="1" x14ac:dyDescent="0.15">
      <c r="A117" s="5">
        <v>92</v>
      </c>
      <c r="B117" s="22">
        <v>4</v>
      </c>
      <c r="C117" s="14">
        <v>9</v>
      </c>
      <c r="D117" s="18">
        <v>13</v>
      </c>
    </row>
    <row r="118" spans="1:4" ht="18" customHeight="1" x14ac:dyDescent="0.15">
      <c r="A118" s="5">
        <v>93</v>
      </c>
      <c r="B118" s="22">
        <v>1</v>
      </c>
      <c r="C118" s="14">
        <v>8</v>
      </c>
      <c r="D118" s="18">
        <v>9</v>
      </c>
    </row>
    <row r="119" spans="1:4" ht="18" customHeight="1" x14ac:dyDescent="0.15">
      <c r="A119" s="5">
        <v>94</v>
      </c>
      <c r="B119" s="22">
        <v>5</v>
      </c>
      <c r="C119" s="14">
        <v>4</v>
      </c>
      <c r="D119" s="18">
        <v>9</v>
      </c>
    </row>
    <row r="120" spans="1:4" ht="18" customHeight="1" x14ac:dyDescent="0.15">
      <c r="A120" s="5" t="s">
        <v>39</v>
      </c>
      <c r="B120" s="22">
        <v>15</v>
      </c>
      <c r="C120" s="14">
        <v>40</v>
      </c>
      <c r="D120" s="18">
        <v>55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15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8</v>
      </c>
      <c r="C130" s="14">
        <v>523</v>
      </c>
      <c r="D130" s="18">
        <v>871</v>
      </c>
    </row>
    <row r="131" spans="1:4" ht="18" customHeight="1" x14ac:dyDescent="0.15">
      <c r="A131" s="7" t="s">
        <v>45</v>
      </c>
      <c r="B131" s="23">
        <v>1019</v>
      </c>
      <c r="C131" s="15">
        <v>1100</v>
      </c>
      <c r="D131" s="19">
        <v>21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2</v>
      </c>
      <c r="D5" s="17">
        <v>6</v>
      </c>
    </row>
    <row r="6" spans="1:4" ht="18" customHeight="1" x14ac:dyDescent="0.15">
      <c r="A6" s="5">
        <v>1</v>
      </c>
      <c r="B6" s="22">
        <v>6</v>
      </c>
      <c r="C6" s="14">
        <v>4</v>
      </c>
      <c r="D6" s="18">
        <v>10</v>
      </c>
    </row>
    <row r="7" spans="1:4" ht="18" customHeight="1" x14ac:dyDescent="0.15">
      <c r="A7" s="5">
        <v>2</v>
      </c>
      <c r="B7" s="22">
        <v>5</v>
      </c>
      <c r="C7" s="14">
        <v>2</v>
      </c>
      <c r="D7" s="18">
        <v>7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5</v>
      </c>
      <c r="C9" s="14">
        <v>8</v>
      </c>
      <c r="D9" s="18">
        <v>13</v>
      </c>
    </row>
    <row r="10" spans="1:4" ht="18" customHeight="1" x14ac:dyDescent="0.15">
      <c r="A10" s="5" t="s">
        <v>7</v>
      </c>
      <c r="B10" s="22">
        <v>29</v>
      </c>
      <c r="C10" s="14">
        <v>26</v>
      </c>
      <c r="D10" s="18">
        <v>55</v>
      </c>
    </row>
    <row r="11" spans="1:4" ht="18" customHeight="1" x14ac:dyDescent="0.15">
      <c r="A11" s="5">
        <v>5</v>
      </c>
      <c r="B11" s="22">
        <v>6</v>
      </c>
      <c r="C11" s="14">
        <v>6</v>
      </c>
      <c r="D11" s="18">
        <v>12</v>
      </c>
    </row>
    <row r="12" spans="1:4" ht="18" customHeight="1" x14ac:dyDescent="0.15">
      <c r="A12" s="5">
        <v>6</v>
      </c>
      <c r="B12" s="22">
        <v>5</v>
      </c>
      <c r="C12" s="14">
        <v>10</v>
      </c>
      <c r="D12" s="18">
        <v>15</v>
      </c>
    </row>
    <row r="13" spans="1:4" ht="18" customHeight="1" x14ac:dyDescent="0.15">
      <c r="A13" s="5">
        <v>7</v>
      </c>
      <c r="B13" s="22">
        <v>6</v>
      </c>
      <c r="C13" s="14">
        <v>7</v>
      </c>
      <c r="D13" s="18">
        <v>13</v>
      </c>
    </row>
    <row r="14" spans="1:4" ht="18" customHeight="1" x14ac:dyDescent="0.15">
      <c r="A14" s="5">
        <v>8</v>
      </c>
      <c r="B14" s="22">
        <v>12</v>
      </c>
      <c r="C14" s="14">
        <v>5</v>
      </c>
      <c r="D14" s="18">
        <v>17</v>
      </c>
    </row>
    <row r="15" spans="1:4" ht="18" customHeight="1" x14ac:dyDescent="0.15">
      <c r="A15" s="5">
        <v>9</v>
      </c>
      <c r="B15" s="22">
        <v>8</v>
      </c>
      <c r="C15" s="14">
        <v>7</v>
      </c>
      <c r="D15" s="18">
        <v>15</v>
      </c>
    </row>
    <row r="16" spans="1:4" ht="18" customHeight="1" x14ac:dyDescent="0.15">
      <c r="A16" s="5" t="s">
        <v>11</v>
      </c>
      <c r="B16" s="22">
        <v>37</v>
      </c>
      <c r="C16" s="14">
        <v>35</v>
      </c>
      <c r="D16" s="18">
        <v>72</v>
      </c>
    </row>
    <row r="17" spans="1:4" ht="18" customHeight="1" x14ac:dyDescent="0.15">
      <c r="A17" s="5">
        <v>10</v>
      </c>
      <c r="B17" s="22">
        <v>9</v>
      </c>
      <c r="C17" s="14">
        <v>9</v>
      </c>
      <c r="D17" s="18">
        <v>18</v>
      </c>
    </row>
    <row r="18" spans="1:4" ht="18" customHeight="1" x14ac:dyDescent="0.15">
      <c r="A18" s="5">
        <v>11</v>
      </c>
      <c r="B18" s="22">
        <v>14</v>
      </c>
      <c r="C18" s="14">
        <v>9</v>
      </c>
      <c r="D18" s="18">
        <v>23</v>
      </c>
    </row>
    <row r="19" spans="1:4" ht="18" customHeight="1" x14ac:dyDescent="0.15">
      <c r="A19" s="5">
        <v>12</v>
      </c>
      <c r="B19" s="22">
        <v>8</v>
      </c>
      <c r="C19" s="14">
        <v>9</v>
      </c>
      <c r="D19" s="18">
        <v>17</v>
      </c>
    </row>
    <row r="20" spans="1:4" ht="18" customHeight="1" x14ac:dyDescent="0.15">
      <c r="A20" s="5">
        <v>13</v>
      </c>
      <c r="B20" s="22">
        <v>12</v>
      </c>
      <c r="C20" s="14">
        <v>14</v>
      </c>
      <c r="D20" s="18">
        <v>26</v>
      </c>
    </row>
    <row r="21" spans="1:4" ht="18" customHeight="1" x14ac:dyDescent="0.15">
      <c r="A21" s="5">
        <v>14</v>
      </c>
      <c r="B21" s="22">
        <v>6</v>
      </c>
      <c r="C21" s="14">
        <v>9</v>
      </c>
      <c r="D21" s="18">
        <v>15</v>
      </c>
    </row>
    <row r="22" spans="1:4" ht="18" customHeight="1" x14ac:dyDescent="0.15">
      <c r="A22" s="5" t="s">
        <v>12</v>
      </c>
      <c r="B22" s="22">
        <v>49</v>
      </c>
      <c r="C22" s="14">
        <v>50</v>
      </c>
      <c r="D22" s="18">
        <v>99</v>
      </c>
    </row>
    <row r="23" spans="1:4" ht="18" customHeight="1" x14ac:dyDescent="0.15">
      <c r="A23" s="5" t="s">
        <v>6</v>
      </c>
      <c r="B23" s="22">
        <v>115</v>
      </c>
      <c r="C23" s="14">
        <v>111</v>
      </c>
      <c r="D23" s="18">
        <v>226</v>
      </c>
    </row>
    <row r="24" spans="1:4" ht="18" customHeight="1" x14ac:dyDescent="0.15">
      <c r="A24" s="5">
        <v>15</v>
      </c>
      <c r="B24" s="22">
        <v>12</v>
      </c>
      <c r="C24" s="14">
        <v>14</v>
      </c>
      <c r="D24" s="18">
        <v>26</v>
      </c>
    </row>
    <row r="25" spans="1:4" ht="18" customHeight="1" x14ac:dyDescent="0.15">
      <c r="A25" s="5">
        <v>16</v>
      </c>
      <c r="B25" s="22">
        <v>11</v>
      </c>
      <c r="C25" s="14">
        <v>10</v>
      </c>
      <c r="D25" s="18">
        <v>21</v>
      </c>
    </row>
    <row r="26" spans="1:4" ht="18" customHeight="1" x14ac:dyDescent="0.15">
      <c r="A26" s="5">
        <v>17</v>
      </c>
      <c r="B26" s="22">
        <v>8</v>
      </c>
      <c r="C26" s="14">
        <v>11</v>
      </c>
      <c r="D26" s="18">
        <v>19</v>
      </c>
    </row>
    <row r="27" spans="1:4" ht="18" customHeight="1" x14ac:dyDescent="0.15">
      <c r="A27" s="5">
        <v>18</v>
      </c>
      <c r="B27" s="22">
        <v>6</v>
      </c>
      <c r="C27" s="14">
        <v>18</v>
      </c>
      <c r="D27" s="18">
        <v>24</v>
      </c>
    </row>
    <row r="28" spans="1:4" ht="18" customHeight="1" x14ac:dyDescent="0.15">
      <c r="A28" s="5">
        <v>19</v>
      </c>
      <c r="B28" s="22">
        <v>16</v>
      </c>
      <c r="C28" s="14">
        <v>10</v>
      </c>
      <c r="D28" s="18">
        <v>26</v>
      </c>
    </row>
    <row r="29" spans="1:4" ht="18" customHeight="1" x14ac:dyDescent="0.15">
      <c r="A29" s="5" t="s">
        <v>14</v>
      </c>
      <c r="B29" s="22">
        <v>53</v>
      </c>
      <c r="C29" s="14">
        <v>63</v>
      </c>
      <c r="D29" s="18">
        <v>116</v>
      </c>
    </row>
    <row r="30" spans="1:4" ht="18" customHeight="1" x14ac:dyDescent="0.15">
      <c r="A30" s="5">
        <v>20</v>
      </c>
      <c r="B30" s="22">
        <v>5</v>
      </c>
      <c r="C30" s="14">
        <v>15</v>
      </c>
      <c r="D30" s="18">
        <v>20</v>
      </c>
    </row>
    <row r="31" spans="1:4" ht="18" customHeight="1" x14ac:dyDescent="0.15">
      <c r="A31" s="5">
        <v>21</v>
      </c>
      <c r="B31" s="22">
        <v>18</v>
      </c>
      <c r="C31" s="14">
        <v>11</v>
      </c>
      <c r="D31" s="18">
        <v>29</v>
      </c>
    </row>
    <row r="32" spans="1:4" ht="18" customHeight="1" x14ac:dyDescent="0.15">
      <c r="A32" s="5">
        <v>22</v>
      </c>
      <c r="B32" s="22">
        <v>12</v>
      </c>
      <c r="C32" s="14">
        <v>3</v>
      </c>
      <c r="D32" s="18">
        <v>15</v>
      </c>
    </row>
    <row r="33" spans="1:4" ht="18" customHeight="1" x14ac:dyDescent="0.15">
      <c r="A33" s="5">
        <v>23</v>
      </c>
      <c r="B33" s="22">
        <v>19</v>
      </c>
      <c r="C33" s="14">
        <v>14</v>
      </c>
      <c r="D33" s="18">
        <v>33</v>
      </c>
    </row>
    <row r="34" spans="1:4" ht="18" customHeight="1" x14ac:dyDescent="0.15">
      <c r="A34" s="5">
        <v>24</v>
      </c>
      <c r="B34" s="22">
        <v>6</v>
      </c>
      <c r="C34" s="14">
        <v>8</v>
      </c>
      <c r="D34" s="18">
        <v>14</v>
      </c>
    </row>
    <row r="35" spans="1:4" ht="18" customHeight="1" x14ac:dyDescent="0.15">
      <c r="A35" s="5" t="s">
        <v>9</v>
      </c>
      <c r="B35" s="22">
        <v>60</v>
      </c>
      <c r="C35" s="14">
        <v>51</v>
      </c>
      <c r="D35" s="18">
        <v>111</v>
      </c>
    </row>
    <row r="36" spans="1:4" ht="18" customHeight="1" x14ac:dyDescent="0.15">
      <c r="A36" s="5">
        <v>25</v>
      </c>
      <c r="B36" s="22">
        <v>10</v>
      </c>
      <c r="C36" s="14">
        <v>9</v>
      </c>
      <c r="D36" s="18">
        <v>19</v>
      </c>
    </row>
    <row r="37" spans="1:4" ht="18" customHeight="1" x14ac:dyDescent="0.15">
      <c r="A37" s="5">
        <v>26</v>
      </c>
      <c r="B37" s="22">
        <v>15</v>
      </c>
      <c r="C37" s="14">
        <v>5</v>
      </c>
      <c r="D37" s="18">
        <v>20</v>
      </c>
    </row>
    <row r="38" spans="1:4" ht="18" customHeight="1" x14ac:dyDescent="0.15">
      <c r="A38" s="5">
        <v>27</v>
      </c>
      <c r="B38" s="22">
        <v>8</v>
      </c>
      <c r="C38" s="14">
        <v>3</v>
      </c>
      <c r="D38" s="18">
        <v>11</v>
      </c>
    </row>
    <row r="39" spans="1:4" ht="18" customHeight="1" x14ac:dyDescent="0.15">
      <c r="A39" s="5">
        <v>28</v>
      </c>
      <c r="B39" s="22">
        <v>12</v>
      </c>
      <c r="C39" s="14">
        <v>7</v>
      </c>
      <c r="D39" s="18">
        <v>19</v>
      </c>
    </row>
    <row r="40" spans="1:4" ht="18" customHeight="1" x14ac:dyDescent="0.15">
      <c r="A40" s="5">
        <v>29</v>
      </c>
      <c r="B40" s="22">
        <v>13</v>
      </c>
      <c r="C40" s="14">
        <v>8</v>
      </c>
      <c r="D40" s="18">
        <v>21</v>
      </c>
    </row>
    <row r="41" spans="1:4" ht="18" customHeight="1" x14ac:dyDescent="0.15">
      <c r="A41" s="5" t="s">
        <v>2</v>
      </c>
      <c r="B41" s="22">
        <v>58</v>
      </c>
      <c r="C41" s="14">
        <v>32</v>
      </c>
      <c r="D41" s="18">
        <v>90</v>
      </c>
    </row>
    <row r="42" spans="1:4" ht="18" customHeight="1" x14ac:dyDescent="0.15">
      <c r="A42" s="5">
        <v>30</v>
      </c>
      <c r="B42" s="22">
        <v>13</v>
      </c>
      <c r="C42" s="14">
        <v>12</v>
      </c>
      <c r="D42" s="18">
        <v>25</v>
      </c>
    </row>
    <row r="43" spans="1:4" ht="18" customHeight="1" x14ac:dyDescent="0.15">
      <c r="A43" s="5">
        <v>31</v>
      </c>
      <c r="B43" s="22">
        <v>11</v>
      </c>
      <c r="C43" s="14">
        <v>9</v>
      </c>
      <c r="D43" s="18">
        <v>20</v>
      </c>
    </row>
    <row r="44" spans="1:4" ht="18" customHeight="1" x14ac:dyDescent="0.15">
      <c r="A44" s="5">
        <v>32</v>
      </c>
      <c r="B44" s="22">
        <v>15</v>
      </c>
      <c r="C44" s="14">
        <v>6</v>
      </c>
      <c r="D44" s="18">
        <v>21</v>
      </c>
    </row>
    <row r="45" spans="1:4" ht="18" customHeight="1" x14ac:dyDescent="0.15">
      <c r="A45" s="5">
        <v>33</v>
      </c>
      <c r="B45" s="22">
        <v>12</v>
      </c>
      <c r="C45" s="14">
        <v>8</v>
      </c>
      <c r="D45" s="18">
        <v>20</v>
      </c>
    </row>
    <row r="46" spans="1:4" ht="18" customHeight="1" x14ac:dyDescent="0.15">
      <c r="A46" s="5">
        <v>34</v>
      </c>
      <c r="B46" s="22">
        <v>9</v>
      </c>
      <c r="C46" s="14">
        <v>12</v>
      </c>
      <c r="D46" s="18">
        <v>21</v>
      </c>
    </row>
    <row r="47" spans="1:4" ht="18" customHeight="1" x14ac:dyDescent="0.15">
      <c r="A47" s="5" t="s">
        <v>15</v>
      </c>
      <c r="B47" s="22">
        <v>60</v>
      </c>
      <c r="C47" s="14">
        <v>47</v>
      </c>
      <c r="D47" s="18">
        <v>107</v>
      </c>
    </row>
    <row r="48" spans="1:4" ht="18" customHeight="1" x14ac:dyDescent="0.15">
      <c r="A48" s="5">
        <v>35</v>
      </c>
      <c r="B48" s="22">
        <v>6</v>
      </c>
      <c r="C48" s="14">
        <v>9</v>
      </c>
      <c r="D48" s="18">
        <v>15</v>
      </c>
    </row>
    <row r="49" spans="1:4" ht="18" customHeight="1" x14ac:dyDescent="0.15">
      <c r="A49" s="5">
        <v>36</v>
      </c>
      <c r="B49" s="22">
        <v>13</v>
      </c>
      <c r="C49" s="14">
        <v>6</v>
      </c>
      <c r="D49" s="18">
        <v>19</v>
      </c>
    </row>
    <row r="50" spans="1:4" ht="18" customHeight="1" x14ac:dyDescent="0.15">
      <c r="A50" s="5">
        <v>37</v>
      </c>
      <c r="B50" s="22">
        <v>12</v>
      </c>
      <c r="C50" s="14">
        <v>12</v>
      </c>
      <c r="D50" s="18">
        <v>24</v>
      </c>
    </row>
    <row r="51" spans="1:4" ht="18" customHeight="1" x14ac:dyDescent="0.15">
      <c r="A51" s="5">
        <v>38</v>
      </c>
      <c r="B51" s="22">
        <v>9</v>
      </c>
      <c r="C51" s="14">
        <v>6</v>
      </c>
      <c r="D51" s="18">
        <v>15</v>
      </c>
    </row>
    <row r="52" spans="1:4" ht="18" customHeight="1" x14ac:dyDescent="0.15">
      <c r="A52" s="5">
        <v>39</v>
      </c>
      <c r="B52" s="22">
        <v>14</v>
      </c>
      <c r="C52" s="14">
        <v>12</v>
      </c>
      <c r="D52" s="18">
        <v>26</v>
      </c>
    </row>
    <row r="53" spans="1:4" ht="18" customHeight="1" x14ac:dyDescent="0.15">
      <c r="A53" s="5" t="s">
        <v>18</v>
      </c>
      <c r="B53" s="22">
        <v>54</v>
      </c>
      <c r="C53" s="14">
        <v>45</v>
      </c>
      <c r="D53" s="18">
        <v>99</v>
      </c>
    </row>
    <row r="54" spans="1:4" ht="18" customHeight="1" x14ac:dyDescent="0.15">
      <c r="A54" s="5">
        <v>40</v>
      </c>
      <c r="B54" s="22">
        <v>14</v>
      </c>
      <c r="C54" s="14">
        <v>12</v>
      </c>
      <c r="D54" s="18">
        <v>26</v>
      </c>
    </row>
    <row r="55" spans="1:4" ht="18" customHeight="1" x14ac:dyDescent="0.15">
      <c r="A55" s="5">
        <v>41</v>
      </c>
      <c r="B55" s="22">
        <v>15</v>
      </c>
      <c r="C55" s="14">
        <v>17</v>
      </c>
      <c r="D55" s="18">
        <v>32</v>
      </c>
    </row>
    <row r="56" spans="1:4" ht="18" customHeight="1" x14ac:dyDescent="0.15">
      <c r="A56" s="5">
        <v>42</v>
      </c>
      <c r="B56" s="22">
        <v>16</v>
      </c>
      <c r="C56" s="14">
        <v>11</v>
      </c>
      <c r="D56" s="18">
        <v>27</v>
      </c>
    </row>
    <row r="57" spans="1:4" ht="18" customHeight="1" x14ac:dyDescent="0.15">
      <c r="A57" s="5">
        <v>43</v>
      </c>
      <c r="B57" s="22">
        <v>21</v>
      </c>
      <c r="C57" s="14">
        <v>13</v>
      </c>
      <c r="D57" s="18">
        <v>34</v>
      </c>
    </row>
    <row r="58" spans="1:4" ht="18" customHeight="1" x14ac:dyDescent="0.15">
      <c r="A58" s="5">
        <v>44</v>
      </c>
      <c r="B58" s="22">
        <v>17</v>
      </c>
      <c r="C58" s="14">
        <v>11</v>
      </c>
      <c r="D58" s="18">
        <v>28</v>
      </c>
    </row>
    <row r="59" spans="1:4" ht="18" customHeight="1" x14ac:dyDescent="0.15">
      <c r="A59" s="5" t="s">
        <v>21</v>
      </c>
      <c r="B59" s="22">
        <v>83</v>
      </c>
      <c r="C59" s="14">
        <v>64</v>
      </c>
      <c r="D59" s="18">
        <v>147</v>
      </c>
    </row>
    <row r="60" spans="1:4" ht="18" customHeight="1" x14ac:dyDescent="0.15">
      <c r="A60" s="5">
        <v>45</v>
      </c>
      <c r="B60" s="22">
        <v>23</v>
      </c>
      <c r="C60" s="14">
        <v>13</v>
      </c>
      <c r="D60" s="18">
        <v>36</v>
      </c>
    </row>
    <row r="61" spans="1:4" ht="18" customHeight="1" x14ac:dyDescent="0.15">
      <c r="A61" s="5">
        <v>46</v>
      </c>
      <c r="B61" s="22">
        <v>11</v>
      </c>
      <c r="C61" s="14">
        <v>14</v>
      </c>
      <c r="D61" s="18">
        <v>25</v>
      </c>
    </row>
    <row r="62" spans="1:4" ht="18" customHeight="1" x14ac:dyDescent="0.15">
      <c r="A62" s="5">
        <v>47</v>
      </c>
      <c r="B62" s="22">
        <v>17</v>
      </c>
      <c r="C62" s="14">
        <v>23</v>
      </c>
      <c r="D62" s="18">
        <v>40</v>
      </c>
    </row>
    <row r="63" spans="1:4" ht="18" customHeight="1" x14ac:dyDescent="0.15">
      <c r="A63" s="5">
        <v>48</v>
      </c>
      <c r="B63" s="22">
        <v>23</v>
      </c>
      <c r="C63" s="14">
        <v>22</v>
      </c>
      <c r="D63" s="18">
        <v>45</v>
      </c>
    </row>
    <row r="64" spans="1:4" ht="18" customHeight="1" x14ac:dyDescent="0.15">
      <c r="A64" s="5">
        <v>49</v>
      </c>
      <c r="B64" s="22">
        <v>24</v>
      </c>
      <c r="C64" s="14">
        <v>11</v>
      </c>
      <c r="D64" s="18">
        <v>35</v>
      </c>
    </row>
    <row r="65" spans="1:4" ht="18" customHeight="1" x14ac:dyDescent="0.15">
      <c r="A65" s="5" t="s">
        <v>17</v>
      </c>
      <c r="B65" s="22">
        <v>98</v>
      </c>
      <c r="C65" s="14">
        <v>83</v>
      </c>
      <c r="D65" s="18">
        <v>181</v>
      </c>
    </row>
    <row r="66" spans="1:4" ht="18" customHeight="1" x14ac:dyDescent="0.15">
      <c r="A66" s="5">
        <v>50</v>
      </c>
      <c r="B66" s="22">
        <v>19</v>
      </c>
      <c r="C66" s="14">
        <v>18</v>
      </c>
      <c r="D66" s="18">
        <v>37</v>
      </c>
    </row>
    <row r="67" spans="1:4" ht="18" customHeight="1" x14ac:dyDescent="0.15">
      <c r="A67" s="5">
        <v>51</v>
      </c>
      <c r="B67" s="22">
        <v>22</v>
      </c>
      <c r="C67" s="14">
        <v>18</v>
      </c>
      <c r="D67" s="18">
        <v>40</v>
      </c>
    </row>
    <row r="68" spans="1:4" ht="18" customHeight="1" x14ac:dyDescent="0.15">
      <c r="A68" s="5">
        <v>52</v>
      </c>
      <c r="B68" s="22">
        <v>29</v>
      </c>
      <c r="C68" s="14">
        <v>15</v>
      </c>
      <c r="D68" s="18">
        <v>44</v>
      </c>
    </row>
    <row r="69" spans="1:4" ht="18" customHeight="1" x14ac:dyDescent="0.15">
      <c r="A69" s="5">
        <v>53</v>
      </c>
      <c r="B69" s="22">
        <v>23</v>
      </c>
      <c r="C69" s="14">
        <v>36</v>
      </c>
      <c r="D69" s="18">
        <v>59</v>
      </c>
    </row>
    <row r="70" spans="1:4" ht="18" customHeight="1" x14ac:dyDescent="0.15">
      <c r="A70" s="5">
        <v>54</v>
      </c>
      <c r="B70" s="22">
        <v>14</v>
      </c>
      <c r="C70" s="14">
        <v>20</v>
      </c>
      <c r="D70" s="18">
        <v>34</v>
      </c>
    </row>
    <row r="71" spans="1:4" ht="18" customHeight="1" x14ac:dyDescent="0.15">
      <c r="A71" s="5" t="s">
        <v>22</v>
      </c>
      <c r="B71" s="22">
        <v>107</v>
      </c>
      <c r="C71" s="14">
        <v>107</v>
      </c>
      <c r="D71" s="18">
        <v>214</v>
      </c>
    </row>
    <row r="72" spans="1:4" ht="18" customHeight="1" x14ac:dyDescent="0.15">
      <c r="A72" s="5">
        <v>55</v>
      </c>
      <c r="B72" s="22">
        <v>17</v>
      </c>
      <c r="C72" s="14">
        <v>15</v>
      </c>
      <c r="D72" s="18">
        <v>32</v>
      </c>
    </row>
    <row r="73" spans="1:4" ht="18" customHeight="1" x14ac:dyDescent="0.15">
      <c r="A73" s="5">
        <v>56</v>
      </c>
      <c r="B73" s="22">
        <v>22</v>
      </c>
      <c r="C73" s="14">
        <v>17</v>
      </c>
      <c r="D73" s="18">
        <v>39</v>
      </c>
    </row>
    <row r="74" spans="1:4" ht="18" customHeight="1" x14ac:dyDescent="0.15">
      <c r="A74" s="5">
        <v>57</v>
      </c>
      <c r="B74" s="22">
        <v>26</v>
      </c>
      <c r="C74" s="14">
        <v>14</v>
      </c>
      <c r="D74" s="18">
        <v>40</v>
      </c>
    </row>
    <row r="75" spans="1:4" ht="18" customHeight="1" x14ac:dyDescent="0.15">
      <c r="A75" s="5">
        <v>58</v>
      </c>
      <c r="B75" s="22">
        <v>22</v>
      </c>
      <c r="C75" s="14">
        <v>15</v>
      </c>
      <c r="D75" s="18">
        <v>37</v>
      </c>
    </row>
    <row r="76" spans="1:4" ht="18" customHeight="1" x14ac:dyDescent="0.15">
      <c r="A76" s="5">
        <v>59</v>
      </c>
      <c r="B76" s="22">
        <v>19</v>
      </c>
      <c r="C76" s="14">
        <v>16</v>
      </c>
      <c r="D76" s="18">
        <v>35</v>
      </c>
    </row>
    <row r="77" spans="1:4" ht="18" customHeight="1" x14ac:dyDescent="0.15">
      <c r="A77" s="5" t="s">
        <v>27</v>
      </c>
      <c r="B77" s="22">
        <v>106</v>
      </c>
      <c r="C77" s="14">
        <v>77</v>
      </c>
      <c r="D77" s="18">
        <v>183</v>
      </c>
    </row>
    <row r="78" spans="1:4" ht="18" customHeight="1" x14ac:dyDescent="0.15">
      <c r="A78" s="5">
        <v>60</v>
      </c>
      <c r="B78" s="22">
        <v>17</v>
      </c>
      <c r="C78" s="14">
        <v>13</v>
      </c>
      <c r="D78" s="18">
        <v>30</v>
      </c>
    </row>
    <row r="79" spans="1:4" ht="18" customHeight="1" x14ac:dyDescent="0.15">
      <c r="A79" s="5">
        <v>61</v>
      </c>
      <c r="B79" s="22">
        <v>21</v>
      </c>
      <c r="C79" s="14">
        <v>18</v>
      </c>
      <c r="D79" s="18">
        <v>39</v>
      </c>
    </row>
    <row r="80" spans="1:4" ht="18" customHeight="1" x14ac:dyDescent="0.15">
      <c r="A80" s="5">
        <v>62</v>
      </c>
      <c r="B80" s="22">
        <v>17</v>
      </c>
      <c r="C80" s="14">
        <v>32</v>
      </c>
      <c r="D80" s="18">
        <v>49</v>
      </c>
    </row>
    <row r="81" spans="1:4" ht="18" customHeight="1" x14ac:dyDescent="0.15">
      <c r="A81" s="5">
        <v>63</v>
      </c>
      <c r="B81" s="22">
        <v>18</v>
      </c>
      <c r="C81" s="14">
        <v>19</v>
      </c>
      <c r="D81" s="18">
        <v>37</v>
      </c>
    </row>
    <row r="82" spans="1:4" ht="18" customHeight="1" x14ac:dyDescent="0.15">
      <c r="A82" s="5">
        <v>64</v>
      </c>
      <c r="B82" s="22">
        <v>16</v>
      </c>
      <c r="C82" s="14">
        <v>19</v>
      </c>
      <c r="D82" s="18">
        <v>35</v>
      </c>
    </row>
    <row r="83" spans="1:4" ht="18" customHeight="1" x14ac:dyDescent="0.15">
      <c r="A83" s="5" t="s">
        <v>28</v>
      </c>
      <c r="B83" s="22">
        <v>89</v>
      </c>
      <c r="C83" s="14">
        <v>101</v>
      </c>
      <c r="D83" s="18">
        <v>190</v>
      </c>
    </row>
    <row r="84" spans="1:4" ht="18" customHeight="1" x14ac:dyDescent="0.15">
      <c r="A84" s="5" t="s">
        <v>31</v>
      </c>
      <c r="B84" s="22">
        <v>768</v>
      </c>
      <c r="C84" s="14">
        <v>670</v>
      </c>
      <c r="D84" s="18">
        <v>1438</v>
      </c>
    </row>
    <row r="85" spans="1:4" ht="18" customHeight="1" x14ac:dyDescent="0.15">
      <c r="A85" s="5">
        <v>65</v>
      </c>
      <c r="B85" s="22">
        <v>21</v>
      </c>
      <c r="C85" s="14">
        <v>23</v>
      </c>
      <c r="D85" s="18">
        <v>44</v>
      </c>
    </row>
    <row r="86" spans="1:4" ht="18" customHeight="1" x14ac:dyDescent="0.15">
      <c r="A86" s="5">
        <v>66</v>
      </c>
      <c r="B86" s="22">
        <v>17</v>
      </c>
      <c r="C86" s="14">
        <v>18</v>
      </c>
      <c r="D86" s="18">
        <v>35</v>
      </c>
    </row>
    <row r="87" spans="1:4" ht="18" customHeight="1" x14ac:dyDescent="0.15">
      <c r="A87" s="5">
        <v>67</v>
      </c>
      <c r="B87" s="22">
        <v>15</v>
      </c>
      <c r="C87" s="14">
        <v>24</v>
      </c>
      <c r="D87" s="18">
        <v>39</v>
      </c>
    </row>
    <row r="88" spans="1:4" ht="18" customHeight="1" x14ac:dyDescent="0.15">
      <c r="A88" s="5">
        <v>68</v>
      </c>
      <c r="B88" s="22">
        <v>15</v>
      </c>
      <c r="C88" s="14">
        <v>19</v>
      </c>
      <c r="D88" s="18">
        <v>34</v>
      </c>
    </row>
    <row r="89" spans="1:4" ht="18" customHeight="1" x14ac:dyDescent="0.15">
      <c r="A89" s="5">
        <v>69</v>
      </c>
      <c r="B89" s="22">
        <v>24</v>
      </c>
      <c r="C89" s="14">
        <v>24</v>
      </c>
      <c r="D89" s="18">
        <v>48</v>
      </c>
    </row>
    <row r="90" spans="1:4" ht="18" customHeight="1" x14ac:dyDescent="0.15">
      <c r="A90" s="5" t="s">
        <v>20</v>
      </c>
      <c r="B90" s="22">
        <v>92</v>
      </c>
      <c r="C90" s="14">
        <v>108</v>
      </c>
      <c r="D90" s="18">
        <v>200</v>
      </c>
    </row>
    <row r="91" spans="1:4" ht="18" customHeight="1" x14ac:dyDescent="0.15">
      <c r="A91" s="5">
        <v>70</v>
      </c>
      <c r="B91" s="22">
        <v>16</v>
      </c>
      <c r="C91" s="14">
        <v>24</v>
      </c>
      <c r="D91" s="18">
        <v>40</v>
      </c>
    </row>
    <row r="92" spans="1:4" ht="18" customHeight="1" x14ac:dyDescent="0.15">
      <c r="A92" s="5">
        <v>71</v>
      </c>
      <c r="B92" s="22">
        <v>20</v>
      </c>
      <c r="C92" s="14">
        <v>23</v>
      </c>
      <c r="D92" s="18">
        <v>43</v>
      </c>
    </row>
    <row r="93" spans="1:4" ht="18" customHeight="1" x14ac:dyDescent="0.15">
      <c r="A93" s="5">
        <v>72</v>
      </c>
      <c r="B93" s="22">
        <v>26</v>
      </c>
      <c r="C93" s="14">
        <v>24</v>
      </c>
      <c r="D93" s="18">
        <v>50</v>
      </c>
    </row>
    <row r="94" spans="1:4" ht="18" customHeight="1" x14ac:dyDescent="0.15">
      <c r="A94" s="5">
        <v>73</v>
      </c>
      <c r="B94" s="22">
        <v>29</v>
      </c>
      <c r="C94" s="14">
        <v>31</v>
      </c>
      <c r="D94" s="18">
        <v>60</v>
      </c>
    </row>
    <row r="95" spans="1:4" ht="18" customHeight="1" x14ac:dyDescent="0.15">
      <c r="A95" s="5">
        <v>74</v>
      </c>
      <c r="B95" s="22">
        <v>23</v>
      </c>
      <c r="C95" s="14">
        <v>19</v>
      </c>
      <c r="D95" s="18">
        <v>42</v>
      </c>
    </row>
    <row r="96" spans="1:4" ht="18" customHeight="1" x14ac:dyDescent="0.15">
      <c r="A96" s="5" t="s">
        <v>33</v>
      </c>
      <c r="B96" s="22">
        <v>114</v>
      </c>
      <c r="C96" s="14">
        <v>121</v>
      </c>
      <c r="D96" s="18">
        <v>235</v>
      </c>
    </row>
    <row r="97" spans="1:4" ht="18" customHeight="1" x14ac:dyDescent="0.15">
      <c r="A97" s="5">
        <v>75</v>
      </c>
      <c r="B97" s="22">
        <v>25</v>
      </c>
      <c r="C97" s="14">
        <v>19</v>
      </c>
      <c r="D97" s="18">
        <v>44</v>
      </c>
    </row>
    <row r="98" spans="1:4" ht="18" customHeight="1" x14ac:dyDescent="0.15">
      <c r="A98" s="5">
        <v>76</v>
      </c>
      <c r="B98" s="22">
        <v>22</v>
      </c>
      <c r="C98" s="14">
        <v>32</v>
      </c>
      <c r="D98" s="18">
        <v>54</v>
      </c>
    </row>
    <row r="99" spans="1:4" ht="18" customHeight="1" x14ac:dyDescent="0.15">
      <c r="A99" s="5">
        <v>77</v>
      </c>
      <c r="B99" s="22">
        <v>37</v>
      </c>
      <c r="C99" s="14">
        <v>27</v>
      </c>
      <c r="D99" s="18">
        <v>64</v>
      </c>
    </row>
    <row r="100" spans="1:4" ht="18" customHeight="1" x14ac:dyDescent="0.15">
      <c r="A100" s="5">
        <v>78</v>
      </c>
      <c r="B100" s="22">
        <v>32</v>
      </c>
      <c r="C100" s="14">
        <v>27</v>
      </c>
      <c r="D100" s="18">
        <v>59</v>
      </c>
    </row>
    <row r="101" spans="1:4" ht="18" customHeight="1" x14ac:dyDescent="0.15">
      <c r="A101" s="5">
        <v>79</v>
      </c>
      <c r="B101" s="22">
        <v>16</v>
      </c>
      <c r="C101" s="14">
        <v>21</v>
      </c>
      <c r="D101" s="18">
        <v>37</v>
      </c>
    </row>
    <row r="102" spans="1:4" ht="18" customHeight="1" x14ac:dyDescent="0.15">
      <c r="A102" s="5" t="s">
        <v>0</v>
      </c>
      <c r="B102" s="22">
        <v>132</v>
      </c>
      <c r="C102" s="14">
        <v>126</v>
      </c>
      <c r="D102" s="18">
        <v>258</v>
      </c>
    </row>
    <row r="103" spans="1:4" ht="18" customHeight="1" x14ac:dyDescent="0.15">
      <c r="A103" s="5">
        <v>80</v>
      </c>
      <c r="B103" s="22">
        <v>17</v>
      </c>
      <c r="C103" s="14">
        <v>18</v>
      </c>
      <c r="D103" s="18">
        <v>35</v>
      </c>
    </row>
    <row r="104" spans="1:4" ht="18" customHeight="1" x14ac:dyDescent="0.15">
      <c r="A104" s="5">
        <v>81</v>
      </c>
      <c r="B104" s="22">
        <v>19</v>
      </c>
      <c r="C104" s="14">
        <v>22</v>
      </c>
      <c r="D104" s="18">
        <v>41</v>
      </c>
    </row>
    <row r="105" spans="1:4" ht="18" customHeight="1" x14ac:dyDescent="0.15">
      <c r="A105" s="5">
        <v>82</v>
      </c>
      <c r="B105" s="22">
        <v>9</v>
      </c>
      <c r="C105" s="14">
        <v>22</v>
      </c>
      <c r="D105" s="18">
        <v>31</v>
      </c>
    </row>
    <row r="106" spans="1:4" ht="18" customHeight="1" x14ac:dyDescent="0.15">
      <c r="A106" s="5">
        <v>83</v>
      </c>
      <c r="B106" s="22">
        <v>7</v>
      </c>
      <c r="C106" s="14">
        <v>12</v>
      </c>
      <c r="D106" s="18">
        <v>19</v>
      </c>
    </row>
    <row r="107" spans="1:4" ht="18" customHeight="1" x14ac:dyDescent="0.15">
      <c r="A107" s="5">
        <v>84</v>
      </c>
      <c r="B107" s="22">
        <v>16</v>
      </c>
      <c r="C107" s="14">
        <v>20</v>
      </c>
      <c r="D107" s="18">
        <v>36</v>
      </c>
    </row>
    <row r="108" spans="1:4" ht="18" customHeight="1" x14ac:dyDescent="0.15">
      <c r="A108" s="5" t="s">
        <v>35</v>
      </c>
      <c r="B108" s="22">
        <v>68</v>
      </c>
      <c r="C108" s="14">
        <v>94</v>
      </c>
      <c r="D108" s="18">
        <v>162</v>
      </c>
    </row>
    <row r="109" spans="1:4" ht="18" customHeight="1" x14ac:dyDescent="0.15">
      <c r="A109" s="5">
        <v>85</v>
      </c>
      <c r="B109" s="22">
        <v>10</v>
      </c>
      <c r="C109" s="14">
        <v>7</v>
      </c>
      <c r="D109" s="18">
        <v>17</v>
      </c>
    </row>
    <row r="110" spans="1:4" ht="18" customHeight="1" x14ac:dyDescent="0.15">
      <c r="A110" s="5">
        <v>86</v>
      </c>
      <c r="B110" s="22">
        <v>8</v>
      </c>
      <c r="C110" s="14">
        <v>11</v>
      </c>
      <c r="D110" s="18">
        <v>19</v>
      </c>
    </row>
    <row r="111" spans="1:4" ht="18" customHeight="1" x14ac:dyDescent="0.15">
      <c r="A111" s="5">
        <v>87</v>
      </c>
      <c r="B111" s="22">
        <v>4</v>
      </c>
      <c r="C111" s="14">
        <v>15</v>
      </c>
      <c r="D111" s="18">
        <v>19</v>
      </c>
    </row>
    <row r="112" spans="1:4" ht="18" customHeight="1" x14ac:dyDescent="0.15">
      <c r="A112" s="5">
        <v>88</v>
      </c>
      <c r="B112" s="22">
        <v>2</v>
      </c>
      <c r="C112" s="14">
        <v>9</v>
      </c>
      <c r="D112" s="18">
        <v>11</v>
      </c>
    </row>
    <row r="113" spans="1:4" ht="18" customHeight="1" x14ac:dyDescent="0.15">
      <c r="A113" s="5">
        <v>89</v>
      </c>
      <c r="B113" s="22">
        <v>9</v>
      </c>
      <c r="C113" s="14">
        <v>9</v>
      </c>
      <c r="D113" s="18">
        <v>18</v>
      </c>
    </row>
    <row r="114" spans="1:4" ht="18" customHeight="1" x14ac:dyDescent="0.15">
      <c r="A114" s="5" t="s">
        <v>37</v>
      </c>
      <c r="B114" s="22">
        <v>33</v>
      </c>
      <c r="C114" s="14">
        <v>51</v>
      </c>
      <c r="D114" s="18">
        <v>84</v>
      </c>
    </row>
    <row r="115" spans="1:4" ht="18" customHeight="1" x14ac:dyDescent="0.15">
      <c r="A115" s="5">
        <v>90</v>
      </c>
      <c r="B115" s="22">
        <v>5</v>
      </c>
      <c r="C115" s="14">
        <v>10</v>
      </c>
      <c r="D115" s="18">
        <v>15</v>
      </c>
    </row>
    <row r="116" spans="1:4" ht="18" customHeight="1" x14ac:dyDescent="0.15">
      <c r="A116" s="5">
        <v>91</v>
      </c>
      <c r="B116" s="22">
        <v>2</v>
      </c>
      <c r="C116" s="14">
        <v>9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6</v>
      </c>
      <c r="D117" s="18">
        <v>9</v>
      </c>
    </row>
    <row r="118" spans="1:4" ht="18" customHeight="1" x14ac:dyDescent="0.15">
      <c r="A118" s="5">
        <v>93</v>
      </c>
      <c r="B118" s="22">
        <v>3</v>
      </c>
      <c r="C118" s="14">
        <v>11</v>
      </c>
      <c r="D118" s="18">
        <v>14</v>
      </c>
    </row>
    <row r="119" spans="1:4" ht="18" customHeight="1" x14ac:dyDescent="0.15">
      <c r="A119" s="5">
        <v>94</v>
      </c>
      <c r="B119" s="22">
        <v>0</v>
      </c>
      <c r="C119" s="14">
        <v>8</v>
      </c>
      <c r="D119" s="18">
        <v>8</v>
      </c>
    </row>
    <row r="120" spans="1:4" ht="18" customHeight="1" x14ac:dyDescent="0.15">
      <c r="A120" s="5" t="s">
        <v>39</v>
      </c>
      <c r="B120" s="22">
        <v>13</v>
      </c>
      <c r="C120" s="14">
        <v>44</v>
      </c>
      <c r="D120" s="18">
        <v>57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9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454</v>
      </c>
      <c r="C130" s="14">
        <v>556</v>
      </c>
      <c r="D130" s="18">
        <v>1010</v>
      </c>
    </row>
    <row r="131" spans="1:4" ht="18" customHeight="1" x14ac:dyDescent="0.15">
      <c r="A131" s="7" t="s">
        <v>45</v>
      </c>
      <c r="B131" s="23">
        <v>1337</v>
      </c>
      <c r="C131" s="15">
        <v>1337</v>
      </c>
      <c r="D131" s="19">
        <v>26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8</v>
      </c>
      <c r="D5" s="17">
        <v>17</v>
      </c>
    </row>
    <row r="6" spans="1:4" ht="18" customHeight="1" x14ac:dyDescent="0.15">
      <c r="A6" s="5">
        <v>1</v>
      </c>
      <c r="B6" s="22">
        <v>10</v>
      </c>
      <c r="C6" s="14">
        <v>8</v>
      </c>
      <c r="D6" s="18">
        <v>18</v>
      </c>
    </row>
    <row r="7" spans="1:4" ht="18" customHeight="1" x14ac:dyDescent="0.15">
      <c r="A7" s="5">
        <v>2</v>
      </c>
      <c r="B7" s="22">
        <v>9</v>
      </c>
      <c r="C7" s="14">
        <v>8</v>
      </c>
      <c r="D7" s="18">
        <v>17</v>
      </c>
    </row>
    <row r="8" spans="1:4" ht="18" customHeight="1" x14ac:dyDescent="0.15">
      <c r="A8" s="5">
        <v>3</v>
      </c>
      <c r="B8" s="22">
        <v>6</v>
      </c>
      <c r="C8" s="14">
        <v>14</v>
      </c>
      <c r="D8" s="18">
        <v>20</v>
      </c>
    </row>
    <row r="9" spans="1:4" ht="18" customHeight="1" x14ac:dyDescent="0.15">
      <c r="A9" s="5">
        <v>4</v>
      </c>
      <c r="B9" s="22">
        <v>6</v>
      </c>
      <c r="C9" s="14">
        <v>11</v>
      </c>
      <c r="D9" s="18">
        <v>17</v>
      </c>
    </row>
    <row r="10" spans="1:4" ht="18" customHeight="1" x14ac:dyDescent="0.15">
      <c r="A10" s="5" t="s">
        <v>7</v>
      </c>
      <c r="B10" s="22">
        <v>40</v>
      </c>
      <c r="C10" s="14">
        <v>49</v>
      </c>
      <c r="D10" s="18">
        <v>89</v>
      </c>
    </row>
    <row r="11" spans="1:4" ht="18" customHeight="1" x14ac:dyDescent="0.15">
      <c r="A11" s="5">
        <v>5</v>
      </c>
      <c r="B11" s="22">
        <v>13</v>
      </c>
      <c r="C11" s="14">
        <v>10</v>
      </c>
      <c r="D11" s="18">
        <v>23</v>
      </c>
    </row>
    <row r="12" spans="1:4" ht="18" customHeight="1" x14ac:dyDescent="0.15">
      <c r="A12" s="5">
        <v>6</v>
      </c>
      <c r="B12" s="22">
        <v>9</v>
      </c>
      <c r="C12" s="14">
        <v>13</v>
      </c>
      <c r="D12" s="18">
        <v>22</v>
      </c>
    </row>
    <row r="13" spans="1:4" ht="18" customHeight="1" x14ac:dyDescent="0.15">
      <c r="A13" s="5">
        <v>7</v>
      </c>
      <c r="B13" s="22">
        <v>12</v>
      </c>
      <c r="C13" s="14">
        <v>16</v>
      </c>
      <c r="D13" s="18">
        <v>28</v>
      </c>
    </row>
    <row r="14" spans="1:4" ht="18" customHeight="1" x14ac:dyDescent="0.15">
      <c r="A14" s="5">
        <v>8</v>
      </c>
      <c r="B14" s="22">
        <v>10</v>
      </c>
      <c r="C14" s="14">
        <v>10</v>
      </c>
      <c r="D14" s="18">
        <v>20</v>
      </c>
    </row>
    <row r="15" spans="1:4" ht="18" customHeight="1" x14ac:dyDescent="0.15">
      <c r="A15" s="5">
        <v>9</v>
      </c>
      <c r="B15" s="22">
        <v>16</v>
      </c>
      <c r="C15" s="14">
        <v>7</v>
      </c>
      <c r="D15" s="18">
        <v>23</v>
      </c>
    </row>
    <row r="16" spans="1:4" ht="18" customHeight="1" x14ac:dyDescent="0.15">
      <c r="A16" s="5" t="s">
        <v>11</v>
      </c>
      <c r="B16" s="22">
        <v>60</v>
      </c>
      <c r="C16" s="14">
        <v>56</v>
      </c>
      <c r="D16" s="18">
        <v>116</v>
      </c>
    </row>
    <row r="17" spans="1:4" ht="18" customHeight="1" x14ac:dyDescent="0.15">
      <c r="A17" s="5">
        <v>10</v>
      </c>
      <c r="B17" s="22">
        <v>14</v>
      </c>
      <c r="C17" s="14">
        <v>8</v>
      </c>
      <c r="D17" s="18">
        <v>22</v>
      </c>
    </row>
    <row r="18" spans="1:4" ht="18" customHeight="1" x14ac:dyDescent="0.15">
      <c r="A18" s="5">
        <v>11</v>
      </c>
      <c r="B18" s="22">
        <v>16</v>
      </c>
      <c r="C18" s="14">
        <v>17</v>
      </c>
      <c r="D18" s="18">
        <v>33</v>
      </c>
    </row>
    <row r="19" spans="1:4" ht="18" customHeight="1" x14ac:dyDescent="0.15">
      <c r="A19" s="5">
        <v>12</v>
      </c>
      <c r="B19" s="22">
        <v>9</v>
      </c>
      <c r="C19" s="14">
        <v>16</v>
      </c>
      <c r="D19" s="18">
        <v>25</v>
      </c>
    </row>
    <row r="20" spans="1:4" ht="18" customHeight="1" x14ac:dyDescent="0.15">
      <c r="A20" s="5">
        <v>13</v>
      </c>
      <c r="B20" s="22">
        <v>18</v>
      </c>
      <c r="C20" s="14">
        <v>17</v>
      </c>
      <c r="D20" s="18">
        <v>35</v>
      </c>
    </row>
    <row r="21" spans="1:4" ht="18" customHeight="1" x14ac:dyDescent="0.15">
      <c r="A21" s="5">
        <v>14</v>
      </c>
      <c r="B21" s="22">
        <v>16</v>
      </c>
      <c r="C21" s="14">
        <v>11</v>
      </c>
      <c r="D21" s="18">
        <v>27</v>
      </c>
    </row>
    <row r="22" spans="1:4" ht="18" customHeight="1" x14ac:dyDescent="0.15">
      <c r="A22" s="5" t="s">
        <v>12</v>
      </c>
      <c r="B22" s="22">
        <v>73</v>
      </c>
      <c r="C22" s="14">
        <v>69</v>
      </c>
      <c r="D22" s="18">
        <v>142</v>
      </c>
    </row>
    <row r="23" spans="1:4" ht="18" customHeight="1" x14ac:dyDescent="0.15">
      <c r="A23" s="5" t="s">
        <v>6</v>
      </c>
      <c r="B23" s="22">
        <v>173</v>
      </c>
      <c r="C23" s="14">
        <v>174</v>
      </c>
      <c r="D23" s="18">
        <v>347</v>
      </c>
    </row>
    <row r="24" spans="1:4" ht="18" customHeight="1" x14ac:dyDescent="0.15">
      <c r="A24" s="5">
        <v>15</v>
      </c>
      <c r="B24" s="22">
        <v>15</v>
      </c>
      <c r="C24" s="14">
        <v>15</v>
      </c>
      <c r="D24" s="18">
        <v>30</v>
      </c>
    </row>
    <row r="25" spans="1:4" ht="18" customHeight="1" x14ac:dyDescent="0.15">
      <c r="A25" s="5">
        <v>16</v>
      </c>
      <c r="B25" s="22">
        <v>22</v>
      </c>
      <c r="C25" s="14">
        <v>16</v>
      </c>
      <c r="D25" s="18">
        <v>38</v>
      </c>
    </row>
    <row r="26" spans="1:4" ht="18" customHeight="1" x14ac:dyDescent="0.15">
      <c r="A26" s="5">
        <v>17</v>
      </c>
      <c r="B26" s="22">
        <v>23</v>
      </c>
      <c r="C26" s="14">
        <v>21</v>
      </c>
      <c r="D26" s="18">
        <v>44</v>
      </c>
    </row>
    <row r="27" spans="1:4" ht="18" customHeight="1" x14ac:dyDescent="0.15">
      <c r="A27" s="5">
        <v>18</v>
      </c>
      <c r="B27" s="22">
        <v>16</v>
      </c>
      <c r="C27" s="14">
        <v>19</v>
      </c>
      <c r="D27" s="18">
        <v>35</v>
      </c>
    </row>
    <row r="28" spans="1:4" ht="18" customHeight="1" x14ac:dyDescent="0.15">
      <c r="A28" s="5">
        <v>19</v>
      </c>
      <c r="B28" s="22">
        <v>10</v>
      </c>
      <c r="C28" s="14">
        <v>12</v>
      </c>
      <c r="D28" s="18">
        <v>22</v>
      </c>
    </row>
    <row r="29" spans="1:4" ht="18" customHeight="1" x14ac:dyDescent="0.15">
      <c r="A29" s="5" t="s">
        <v>14</v>
      </c>
      <c r="B29" s="22">
        <v>86</v>
      </c>
      <c r="C29" s="14">
        <v>83</v>
      </c>
      <c r="D29" s="18">
        <v>169</v>
      </c>
    </row>
    <row r="30" spans="1:4" ht="18" customHeight="1" x14ac:dyDescent="0.15">
      <c r="A30" s="5">
        <v>20</v>
      </c>
      <c r="B30" s="22">
        <v>12</v>
      </c>
      <c r="C30" s="14">
        <v>17</v>
      </c>
      <c r="D30" s="18">
        <v>29</v>
      </c>
    </row>
    <row r="31" spans="1:4" ht="18" customHeight="1" x14ac:dyDescent="0.15">
      <c r="A31" s="5">
        <v>21</v>
      </c>
      <c r="B31" s="22">
        <v>13</v>
      </c>
      <c r="C31" s="14">
        <v>6</v>
      </c>
      <c r="D31" s="18">
        <v>19</v>
      </c>
    </row>
    <row r="32" spans="1:4" ht="18" customHeight="1" x14ac:dyDescent="0.15">
      <c r="A32" s="5">
        <v>22</v>
      </c>
      <c r="B32" s="22">
        <v>15</v>
      </c>
      <c r="C32" s="14">
        <v>15</v>
      </c>
      <c r="D32" s="18">
        <v>30</v>
      </c>
    </row>
    <row r="33" spans="1:4" ht="18" customHeight="1" x14ac:dyDescent="0.15">
      <c r="A33" s="5">
        <v>23</v>
      </c>
      <c r="B33" s="22">
        <v>15</v>
      </c>
      <c r="C33" s="14">
        <v>9</v>
      </c>
      <c r="D33" s="18">
        <v>24</v>
      </c>
    </row>
    <row r="34" spans="1:4" ht="18" customHeight="1" x14ac:dyDescent="0.15">
      <c r="A34" s="5">
        <v>24</v>
      </c>
      <c r="B34" s="22">
        <v>15</v>
      </c>
      <c r="C34" s="14">
        <v>16</v>
      </c>
      <c r="D34" s="18">
        <v>31</v>
      </c>
    </row>
    <row r="35" spans="1:4" ht="18" customHeight="1" x14ac:dyDescent="0.15">
      <c r="A35" s="5" t="s">
        <v>9</v>
      </c>
      <c r="B35" s="22">
        <v>70</v>
      </c>
      <c r="C35" s="14">
        <v>63</v>
      </c>
      <c r="D35" s="18">
        <v>133</v>
      </c>
    </row>
    <row r="36" spans="1:4" ht="18" customHeight="1" x14ac:dyDescent="0.15">
      <c r="A36" s="5">
        <v>25</v>
      </c>
      <c r="B36" s="22">
        <v>11</v>
      </c>
      <c r="C36" s="14">
        <v>10</v>
      </c>
      <c r="D36" s="18">
        <v>21</v>
      </c>
    </row>
    <row r="37" spans="1:4" ht="18" customHeight="1" x14ac:dyDescent="0.15">
      <c r="A37" s="5">
        <v>26</v>
      </c>
      <c r="B37" s="22">
        <v>10</v>
      </c>
      <c r="C37" s="14">
        <v>8</v>
      </c>
      <c r="D37" s="18">
        <v>18</v>
      </c>
    </row>
    <row r="38" spans="1:4" ht="18" customHeight="1" x14ac:dyDescent="0.15">
      <c r="A38" s="5">
        <v>27</v>
      </c>
      <c r="B38" s="22">
        <v>11</v>
      </c>
      <c r="C38" s="14">
        <v>6</v>
      </c>
      <c r="D38" s="18">
        <v>17</v>
      </c>
    </row>
    <row r="39" spans="1:4" ht="18" customHeight="1" x14ac:dyDescent="0.15">
      <c r="A39" s="5">
        <v>28</v>
      </c>
      <c r="B39" s="22">
        <v>10</v>
      </c>
      <c r="C39" s="14">
        <v>11</v>
      </c>
      <c r="D39" s="18">
        <v>21</v>
      </c>
    </row>
    <row r="40" spans="1:4" ht="18" customHeight="1" x14ac:dyDescent="0.15">
      <c r="A40" s="5">
        <v>29</v>
      </c>
      <c r="B40" s="22">
        <v>11</v>
      </c>
      <c r="C40" s="14">
        <v>9</v>
      </c>
      <c r="D40" s="18">
        <v>20</v>
      </c>
    </row>
    <row r="41" spans="1:4" ht="18" customHeight="1" x14ac:dyDescent="0.15">
      <c r="A41" s="5" t="s">
        <v>2</v>
      </c>
      <c r="B41" s="22">
        <v>53</v>
      </c>
      <c r="C41" s="14">
        <v>44</v>
      </c>
      <c r="D41" s="18">
        <v>97</v>
      </c>
    </row>
    <row r="42" spans="1:4" ht="18" customHeight="1" x14ac:dyDescent="0.15">
      <c r="A42" s="5">
        <v>30</v>
      </c>
      <c r="B42" s="22">
        <v>10</v>
      </c>
      <c r="C42" s="14">
        <v>11</v>
      </c>
      <c r="D42" s="18">
        <v>21</v>
      </c>
    </row>
    <row r="43" spans="1:4" ht="18" customHeight="1" x14ac:dyDescent="0.15">
      <c r="A43" s="5">
        <v>31</v>
      </c>
      <c r="B43" s="22">
        <v>7</v>
      </c>
      <c r="C43" s="14">
        <v>8</v>
      </c>
      <c r="D43" s="18">
        <v>15</v>
      </c>
    </row>
    <row r="44" spans="1:4" ht="18" customHeight="1" x14ac:dyDescent="0.15">
      <c r="A44" s="5">
        <v>32</v>
      </c>
      <c r="B44" s="22">
        <v>14</v>
      </c>
      <c r="C44" s="14">
        <v>11</v>
      </c>
      <c r="D44" s="18">
        <v>25</v>
      </c>
    </row>
    <row r="45" spans="1:4" ht="18" customHeight="1" x14ac:dyDescent="0.15">
      <c r="A45" s="5">
        <v>33</v>
      </c>
      <c r="B45" s="22">
        <v>5</v>
      </c>
      <c r="C45" s="14">
        <v>16</v>
      </c>
      <c r="D45" s="18">
        <v>21</v>
      </c>
    </row>
    <row r="46" spans="1:4" ht="18" customHeight="1" x14ac:dyDescent="0.15">
      <c r="A46" s="5">
        <v>34</v>
      </c>
      <c r="B46" s="22">
        <v>15</v>
      </c>
      <c r="C46" s="14">
        <v>10</v>
      </c>
      <c r="D46" s="18">
        <v>25</v>
      </c>
    </row>
    <row r="47" spans="1:4" ht="18" customHeight="1" x14ac:dyDescent="0.15">
      <c r="A47" s="5" t="s">
        <v>15</v>
      </c>
      <c r="B47" s="22">
        <v>51</v>
      </c>
      <c r="C47" s="14">
        <v>56</v>
      </c>
      <c r="D47" s="18">
        <v>107</v>
      </c>
    </row>
    <row r="48" spans="1:4" ht="18" customHeight="1" x14ac:dyDescent="0.15">
      <c r="A48" s="5">
        <v>35</v>
      </c>
      <c r="B48" s="22">
        <v>14</v>
      </c>
      <c r="C48" s="14">
        <v>19</v>
      </c>
      <c r="D48" s="18">
        <v>33</v>
      </c>
    </row>
    <row r="49" spans="1:4" ht="18" customHeight="1" x14ac:dyDescent="0.15">
      <c r="A49" s="5">
        <v>36</v>
      </c>
      <c r="B49" s="22">
        <v>11</v>
      </c>
      <c r="C49" s="14">
        <v>11</v>
      </c>
      <c r="D49" s="18">
        <v>22</v>
      </c>
    </row>
    <row r="50" spans="1:4" ht="18" customHeight="1" x14ac:dyDescent="0.15">
      <c r="A50" s="5">
        <v>37</v>
      </c>
      <c r="B50" s="22">
        <v>14</v>
      </c>
      <c r="C50" s="14">
        <v>10</v>
      </c>
      <c r="D50" s="18">
        <v>24</v>
      </c>
    </row>
    <row r="51" spans="1:4" ht="18" customHeight="1" x14ac:dyDescent="0.15">
      <c r="A51" s="5">
        <v>38</v>
      </c>
      <c r="B51" s="22">
        <v>9</v>
      </c>
      <c r="C51" s="14">
        <v>9</v>
      </c>
      <c r="D51" s="18">
        <v>18</v>
      </c>
    </row>
    <row r="52" spans="1:4" ht="18" customHeight="1" x14ac:dyDescent="0.15">
      <c r="A52" s="5">
        <v>39</v>
      </c>
      <c r="B52" s="22">
        <v>14</v>
      </c>
      <c r="C52" s="14">
        <v>11</v>
      </c>
      <c r="D52" s="18">
        <v>25</v>
      </c>
    </row>
    <row r="53" spans="1:4" ht="18" customHeight="1" x14ac:dyDescent="0.15">
      <c r="A53" s="5" t="s">
        <v>18</v>
      </c>
      <c r="B53" s="22">
        <v>62</v>
      </c>
      <c r="C53" s="14">
        <v>60</v>
      </c>
      <c r="D53" s="18">
        <v>122</v>
      </c>
    </row>
    <row r="54" spans="1:4" ht="18" customHeight="1" x14ac:dyDescent="0.15">
      <c r="A54" s="5">
        <v>40</v>
      </c>
      <c r="B54" s="22">
        <v>16</v>
      </c>
      <c r="C54" s="14">
        <v>19</v>
      </c>
      <c r="D54" s="18">
        <v>35</v>
      </c>
    </row>
    <row r="55" spans="1:4" ht="18" customHeight="1" x14ac:dyDescent="0.15">
      <c r="A55" s="5">
        <v>41</v>
      </c>
      <c r="B55" s="22">
        <v>18</v>
      </c>
      <c r="C55" s="14">
        <v>12</v>
      </c>
      <c r="D55" s="18">
        <v>30</v>
      </c>
    </row>
    <row r="56" spans="1:4" ht="18" customHeight="1" x14ac:dyDescent="0.15">
      <c r="A56" s="5">
        <v>42</v>
      </c>
      <c r="B56" s="22">
        <v>15</v>
      </c>
      <c r="C56" s="14">
        <v>16</v>
      </c>
      <c r="D56" s="18">
        <v>31</v>
      </c>
    </row>
    <row r="57" spans="1:4" ht="18" customHeight="1" x14ac:dyDescent="0.15">
      <c r="A57" s="5">
        <v>43</v>
      </c>
      <c r="B57" s="22">
        <v>14</v>
      </c>
      <c r="C57" s="14">
        <v>11</v>
      </c>
      <c r="D57" s="18">
        <v>25</v>
      </c>
    </row>
    <row r="58" spans="1:4" ht="18" customHeight="1" x14ac:dyDescent="0.15">
      <c r="A58" s="5">
        <v>44</v>
      </c>
      <c r="B58" s="22">
        <v>17</v>
      </c>
      <c r="C58" s="14">
        <v>18</v>
      </c>
      <c r="D58" s="18">
        <v>35</v>
      </c>
    </row>
    <row r="59" spans="1:4" ht="18" customHeight="1" x14ac:dyDescent="0.15">
      <c r="A59" s="5" t="s">
        <v>21</v>
      </c>
      <c r="B59" s="22">
        <v>80</v>
      </c>
      <c r="C59" s="14">
        <v>76</v>
      </c>
      <c r="D59" s="18">
        <v>156</v>
      </c>
    </row>
    <row r="60" spans="1:4" ht="18" customHeight="1" x14ac:dyDescent="0.15">
      <c r="A60" s="5">
        <v>45</v>
      </c>
      <c r="B60" s="22">
        <v>16</v>
      </c>
      <c r="C60" s="14">
        <v>20</v>
      </c>
      <c r="D60" s="18">
        <v>36</v>
      </c>
    </row>
    <row r="61" spans="1:4" ht="18" customHeight="1" x14ac:dyDescent="0.15">
      <c r="A61" s="5">
        <v>46</v>
      </c>
      <c r="B61" s="22">
        <v>17</v>
      </c>
      <c r="C61" s="14">
        <v>18</v>
      </c>
      <c r="D61" s="18">
        <v>35</v>
      </c>
    </row>
    <row r="62" spans="1:4" ht="18" customHeight="1" x14ac:dyDescent="0.15">
      <c r="A62" s="5">
        <v>47</v>
      </c>
      <c r="B62" s="22">
        <v>25</v>
      </c>
      <c r="C62" s="14">
        <v>30</v>
      </c>
      <c r="D62" s="18">
        <v>55</v>
      </c>
    </row>
    <row r="63" spans="1:4" ht="18" customHeight="1" x14ac:dyDescent="0.15">
      <c r="A63" s="5">
        <v>48</v>
      </c>
      <c r="B63" s="22">
        <v>19</v>
      </c>
      <c r="C63" s="14">
        <v>28</v>
      </c>
      <c r="D63" s="18">
        <v>47</v>
      </c>
    </row>
    <row r="64" spans="1:4" ht="18" customHeight="1" x14ac:dyDescent="0.15">
      <c r="A64" s="5">
        <v>49</v>
      </c>
      <c r="B64" s="22">
        <v>32</v>
      </c>
      <c r="C64" s="14">
        <v>25</v>
      </c>
      <c r="D64" s="18">
        <v>57</v>
      </c>
    </row>
    <row r="65" spans="1:4" ht="18" customHeight="1" x14ac:dyDescent="0.15">
      <c r="A65" s="5" t="s">
        <v>17</v>
      </c>
      <c r="B65" s="22">
        <v>109</v>
      </c>
      <c r="C65" s="14">
        <v>121</v>
      </c>
      <c r="D65" s="18">
        <v>230</v>
      </c>
    </row>
    <row r="66" spans="1:4" ht="18" customHeight="1" x14ac:dyDescent="0.15">
      <c r="A66" s="5">
        <v>50</v>
      </c>
      <c r="B66" s="22">
        <v>24</v>
      </c>
      <c r="C66" s="14">
        <v>19</v>
      </c>
      <c r="D66" s="18">
        <v>43</v>
      </c>
    </row>
    <row r="67" spans="1:4" ht="18" customHeight="1" x14ac:dyDescent="0.15">
      <c r="A67" s="5">
        <v>51</v>
      </c>
      <c r="B67" s="22">
        <v>26</v>
      </c>
      <c r="C67" s="14">
        <v>24</v>
      </c>
      <c r="D67" s="18">
        <v>50</v>
      </c>
    </row>
    <row r="68" spans="1:4" ht="18" customHeight="1" x14ac:dyDescent="0.15">
      <c r="A68" s="5">
        <v>52</v>
      </c>
      <c r="B68" s="22">
        <v>29</v>
      </c>
      <c r="C68" s="14">
        <v>26</v>
      </c>
      <c r="D68" s="18">
        <v>55</v>
      </c>
    </row>
    <row r="69" spans="1:4" ht="18" customHeight="1" x14ac:dyDescent="0.15">
      <c r="A69" s="5">
        <v>53</v>
      </c>
      <c r="B69" s="22">
        <v>36</v>
      </c>
      <c r="C69" s="14">
        <v>22</v>
      </c>
      <c r="D69" s="18">
        <v>58</v>
      </c>
    </row>
    <row r="70" spans="1:4" ht="18" customHeight="1" x14ac:dyDescent="0.15">
      <c r="A70" s="5">
        <v>54</v>
      </c>
      <c r="B70" s="22">
        <v>37</v>
      </c>
      <c r="C70" s="14">
        <v>27</v>
      </c>
      <c r="D70" s="18">
        <v>64</v>
      </c>
    </row>
    <row r="71" spans="1:4" ht="18" customHeight="1" x14ac:dyDescent="0.15">
      <c r="A71" s="5" t="s">
        <v>22</v>
      </c>
      <c r="B71" s="22">
        <v>152</v>
      </c>
      <c r="C71" s="14">
        <v>118</v>
      </c>
      <c r="D71" s="18">
        <v>270</v>
      </c>
    </row>
    <row r="72" spans="1:4" ht="18" customHeight="1" x14ac:dyDescent="0.15">
      <c r="A72" s="5">
        <v>55</v>
      </c>
      <c r="B72" s="22">
        <v>34</v>
      </c>
      <c r="C72" s="14">
        <v>25</v>
      </c>
      <c r="D72" s="18">
        <v>59</v>
      </c>
    </row>
    <row r="73" spans="1:4" ht="18" customHeight="1" x14ac:dyDescent="0.15">
      <c r="A73" s="5">
        <v>56</v>
      </c>
      <c r="B73" s="22">
        <v>20</v>
      </c>
      <c r="C73" s="14">
        <v>24</v>
      </c>
      <c r="D73" s="18">
        <v>44</v>
      </c>
    </row>
    <row r="74" spans="1:4" ht="18" customHeight="1" x14ac:dyDescent="0.15">
      <c r="A74" s="5">
        <v>57</v>
      </c>
      <c r="B74" s="22">
        <v>32</v>
      </c>
      <c r="C74" s="14">
        <v>25</v>
      </c>
      <c r="D74" s="18">
        <v>57</v>
      </c>
    </row>
    <row r="75" spans="1:4" ht="18" customHeight="1" x14ac:dyDescent="0.15">
      <c r="A75" s="5">
        <v>58</v>
      </c>
      <c r="B75" s="22">
        <v>26</v>
      </c>
      <c r="C75" s="14">
        <v>24</v>
      </c>
      <c r="D75" s="18">
        <v>50</v>
      </c>
    </row>
    <row r="76" spans="1:4" ht="18" customHeight="1" x14ac:dyDescent="0.15">
      <c r="A76" s="5">
        <v>59</v>
      </c>
      <c r="B76" s="22">
        <v>16</v>
      </c>
      <c r="C76" s="14">
        <v>10</v>
      </c>
      <c r="D76" s="18">
        <v>26</v>
      </c>
    </row>
    <row r="77" spans="1:4" ht="18" customHeight="1" x14ac:dyDescent="0.15">
      <c r="A77" s="5" t="s">
        <v>27</v>
      </c>
      <c r="B77" s="22">
        <v>128</v>
      </c>
      <c r="C77" s="14">
        <v>108</v>
      </c>
      <c r="D77" s="18">
        <v>236</v>
      </c>
    </row>
    <row r="78" spans="1:4" ht="18" customHeight="1" x14ac:dyDescent="0.15">
      <c r="A78" s="5">
        <v>60</v>
      </c>
      <c r="B78" s="22">
        <v>19</v>
      </c>
      <c r="C78" s="14">
        <v>20</v>
      </c>
      <c r="D78" s="18">
        <v>39</v>
      </c>
    </row>
    <row r="79" spans="1:4" ht="18" customHeight="1" x14ac:dyDescent="0.15">
      <c r="A79" s="5">
        <v>61</v>
      </c>
      <c r="B79" s="22">
        <v>13</v>
      </c>
      <c r="C79" s="14">
        <v>17</v>
      </c>
      <c r="D79" s="18">
        <v>30</v>
      </c>
    </row>
    <row r="80" spans="1:4" ht="18" customHeight="1" x14ac:dyDescent="0.15">
      <c r="A80" s="5">
        <v>62</v>
      </c>
      <c r="B80" s="22">
        <v>15</v>
      </c>
      <c r="C80" s="14">
        <v>14</v>
      </c>
      <c r="D80" s="18">
        <v>29</v>
      </c>
    </row>
    <row r="81" spans="1:4" ht="18" customHeight="1" x14ac:dyDescent="0.15">
      <c r="A81" s="5">
        <v>63</v>
      </c>
      <c r="B81" s="22">
        <v>14</v>
      </c>
      <c r="C81" s="14">
        <v>10</v>
      </c>
      <c r="D81" s="18">
        <v>24</v>
      </c>
    </row>
    <row r="82" spans="1:4" ht="18" customHeight="1" x14ac:dyDescent="0.15">
      <c r="A82" s="5">
        <v>64</v>
      </c>
      <c r="B82" s="22">
        <v>15</v>
      </c>
      <c r="C82" s="14">
        <v>12</v>
      </c>
      <c r="D82" s="18">
        <v>27</v>
      </c>
    </row>
    <row r="83" spans="1:4" ht="18" customHeight="1" x14ac:dyDescent="0.15">
      <c r="A83" s="5" t="s">
        <v>28</v>
      </c>
      <c r="B83" s="22">
        <v>76</v>
      </c>
      <c r="C83" s="14">
        <v>73</v>
      </c>
      <c r="D83" s="18">
        <v>149</v>
      </c>
    </row>
    <row r="84" spans="1:4" ht="18" customHeight="1" x14ac:dyDescent="0.15">
      <c r="A84" s="5" t="s">
        <v>31</v>
      </c>
      <c r="B84" s="22">
        <v>867</v>
      </c>
      <c r="C84" s="14">
        <v>802</v>
      </c>
      <c r="D84" s="18">
        <v>1669</v>
      </c>
    </row>
    <row r="85" spans="1:4" ht="18" customHeight="1" x14ac:dyDescent="0.15">
      <c r="A85" s="5">
        <v>65</v>
      </c>
      <c r="B85" s="22">
        <v>9</v>
      </c>
      <c r="C85" s="14">
        <v>11</v>
      </c>
      <c r="D85" s="18">
        <v>20</v>
      </c>
    </row>
    <row r="86" spans="1:4" ht="18" customHeight="1" x14ac:dyDescent="0.15">
      <c r="A86" s="5">
        <v>66</v>
      </c>
      <c r="B86" s="22">
        <v>11</v>
      </c>
      <c r="C86" s="14">
        <v>14</v>
      </c>
      <c r="D86" s="18">
        <v>25</v>
      </c>
    </row>
    <row r="87" spans="1:4" ht="18" customHeight="1" x14ac:dyDescent="0.15">
      <c r="A87" s="5">
        <v>67</v>
      </c>
      <c r="B87" s="22">
        <v>13</v>
      </c>
      <c r="C87" s="14">
        <v>18</v>
      </c>
      <c r="D87" s="18">
        <v>31</v>
      </c>
    </row>
    <row r="88" spans="1:4" ht="18" customHeight="1" x14ac:dyDescent="0.15">
      <c r="A88" s="5">
        <v>68</v>
      </c>
      <c r="B88" s="22">
        <v>8</v>
      </c>
      <c r="C88" s="14">
        <v>15</v>
      </c>
      <c r="D88" s="18">
        <v>23</v>
      </c>
    </row>
    <row r="89" spans="1:4" ht="18" customHeight="1" x14ac:dyDescent="0.15">
      <c r="A89" s="5">
        <v>69</v>
      </c>
      <c r="B89" s="22">
        <v>11</v>
      </c>
      <c r="C89" s="14">
        <v>11</v>
      </c>
      <c r="D89" s="18">
        <v>22</v>
      </c>
    </row>
    <row r="90" spans="1:4" ht="18" customHeight="1" x14ac:dyDescent="0.15">
      <c r="A90" s="5" t="s">
        <v>20</v>
      </c>
      <c r="B90" s="22">
        <v>52</v>
      </c>
      <c r="C90" s="14">
        <v>69</v>
      </c>
      <c r="D90" s="18">
        <v>121</v>
      </c>
    </row>
    <row r="91" spans="1:4" ht="18" customHeight="1" x14ac:dyDescent="0.15">
      <c r="A91" s="5">
        <v>70</v>
      </c>
      <c r="B91" s="22">
        <v>11</v>
      </c>
      <c r="C91" s="14">
        <v>17</v>
      </c>
      <c r="D91" s="18">
        <v>28</v>
      </c>
    </row>
    <row r="92" spans="1:4" ht="18" customHeight="1" x14ac:dyDescent="0.15">
      <c r="A92" s="5">
        <v>71</v>
      </c>
      <c r="B92" s="22">
        <v>15</v>
      </c>
      <c r="C92" s="14">
        <v>23</v>
      </c>
      <c r="D92" s="18">
        <v>38</v>
      </c>
    </row>
    <row r="93" spans="1:4" ht="18" customHeight="1" x14ac:dyDescent="0.15">
      <c r="A93" s="5">
        <v>72</v>
      </c>
      <c r="B93" s="22">
        <v>14</v>
      </c>
      <c r="C93" s="14">
        <v>18</v>
      </c>
      <c r="D93" s="18">
        <v>32</v>
      </c>
    </row>
    <row r="94" spans="1:4" ht="18" customHeight="1" x14ac:dyDescent="0.15">
      <c r="A94" s="5">
        <v>73</v>
      </c>
      <c r="B94" s="22">
        <v>20</v>
      </c>
      <c r="C94" s="14">
        <v>17</v>
      </c>
      <c r="D94" s="18">
        <v>37</v>
      </c>
    </row>
    <row r="95" spans="1:4" ht="18" customHeight="1" x14ac:dyDescent="0.15">
      <c r="A95" s="5">
        <v>74</v>
      </c>
      <c r="B95" s="22">
        <v>18</v>
      </c>
      <c r="C95" s="14">
        <v>14</v>
      </c>
      <c r="D95" s="18">
        <v>32</v>
      </c>
    </row>
    <row r="96" spans="1:4" ht="18" customHeight="1" x14ac:dyDescent="0.15">
      <c r="A96" s="5" t="s">
        <v>33</v>
      </c>
      <c r="B96" s="22">
        <v>78</v>
      </c>
      <c r="C96" s="14">
        <v>89</v>
      </c>
      <c r="D96" s="18">
        <v>167</v>
      </c>
    </row>
    <row r="97" spans="1:4" ht="18" customHeight="1" x14ac:dyDescent="0.15">
      <c r="A97" s="5">
        <v>75</v>
      </c>
      <c r="B97" s="22">
        <v>17</v>
      </c>
      <c r="C97" s="14">
        <v>24</v>
      </c>
      <c r="D97" s="18">
        <v>41</v>
      </c>
    </row>
    <row r="98" spans="1:4" ht="18" customHeight="1" x14ac:dyDescent="0.15">
      <c r="A98" s="5">
        <v>76</v>
      </c>
      <c r="B98" s="22">
        <v>18</v>
      </c>
      <c r="C98" s="14">
        <v>28</v>
      </c>
      <c r="D98" s="18">
        <v>46</v>
      </c>
    </row>
    <row r="99" spans="1:4" ht="18" customHeight="1" x14ac:dyDescent="0.15">
      <c r="A99" s="5">
        <v>77</v>
      </c>
      <c r="B99" s="22">
        <v>13</v>
      </c>
      <c r="C99" s="14">
        <v>35</v>
      </c>
      <c r="D99" s="18">
        <v>48</v>
      </c>
    </row>
    <row r="100" spans="1:4" ht="18" customHeight="1" x14ac:dyDescent="0.15">
      <c r="A100" s="5">
        <v>78</v>
      </c>
      <c r="B100" s="22">
        <v>17</v>
      </c>
      <c r="C100" s="14">
        <v>40</v>
      </c>
      <c r="D100" s="18">
        <v>57</v>
      </c>
    </row>
    <row r="101" spans="1:4" ht="18" customHeight="1" x14ac:dyDescent="0.15">
      <c r="A101" s="5">
        <v>79</v>
      </c>
      <c r="B101" s="22">
        <v>15</v>
      </c>
      <c r="C101" s="14">
        <v>21</v>
      </c>
      <c r="D101" s="18">
        <v>36</v>
      </c>
    </row>
    <row r="102" spans="1:4" ht="18" customHeight="1" x14ac:dyDescent="0.15">
      <c r="A102" s="5" t="s">
        <v>0</v>
      </c>
      <c r="B102" s="22">
        <v>80</v>
      </c>
      <c r="C102" s="14">
        <v>148</v>
      </c>
      <c r="D102" s="18">
        <v>228</v>
      </c>
    </row>
    <row r="103" spans="1:4" ht="18" customHeight="1" x14ac:dyDescent="0.15">
      <c r="A103" s="5">
        <v>80</v>
      </c>
      <c r="B103" s="22">
        <v>9</v>
      </c>
      <c r="C103" s="14">
        <v>18</v>
      </c>
      <c r="D103" s="18">
        <v>27</v>
      </c>
    </row>
    <row r="104" spans="1:4" ht="18" customHeight="1" x14ac:dyDescent="0.15">
      <c r="A104" s="5">
        <v>81</v>
      </c>
      <c r="B104" s="22">
        <v>17</v>
      </c>
      <c r="C104" s="14">
        <v>28</v>
      </c>
      <c r="D104" s="18">
        <v>45</v>
      </c>
    </row>
    <row r="105" spans="1:4" ht="18" customHeight="1" x14ac:dyDescent="0.15">
      <c r="A105" s="5">
        <v>82</v>
      </c>
      <c r="B105" s="22">
        <v>15</v>
      </c>
      <c r="C105" s="14">
        <v>34</v>
      </c>
      <c r="D105" s="18">
        <v>49</v>
      </c>
    </row>
    <row r="106" spans="1:4" ht="18" customHeight="1" x14ac:dyDescent="0.15">
      <c r="A106" s="5">
        <v>83</v>
      </c>
      <c r="B106" s="22">
        <v>20</v>
      </c>
      <c r="C106" s="14">
        <v>32</v>
      </c>
      <c r="D106" s="18">
        <v>52</v>
      </c>
    </row>
    <row r="107" spans="1:4" ht="18" customHeight="1" x14ac:dyDescent="0.15">
      <c r="A107" s="5">
        <v>84</v>
      </c>
      <c r="B107" s="22">
        <v>20</v>
      </c>
      <c r="C107" s="14">
        <v>25</v>
      </c>
      <c r="D107" s="18">
        <v>45</v>
      </c>
    </row>
    <row r="108" spans="1:4" ht="18" customHeight="1" x14ac:dyDescent="0.15">
      <c r="A108" s="5" t="s">
        <v>35</v>
      </c>
      <c r="B108" s="22">
        <v>81</v>
      </c>
      <c r="C108" s="14">
        <v>137</v>
      </c>
      <c r="D108" s="18">
        <v>218</v>
      </c>
    </row>
    <row r="109" spans="1:4" ht="18" customHeight="1" x14ac:dyDescent="0.15">
      <c r="A109" s="5">
        <v>85</v>
      </c>
      <c r="B109" s="22">
        <v>13</v>
      </c>
      <c r="C109" s="14">
        <v>17</v>
      </c>
      <c r="D109" s="18">
        <v>30</v>
      </c>
    </row>
    <row r="110" spans="1:4" ht="18" customHeight="1" x14ac:dyDescent="0.15">
      <c r="A110" s="5">
        <v>86</v>
      </c>
      <c r="B110" s="22">
        <v>14</v>
      </c>
      <c r="C110" s="14">
        <v>12</v>
      </c>
      <c r="D110" s="18">
        <v>26</v>
      </c>
    </row>
    <row r="111" spans="1:4" ht="18" customHeight="1" x14ac:dyDescent="0.15">
      <c r="A111" s="5">
        <v>87</v>
      </c>
      <c r="B111" s="22">
        <v>9</v>
      </c>
      <c r="C111" s="14">
        <v>13</v>
      </c>
      <c r="D111" s="18">
        <v>22</v>
      </c>
    </row>
    <row r="112" spans="1:4" ht="18" customHeight="1" x14ac:dyDescent="0.15">
      <c r="A112" s="5">
        <v>88</v>
      </c>
      <c r="B112" s="22">
        <v>7</v>
      </c>
      <c r="C112" s="14">
        <v>15</v>
      </c>
      <c r="D112" s="18">
        <v>22</v>
      </c>
    </row>
    <row r="113" spans="1:4" ht="18" customHeight="1" x14ac:dyDescent="0.15">
      <c r="A113" s="5">
        <v>89</v>
      </c>
      <c r="B113" s="22">
        <v>8</v>
      </c>
      <c r="C113" s="14">
        <v>11</v>
      </c>
      <c r="D113" s="18">
        <v>19</v>
      </c>
    </row>
    <row r="114" spans="1:4" ht="18" customHeight="1" x14ac:dyDescent="0.15">
      <c r="A114" s="5" t="s">
        <v>37</v>
      </c>
      <c r="B114" s="22">
        <v>51</v>
      </c>
      <c r="C114" s="14">
        <v>68</v>
      </c>
      <c r="D114" s="18">
        <v>119</v>
      </c>
    </row>
    <row r="115" spans="1:4" ht="18" customHeight="1" x14ac:dyDescent="0.15">
      <c r="A115" s="5">
        <v>90</v>
      </c>
      <c r="B115" s="22">
        <v>6</v>
      </c>
      <c r="C115" s="14">
        <v>8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16</v>
      </c>
      <c r="D116" s="18">
        <v>20</v>
      </c>
    </row>
    <row r="117" spans="1:4" ht="18" customHeight="1" x14ac:dyDescent="0.15">
      <c r="A117" s="5">
        <v>92</v>
      </c>
      <c r="B117" s="22">
        <v>4</v>
      </c>
      <c r="C117" s="14">
        <v>11</v>
      </c>
      <c r="D117" s="18">
        <v>15</v>
      </c>
    </row>
    <row r="118" spans="1:4" ht="18" customHeight="1" x14ac:dyDescent="0.15">
      <c r="A118" s="5">
        <v>93</v>
      </c>
      <c r="B118" s="22">
        <v>1</v>
      </c>
      <c r="C118" s="14">
        <v>5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2</v>
      </c>
      <c r="D119" s="18">
        <v>2</v>
      </c>
    </row>
    <row r="120" spans="1:4" ht="18" customHeight="1" x14ac:dyDescent="0.15">
      <c r="A120" s="5" t="s">
        <v>39</v>
      </c>
      <c r="B120" s="22">
        <v>15</v>
      </c>
      <c r="C120" s="14">
        <v>42</v>
      </c>
      <c r="D120" s="18">
        <v>57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3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59</v>
      </c>
      <c r="C130" s="14">
        <v>570</v>
      </c>
      <c r="D130" s="18">
        <v>929</v>
      </c>
    </row>
    <row r="131" spans="1:4" ht="18" customHeight="1" x14ac:dyDescent="0.15">
      <c r="A131" s="7" t="s">
        <v>45</v>
      </c>
      <c r="B131" s="23">
        <v>1399</v>
      </c>
      <c r="C131" s="15">
        <v>1546</v>
      </c>
      <c r="D131" s="19">
        <v>29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41</v>
      </c>
      <c r="D5" s="17">
        <v>76</v>
      </c>
    </row>
    <row r="6" spans="1:4" ht="18" customHeight="1" x14ac:dyDescent="0.15">
      <c r="A6" s="5">
        <v>1</v>
      </c>
      <c r="B6" s="22">
        <v>29</v>
      </c>
      <c r="C6" s="14">
        <v>40</v>
      </c>
      <c r="D6" s="18">
        <v>69</v>
      </c>
    </row>
    <row r="7" spans="1:4" ht="18" customHeight="1" x14ac:dyDescent="0.15">
      <c r="A7" s="5">
        <v>2</v>
      </c>
      <c r="B7" s="22">
        <v>38</v>
      </c>
      <c r="C7" s="14">
        <v>39</v>
      </c>
      <c r="D7" s="18">
        <v>77</v>
      </c>
    </row>
    <row r="8" spans="1:4" ht="18" customHeight="1" x14ac:dyDescent="0.15">
      <c r="A8" s="5">
        <v>3</v>
      </c>
      <c r="B8" s="22">
        <v>43</v>
      </c>
      <c r="C8" s="14">
        <v>33</v>
      </c>
      <c r="D8" s="18">
        <v>76</v>
      </c>
    </row>
    <row r="9" spans="1:4" ht="18" customHeight="1" x14ac:dyDescent="0.15">
      <c r="A9" s="5">
        <v>4</v>
      </c>
      <c r="B9" s="22">
        <v>33</v>
      </c>
      <c r="C9" s="14">
        <v>33</v>
      </c>
      <c r="D9" s="18">
        <v>66</v>
      </c>
    </row>
    <row r="10" spans="1:4" ht="18" customHeight="1" x14ac:dyDescent="0.15">
      <c r="A10" s="5" t="s">
        <v>7</v>
      </c>
      <c r="B10" s="22">
        <v>178</v>
      </c>
      <c r="C10" s="14">
        <v>186</v>
      </c>
      <c r="D10" s="18">
        <v>364</v>
      </c>
    </row>
    <row r="11" spans="1:4" ht="18" customHeight="1" x14ac:dyDescent="0.15">
      <c r="A11" s="5">
        <v>5</v>
      </c>
      <c r="B11" s="22">
        <v>44</v>
      </c>
      <c r="C11" s="14">
        <v>49</v>
      </c>
      <c r="D11" s="18">
        <v>93</v>
      </c>
    </row>
    <row r="12" spans="1:4" ht="18" customHeight="1" x14ac:dyDescent="0.15">
      <c r="A12" s="5">
        <v>6</v>
      </c>
      <c r="B12" s="22">
        <v>47</v>
      </c>
      <c r="C12" s="14">
        <v>38</v>
      </c>
      <c r="D12" s="18">
        <v>85</v>
      </c>
    </row>
    <row r="13" spans="1:4" ht="18" customHeight="1" x14ac:dyDescent="0.15">
      <c r="A13" s="5">
        <v>7</v>
      </c>
      <c r="B13" s="22">
        <v>55</v>
      </c>
      <c r="C13" s="14">
        <v>41</v>
      </c>
      <c r="D13" s="18">
        <v>96</v>
      </c>
    </row>
    <row r="14" spans="1:4" ht="18" customHeight="1" x14ac:dyDescent="0.15">
      <c r="A14" s="5">
        <v>8</v>
      </c>
      <c r="B14" s="22">
        <v>57</v>
      </c>
      <c r="C14" s="14">
        <v>44</v>
      </c>
      <c r="D14" s="18">
        <v>101</v>
      </c>
    </row>
    <row r="15" spans="1:4" ht="18" customHeight="1" x14ac:dyDescent="0.15">
      <c r="A15" s="5">
        <v>9</v>
      </c>
      <c r="B15" s="22">
        <v>42</v>
      </c>
      <c r="C15" s="14">
        <v>49</v>
      </c>
      <c r="D15" s="18">
        <v>91</v>
      </c>
    </row>
    <row r="16" spans="1:4" ht="18" customHeight="1" x14ac:dyDescent="0.15">
      <c r="A16" s="5" t="s">
        <v>11</v>
      </c>
      <c r="B16" s="22">
        <v>245</v>
      </c>
      <c r="C16" s="14">
        <v>221</v>
      </c>
      <c r="D16" s="18">
        <v>466</v>
      </c>
    </row>
    <row r="17" spans="1:4" ht="18" customHeight="1" x14ac:dyDescent="0.15">
      <c r="A17" s="5">
        <v>10</v>
      </c>
      <c r="B17" s="22">
        <v>51</v>
      </c>
      <c r="C17" s="14">
        <v>56</v>
      </c>
      <c r="D17" s="18">
        <v>107</v>
      </c>
    </row>
    <row r="18" spans="1:4" ht="18" customHeight="1" x14ac:dyDescent="0.15">
      <c r="A18" s="5">
        <v>11</v>
      </c>
      <c r="B18" s="22">
        <v>59</v>
      </c>
      <c r="C18" s="14">
        <v>38</v>
      </c>
      <c r="D18" s="18">
        <v>97</v>
      </c>
    </row>
    <row r="19" spans="1:4" ht="18" customHeight="1" x14ac:dyDescent="0.15">
      <c r="A19" s="5">
        <v>12</v>
      </c>
      <c r="B19" s="22">
        <v>43</v>
      </c>
      <c r="C19" s="14">
        <v>40</v>
      </c>
      <c r="D19" s="18">
        <v>83</v>
      </c>
    </row>
    <row r="20" spans="1:4" ht="18" customHeight="1" x14ac:dyDescent="0.15">
      <c r="A20" s="5">
        <v>13</v>
      </c>
      <c r="B20" s="22">
        <v>54</v>
      </c>
      <c r="C20" s="14">
        <v>47</v>
      </c>
      <c r="D20" s="18">
        <v>101</v>
      </c>
    </row>
    <row r="21" spans="1:4" ht="18" customHeight="1" x14ac:dyDescent="0.15">
      <c r="A21" s="5">
        <v>14</v>
      </c>
      <c r="B21" s="22">
        <v>43</v>
      </c>
      <c r="C21" s="14">
        <v>55</v>
      </c>
      <c r="D21" s="18">
        <v>98</v>
      </c>
    </row>
    <row r="22" spans="1:4" ht="18" customHeight="1" x14ac:dyDescent="0.15">
      <c r="A22" s="5" t="s">
        <v>12</v>
      </c>
      <c r="B22" s="22">
        <v>250</v>
      </c>
      <c r="C22" s="14">
        <v>236</v>
      </c>
      <c r="D22" s="18">
        <v>486</v>
      </c>
    </row>
    <row r="23" spans="1:4" ht="18" customHeight="1" x14ac:dyDescent="0.15">
      <c r="A23" s="5" t="s">
        <v>6</v>
      </c>
      <c r="B23" s="22">
        <v>673</v>
      </c>
      <c r="C23" s="14">
        <v>643</v>
      </c>
      <c r="D23" s="18">
        <v>1316</v>
      </c>
    </row>
    <row r="24" spans="1:4" ht="18" customHeight="1" x14ac:dyDescent="0.15">
      <c r="A24" s="5">
        <v>15</v>
      </c>
      <c r="B24" s="22">
        <v>58</v>
      </c>
      <c r="C24" s="14">
        <v>51</v>
      </c>
      <c r="D24" s="18">
        <v>109</v>
      </c>
    </row>
    <row r="25" spans="1:4" ht="18" customHeight="1" x14ac:dyDescent="0.15">
      <c r="A25" s="5">
        <v>16</v>
      </c>
      <c r="B25" s="22">
        <v>50</v>
      </c>
      <c r="C25" s="14">
        <v>55</v>
      </c>
      <c r="D25" s="18">
        <v>105</v>
      </c>
    </row>
    <row r="26" spans="1:4" ht="18" customHeight="1" x14ac:dyDescent="0.15">
      <c r="A26" s="5">
        <v>17</v>
      </c>
      <c r="B26" s="22">
        <v>55</v>
      </c>
      <c r="C26" s="14">
        <v>55</v>
      </c>
      <c r="D26" s="18">
        <v>110</v>
      </c>
    </row>
    <row r="27" spans="1:4" ht="18" customHeight="1" x14ac:dyDescent="0.15">
      <c r="A27" s="5">
        <v>18</v>
      </c>
      <c r="B27" s="22">
        <v>49</v>
      </c>
      <c r="C27" s="14">
        <v>45</v>
      </c>
      <c r="D27" s="18">
        <v>94</v>
      </c>
    </row>
    <row r="28" spans="1:4" ht="18" customHeight="1" x14ac:dyDescent="0.15">
      <c r="A28" s="5">
        <v>19</v>
      </c>
      <c r="B28" s="22">
        <v>48</v>
      </c>
      <c r="C28" s="14">
        <v>60</v>
      </c>
      <c r="D28" s="18">
        <v>108</v>
      </c>
    </row>
    <row r="29" spans="1:4" ht="18" customHeight="1" x14ac:dyDescent="0.15">
      <c r="A29" s="5" t="s">
        <v>14</v>
      </c>
      <c r="B29" s="22">
        <v>260</v>
      </c>
      <c r="C29" s="14">
        <v>266</v>
      </c>
      <c r="D29" s="18">
        <v>526</v>
      </c>
    </row>
    <row r="30" spans="1:4" ht="18" customHeight="1" x14ac:dyDescent="0.15">
      <c r="A30" s="5">
        <v>20</v>
      </c>
      <c r="B30" s="22">
        <v>59</v>
      </c>
      <c r="C30" s="14">
        <v>44</v>
      </c>
      <c r="D30" s="18">
        <v>103</v>
      </c>
    </row>
    <row r="31" spans="1:4" ht="18" customHeight="1" x14ac:dyDescent="0.15">
      <c r="A31" s="5">
        <v>21</v>
      </c>
      <c r="B31" s="22">
        <v>57</v>
      </c>
      <c r="C31" s="14">
        <v>40</v>
      </c>
      <c r="D31" s="18">
        <v>97</v>
      </c>
    </row>
    <row r="32" spans="1:4" ht="18" customHeight="1" x14ac:dyDescent="0.15">
      <c r="A32" s="5">
        <v>22</v>
      </c>
      <c r="B32" s="22">
        <v>78</v>
      </c>
      <c r="C32" s="14">
        <v>46</v>
      </c>
      <c r="D32" s="18">
        <v>124</v>
      </c>
    </row>
    <row r="33" spans="1:4" ht="18" customHeight="1" x14ac:dyDescent="0.15">
      <c r="A33" s="5">
        <v>23</v>
      </c>
      <c r="B33" s="22">
        <v>62</v>
      </c>
      <c r="C33" s="14">
        <v>42</v>
      </c>
      <c r="D33" s="18">
        <v>104</v>
      </c>
    </row>
    <row r="34" spans="1:4" ht="18" customHeight="1" x14ac:dyDescent="0.15">
      <c r="A34" s="5">
        <v>24</v>
      </c>
      <c r="B34" s="22">
        <v>52</v>
      </c>
      <c r="C34" s="14">
        <v>52</v>
      </c>
      <c r="D34" s="18">
        <v>104</v>
      </c>
    </row>
    <row r="35" spans="1:4" ht="18" customHeight="1" x14ac:dyDescent="0.15">
      <c r="A35" s="5" t="s">
        <v>9</v>
      </c>
      <c r="B35" s="22">
        <v>308</v>
      </c>
      <c r="C35" s="14">
        <v>224</v>
      </c>
      <c r="D35" s="18">
        <v>532</v>
      </c>
    </row>
    <row r="36" spans="1:4" ht="18" customHeight="1" x14ac:dyDescent="0.15">
      <c r="A36" s="5">
        <v>25</v>
      </c>
      <c r="B36" s="22">
        <v>62</v>
      </c>
      <c r="C36" s="14">
        <v>52</v>
      </c>
      <c r="D36" s="18">
        <v>114</v>
      </c>
    </row>
    <row r="37" spans="1:4" ht="18" customHeight="1" x14ac:dyDescent="0.15">
      <c r="A37" s="5">
        <v>26</v>
      </c>
      <c r="B37" s="22">
        <v>62</v>
      </c>
      <c r="C37" s="14">
        <v>44</v>
      </c>
      <c r="D37" s="18">
        <v>106</v>
      </c>
    </row>
    <row r="38" spans="1:4" ht="18" customHeight="1" x14ac:dyDescent="0.15">
      <c r="A38" s="5">
        <v>27</v>
      </c>
      <c r="B38" s="22">
        <v>51</v>
      </c>
      <c r="C38" s="14">
        <v>46</v>
      </c>
      <c r="D38" s="18">
        <v>97</v>
      </c>
    </row>
    <row r="39" spans="1:4" ht="18" customHeight="1" x14ac:dyDescent="0.15">
      <c r="A39" s="5">
        <v>28</v>
      </c>
      <c r="B39" s="22">
        <v>75</v>
      </c>
      <c r="C39" s="14">
        <v>46</v>
      </c>
      <c r="D39" s="18">
        <v>121</v>
      </c>
    </row>
    <row r="40" spans="1:4" ht="18" customHeight="1" x14ac:dyDescent="0.15">
      <c r="A40" s="5">
        <v>29</v>
      </c>
      <c r="B40" s="22">
        <v>58</v>
      </c>
      <c r="C40" s="14">
        <v>43</v>
      </c>
      <c r="D40" s="18">
        <v>101</v>
      </c>
    </row>
    <row r="41" spans="1:4" ht="18" customHeight="1" x14ac:dyDescent="0.15">
      <c r="A41" s="5" t="s">
        <v>2</v>
      </c>
      <c r="B41" s="22">
        <v>308</v>
      </c>
      <c r="C41" s="14">
        <v>231</v>
      </c>
      <c r="D41" s="18">
        <v>539</v>
      </c>
    </row>
    <row r="42" spans="1:4" ht="18" customHeight="1" x14ac:dyDescent="0.15">
      <c r="A42" s="5">
        <v>30</v>
      </c>
      <c r="B42" s="22">
        <v>60</v>
      </c>
      <c r="C42" s="14">
        <v>49</v>
      </c>
      <c r="D42" s="18">
        <v>109</v>
      </c>
    </row>
    <row r="43" spans="1:4" ht="18" customHeight="1" x14ac:dyDescent="0.15">
      <c r="A43" s="5">
        <v>31</v>
      </c>
      <c r="B43" s="22">
        <v>54</v>
      </c>
      <c r="C43" s="14">
        <v>72</v>
      </c>
      <c r="D43" s="18">
        <v>126</v>
      </c>
    </row>
    <row r="44" spans="1:4" ht="18" customHeight="1" x14ac:dyDescent="0.15">
      <c r="A44" s="5">
        <v>32</v>
      </c>
      <c r="B44" s="22">
        <v>58</v>
      </c>
      <c r="C44" s="14">
        <v>48</v>
      </c>
      <c r="D44" s="18">
        <v>106</v>
      </c>
    </row>
    <row r="45" spans="1:4" ht="18" customHeight="1" x14ac:dyDescent="0.15">
      <c r="A45" s="5">
        <v>33</v>
      </c>
      <c r="B45" s="22">
        <v>72</v>
      </c>
      <c r="C45" s="14">
        <v>52</v>
      </c>
      <c r="D45" s="18">
        <v>124</v>
      </c>
    </row>
    <row r="46" spans="1:4" ht="18" customHeight="1" x14ac:dyDescent="0.15">
      <c r="A46" s="5">
        <v>34</v>
      </c>
      <c r="B46" s="22">
        <v>67</v>
      </c>
      <c r="C46" s="14">
        <v>67</v>
      </c>
      <c r="D46" s="18">
        <v>134</v>
      </c>
    </row>
    <row r="47" spans="1:4" ht="18" customHeight="1" x14ac:dyDescent="0.15">
      <c r="A47" s="5" t="s">
        <v>15</v>
      </c>
      <c r="B47" s="22">
        <v>311</v>
      </c>
      <c r="C47" s="14">
        <v>288</v>
      </c>
      <c r="D47" s="18">
        <v>599</v>
      </c>
    </row>
    <row r="48" spans="1:4" ht="18" customHeight="1" x14ac:dyDescent="0.15">
      <c r="A48" s="5">
        <v>35</v>
      </c>
      <c r="B48" s="22">
        <v>58</v>
      </c>
      <c r="C48" s="14">
        <v>45</v>
      </c>
      <c r="D48" s="18">
        <v>103</v>
      </c>
    </row>
    <row r="49" spans="1:4" ht="18" customHeight="1" x14ac:dyDescent="0.15">
      <c r="A49" s="5">
        <v>36</v>
      </c>
      <c r="B49" s="22">
        <v>57</v>
      </c>
      <c r="C49" s="14">
        <v>59</v>
      </c>
      <c r="D49" s="18">
        <v>116</v>
      </c>
    </row>
    <row r="50" spans="1:4" ht="18" customHeight="1" x14ac:dyDescent="0.15">
      <c r="A50" s="5">
        <v>37</v>
      </c>
      <c r="B50" s="22">
        <v>62</v>
      </c>
      <c r="C50" s="14">
        <v>65</v>
      </c>
      <c r="D50" s="18">
        <v>127</v>
      </c>
    </row>
    <row r="51" spans="1:4" ht="18" customHeight="1" x14ac:dyDescent="0.15">
      <c r="A51" s="5">
        <v>38</v>
      </c>
      <c r="B51" s="22">
        <v>76</v>
      </c>
      <c r="C51" s="14">
        <v>67</v>
      </c>
      <c r="D51" s="18">
        <v>143</v>
      </c>
    </row>
    <row r="52" spans="1:4" ht="18" customHeight="1" x14ac:dyDescent="0.15">
      <c r="A52" s="5">
        <v>39</v>
      </c>
      <c r="B52" s="22">
        <v>60</v>
      </c>
      <c r="C52" s="14">
        <v>53</v>
      </c>
      <c r="D52" s="18">
        <v>113</v>
      </c>
    </row>
    <row r="53" spans="1:4" ht="18" customHeight="1" x14ac:dyDescent="0.15">
      <c r="A53" s="5" t="s">
        <v>18</v>
      </c>
      <c r="B53" s="22">
        <v>313</v>
      </c>
      <c r="C53" s="14">
        <v>289</v>
      </c>
      <c r="D53" s="18">
        <v>602</v>
      </c>
    </row>
    <row r="54" spans="1:4" ht="18" customHeight="1" x14ac:dyDescent="0.15">
      <c r="A54" s="5">
        <v>40</v>
      </c>
      <c r="B54" s="22">
        <v>66</v>
      </c>
      <c r="C54" s="14">
        <v>56</v>
      </c>
      <c r="D54" s="18">
        <v>122</v>
      </c>
    </row>
    <row r="55" spans="1:4" ht="18" customHeight="1" x14ac:dyDescent="0.15">
      <c r="A55" s="5">
        <v>41</v>
      </c>
      <c r="B55" s="22">
        <v>69</v>
      </c>
      <c r="C55" s="14">
        <v>48</v>
      </c>
      <c r="D55" s="18">
        <v>117</v>
      </c>
    </row>
    <row r="56" spans="1:4" ht="18" customHeight="1" x14ac:dyDescent="0.15">
      <c r="A56" s="5">
        <v>42</v>
      </c>
      <c r="B56" s="22">
        <v>71</v>
      </c>
      <c r="C56" s="14">
        <v>64</v>
      </c>
      <c r="D56" s="18">
        <v>135</v>
      </c>
    </row>
    <row r="57" spans="1:4" ht="18" customHeight="1" x14ac:dyDescent="0.15">
      <c r="A57" s="5">
        <v>43</v>
      </c>
      <c r="B57" s="22">
        <v>74</v>
      </c>
      <c r="C57" s="14">
        <v>66</v>
      </c>
      <c r="D57" s="18">
        <v>140</v>
      </c>
    </row>
    <row r="58" spans="1:4" ht="18" customHeight="1" x14ac:dyDescent="0.15">
      <c r="A58" s="5">
        <v>44</v>
      </c>
      <c r="B58" s="22">
        <v>89</v>
      </c>
      <c r="C58" s="14">
        <v>73</v>
      </c>
      <c r="D58" s="18">
        <v>162</v>
      </c>
    </row>
    <row r="59" spans="1:4" ht="18" customHeight="1" x14ac:dyDescent="0.15">
      <c r="A59" s="5" t="s">
        <v>21</v>
      </c>
      <c r="B59" s="22">
        <v>369</v>
      </c>
      <c r="C59" s="14">
        <v>307</v>
      </c>
      <c r="D59" s="18">
        <v>676</v>
      </c>
    </row>
    <row r="60" spans="1:4" ht="18" customHeight="1" x14ac:dyDescent="0.15">
      <c r="A60" s="5">
        <v>45</v>
      </c>
      <c r="B60" s="22">
        <v>82</v>
      </c>
      <c r="C60" s="14">
        <v>70</v>
      </c>
      <c r="D60" s="18">
        <v>152</v>
      </c>
    </row>
    <row r="61" spans="1:4" ht="18" customHeight="1" x14ac:dyDescent="0.15">
      <c r="A61" s="5">
        <v>46</v>
      </c>
      <c r="B61" s="22">
        <v>78</v>
      </c>
      <c r="C61" s="14">
        <v>82</v>
      </c>
      <c r="D61" s="18">
        <v>160</v>
      </c>
    </row>
    <row r="62" spans="1:4" ht="18" customHeight="1" x14ac:dyDescent="0.15">
      <c r="A62" s="5">
        <v>47</v>
      </c>
      <c r="B62" s="22">
        <v>73</v>
      </c>
      <c r="C62" s="14">
        <v>86</v>
      </c>
      <c r="D62" s="18">
        <v>159</v>
      </c>
    </row>
    <row r="63" spans="1:4" ht="18" customHeight="1" x14ac:dyDescent="0.15">
      <c r="A63" s="5">
        <v>48</v>
      </c>
      <c r="B63" s="22">
        <v>100</v>
      </c>
      <c r="C63" s="14">
        <v>79</v>
      </c>
      <c r="D63" s="18">
        <v>179</v>
      </c>
    </row>
    <row r="64" spans="1:4" ht="18" customHeight="1" x14ac:dyDescent="0.15">
      <c r="A64" s="5">
        <v>49</v>
      </c>
      <c r="B64" s="22">
        <v>78</v>
      </c>
      <c r="C64" s="14">
        <v>106</v>
      </c>
      <c r="D64" s="18">
        <v>184</v>
      </c>
    </row>
    <row r="65" spans="1:4" ht="18" customHeight="1" x14ac:dyDescent="0.15">
      <c r="A65" s="5" t="s">
        <v>17</v>
      </c>
      <c r="B65" s="22">
        <v>411</v>
      </c>
      <c r="C65" s="14">
        <v>423</v>
      </c>
      <c r="D65" s="18">
        <v>834</v>
      </c>
    </row>
    <row r="66" spans="1:4" ht="18" customHeight="1" x14ac:dyDescent="0.15">
      <c r="A66" s="5">
        <v>50</v>
      </c>
      <c r="B66" s="22">
        <v>81</v>
      </c>
      <c r="C66" s="14">
        <v>77</v>
      </c>
      <c r="D66" s="18">
        <v>158</v>
      </c>
    </row>
    <row r="67" spans="1:4" ht="18" customHeight="1" x14ac:dyDescent="0.15">
      <c r="A67" s="5">
        <v>51</v>
      </c>
      <c r="B67" s="22">
        <v>88</v>
      </c>
      <c r="C67" s="14">
        <v>81</v>
      </c>
      <c r="D67" s="18">
        <v>169</v>
      </c>
    </row>
    <row r="68" spans="1:4" ht="18" customHeight="1" x14ac:dyDescent="0.15">
      <c r="A68" s="5">
        <v>52</v>
      </c>
      <c r="B68" s="22">
        <v>93</v>
      </c>
      <c r="C68" s="14">
        <v>91</v>
      </c>
      <c r="D68" s="18">
        <v>184</v>
      </c>
    </row>
    <row r="69" spans="1:4" ht="18" customHeight="1" x14ac:dyDescent="0.15">
      <c r="A69" s="5">
        <v>53</v>
      </c>
      <c r="B69" s="22">
        <v>102</v>
      </c>
      <c r="C69" s="14">
        <v>98</v>
      </c>
      <c r="D69" s="18">
        <v>200</v>
      </c>
    </row>
    <row r="70" spans="1:4" ht="18" customHeight="1" x14ac:dyDescent="0.15">
      <c r="A70" s="5">
        <v>54</v>
      </c>
      <c r="B70" s="22">
        <v>101</v>
      </c>
      <c r="C70" s="14">
        <v>86</v>
      </c>
      <c r="D70" s="18">
        <v>187</v>
      </c>
    </row>
    <row r="71" spans="1:4" ht="18" customHeight="1" x14ac:dyDescent="0.15">
      <c r="A71" s="5" t="s">
        <v>22</v>
      </c>
      <c r="B71" s="22">
        <v>465</v>
      </c>
      <c r="C71" s="14">
        <v>433</v>
      </c>
      <c r="D71" s="18">
        <v>898</v>
      </c>
    </row>
    <row r="72" spans="1:4" ht="18" customHeight="1" x14ac:dyDescent="0.15">
      <c r="A72" s="5">
        <v>55</v>
      </c>
      <c r="B72" s="22">
        <v>95</v>
      </c>
      <c r="C72" s="14">
        <v>87</v>
      </c>
      <c r="D72" s="18">
        <v>182</v>
      </c>
    </row>
    <row r="73" spans="1:4" ht="18" customHeight="1" x14ac:dyDescent="0.15">
      <c r="A73" s="5">
        <v>56</v>
      </c>
      <c r="B73" s="22">
        <v>76</v>
      </c>
      <c r="C73" s="14">
        <v>85</v>
      </c>
      <c r="D73" s="18">
        <v>161</v>
      </c>
    </row>
    <row r="74" spans="1:4" ht="18" customHeight="1" x14ac:dyDescent="0.15">
      <c r="A74" s="5">
        <v>57</v>
      </c>
      <c r="B74" s="22">
        <v>82</v>
      </c>
      <c r="C74" s="14">
        <v>73</v>
      </c>
      <c r="D74" s="18">
        <v>155</v>
      </c>
    </row>
    <row r="75" spans="1:4" ht="18" customHeight="1" x14ac:dyDescent="0.15">
      <c r="A75" s="5">
        <v>58</v>
      </c>
      <c r="B75" s="22">
        <v>93</v>
      </c>
      <c r="C75" s="14">
        <v>82</v>
      </c>
      <c r="D75" s="18">
        <v>175</v>
      </c>
    </row>
    <row r="76" spans="1:4" ht="18" customHeight="1" x14ac:dyDescent="0.15">
      <c r="A76" s="5">
        <v>59</v>
      </c>
      <c r="B76" s="22">
        <v>67</v>
      </c>
      <c r="C76" s="14">
        <v>68</v>
      </c>
      <c r="D76" s="18">
        <v>135</v>
      </c>
    </row>
    <row r="77" spans="1:4" ht="18" customHeight="1" x14ac:dyDescent="0.15">
      <c r="A77" s="5" t="s">
        <v>27</v>
      </c>
      <c r="B77" s="22">
        <v>413</v>
      </c>
      <c r="C77" s="14">
        <v>395</v>
      </c>
      <c r="D77" s="18">
        <v>808</v>
      </c>
    </row>
    <row r="78" spans="1:4" ht="18" customHeight="1" x14ac:dyDescent="0.15">
      <c r="A78" s="5">
        <v>60</v>
      </c>
      <c r="B78" s="22">
        <v>79</v>
      </c>
      <c r="C78" s="14">
        <v>71</v>
      </c>
      <c r="D78" s="18">
        <v>150</v>
      </c>
    </row>
    <row r="79" spans="1:4" ht="18" customHeight="1" x14ac:dyDescent="0.15">
      <c r="A79" s="5">
        <v>61</v>
      </c>
      <c r="B79" s="22">
        <v>88</v>
      </c>
      <c r="C79" s="14">
        <v>78</v>
      </c>
      <c r="D79" s="18">
        <v>166</v>
      </c>
    </row>
    <row r="80" spans="1:4" ht="18" customHeight="1" x14ac:dyDescent="0.15">
      <c r="A80" s="5">
        <v>62</v>
      </c>
      <c r="B80" s="22">
        <v>63</v>
      </c>
      <c r="C80" s="14">
        <v>87</v>
      </c>
      <c r="D80" s="18">
        <v>150</v>
      </c>
    </row>
    <row r="81" spans="1:4" ht="18" customHeight="1" x14ac:dyDescent="0.15">
      <c r="A81" s="5">
        <v>63</v>
      </c>
      <c r="B81" s="22">
        <v>72</v>
      </c>
      <c r="C81" s="14">
        <v>74</v>
      </c>
      <c r="D81" s="18">
        <v>146</v>
      </c>
    </row>
    <row r="82" spans="1:4" ht="18" customHeight="1" x14ac:dyDescent="0.15">
      <c r="A82" s="5">
        <v>64</v>
      </c>
      <c r="B82" s="22">
        <v>71</v>
      </c>
      <c r="C82" s="14">
        <v>63</v>
      </c>
      <c r="D82" s="18">
        <v>134</v>
      </c>
    </row>
    <row r="83" spans="1:4" ht="18" customHeight="1" x14ac:dyDescent="0.15">
      <c r="A83" s="5" t="s">
        <v>28</v>
      </c>
      <c r="B83" s="22">
        <v>373</v>
      </c>
      <c r="C83" s="14">
        <v>373</v>
      </c>
      <c r="D83" s="18">
        <v>746</v>
      </c>
    </row>
    <row r="84" spans="1:4" ht="18" customHeight="1" x14ac:dyDescent="0.15">
      <c r="A84" s="5" t="s">
        <v>31</v>
      </c>
      <c r="B84" s="22">
        <v>3531</v>
      </c>
      <c r="C84" s="14">
        <v>3229</v>
      </c>
      <c r="D84" s="18">
        <v>6760</v>
      </c>
    </row>
    <row r="85" spans="1:4" ht="18" customHeight="1" x14ac:dyDescent="0.15">
      <c r="A85" s="5">
        <v>65</v>
      </c>
      <c r="B85" s="22">
        <v>57</v>
      </c>
      <c r="C85" s="14">
        <v>70</v>
      </c>
      <c r="D85" s="18">
        <v>127</v>
      </c>
    </row>
    <row r="86" spans="1:4" ht="18" customHeight="1" x14ac:dyDescent="0.15">
      <c r="A86" s="5">
        <v>66</v>
      </c>
      <c r="B86" s="22">
        <v>79</v>
      </c>
      <c r="C86" s="14">
        <v>76</v>
      </c>
      <c r="D86" s="18">
        <v>155</v>
      </c>
    </row>
    <row r="87" spans="1:4" ht="18" customHeight="1" x14ac:dyDescent="0.15">
      <c r="A87" s="5">
        <v>67</v>
      </c>
      <c r="B87" s="22">
        <v>83</v>
      </c>
      <c r="C87" s="14">
        <v>82</v>
      </c>
      <c r="D87" s="18">
        <v>165</v>
      </c>
    </row>
    <row r="88" spans="1:4" ht="18" customHeight="1" x14ac:dyDescent="0.15">
      <c r="A88" s="5">
        <v>68</v>
      </c>
      <c r="B88" s="22">
        <v>60</v>
      </c>
      <c r="C88" s="14">
        <v>83</v>
      </c>
      <c r="D88" s="18">
        <v>143</v>
      </c>
    </row>
    <row r="89" spans="1:4" ht="18" customHeight="1" x14ac:dyDescent="0.15">
      <c r="A89" s="5">
        <v>69</v>
      </c>
      <c r="B89" s="22">
        <v>56</v>
      </c>
      <c r="C89" s="14">
        <v>77</v>
      </c>
      <c r="D89" s="18">
        <v>133</v>
      </c>
    </row>
    <row r="90" spans="1:4" ht="18" customHeight="1" x14ac:dyDescent="0.15">
      <c r="A90" s="5" t="s">
        <v>20</v>
      </c>
      <c r="B90" s="22">
        <v>335</v>
      </c>
      <c r="C90" s="14">
        <v>388</v>
      </c>
      <c r="D90" s="18">
        <v>723</v>
      </c>
    </row>
    <row r="91" spans="1:4" ht="18" customHeight="1" x14ac:dyDescent="0.15">
      <c r="A91" s="5">
        <v>70</v>
      </c>
      <c r="B91" s="22">
        <v>76</v>
      </c>
      <c r="C91" s="14">
        <v>88</v>
      </c>
      <c r="D91" s="18">
        <v>164</v>
      </c>
    </row>
    <row r="92" spans="1:4" ht="18" customHeight="1" x14ac:dyDescent="0.15">
      <c r="A92" s="5">
        <v>71</v>
      </c>
      <c r="B92" s="22">
        <v>69</v>
      </c>
      <c r="C92" s="14">
        <v>80</v>
      </c>
      <c r="D92" s="18">
        <v>149</v>
      </c>
    </row>
    <row r="93" spans="1:4" ht="18" customHeight="1" x14ac:dyDescent="0.15">
      <c r="A93" s="5">
        <v>72</v>
      </c>
      <c r="B93" s="22">
        <v>81</v>
      </c>
      <c r="C93" s="14">
        <v>94</v>
      </c>
      <c r="D93" s="18">
        <v>175</v>
      </c>
    </row>
    <row r="94" spans="1:4" ht="18" customHeight="1" x14ac:dyDescent="0.15">
      <c r="A94" s="5">
        <v>73</v>
      </c>
      <c r="B94" s="22">
        <v>87</v>
      </c>
      <c r="C94" s="14">
        <v>79</v>
      </c>
      <c r="D94" s="18">
        <v>166</v>
      </c>
    </row>
    <row r="95" spans="1:4" ht="18" customHeight="1" x14ac:dyDescent="0.15">
      <c r="A95" s="5">
        <v>74</v>
      </c>
      <c r="B95" s="22">
        <v>78</v>
      </c>
      <c r="C95" s="14">
        <v>98</v>
      </c>
      <c r="D95" s="18">
        <v>176</v>
      </c>
    </row>
    <row r="96" spans="1:4" ht="18" customHeight="1" x14ac:dyDescent="0.15">
      <c r="A96" s="5" t="s">
        <v>33</v>
      </c>
      <c r="B96" s="22">
        <v>391</v>
      </c>
      <c r="C96" s="14">
        <v>439</v>
      </c>
      <c r="D96" s="18">
        <v>830</v>
      </c>
    </row>
    <row r="97" spans="1:4" ht="18" customHeight="1" x14ac:dyDescent="0.15">
      <c r="A97" s="5">
        <v>75</v>
      </c>
      <c r="B97" s="22">
        <v>68</v>
      </c>
      <c r="C97" s="14">
        <v>104</v>
      </c>
      <c r="D97" s="18">
        <v>172</v>
      </c>
    </row>
    <row r="98" spans="1:4" ht="18" customHeight="1" x14ac:dyDescent="0.15">
      <c r="A98" s="5">
        <v>76</v>
      </c>
      <c r="B98" s="22">
        <v>92</v>
      </c>
      <c r="C98" s="14">
        <v>93</v>
      </c>
      <c r="D98" s="18">
        <v>185</v>
      </c>
    </row>
    <row r="99" spans="1:4" ht="18" customHeight="1" x14ac:dyDescent="0.15">
      <c r="A99" s="5">
        <v>77</v>
      </c>
      <c r="B99" s="22">
        <v>108</v>
      </c>
      <c r="C99" s="14">
        <v>117</v>
      </c>
      <c r="D99" s="18">
        <v>225</v>
      </c>
    </row>
    <row r="100" spans="1:4" ht="18" customHeight="1" x14ac:dyDescent="0.15">
      <c r="A100" s="5">
        <v>78</v>
      </c>
      <c r="B100" s="22">
        <v>96</v>
      </c>
      <c r="C100" s="14">
        <v>98</v>
      </c>
      <c r="D100" s="18">
        <v>194</v>
      </c>
    </row>
    <row r="101" spans="1:4" ht="18" customHeight="1" x14ac:dyDescent="0.15">
      <c r="A101" s="5">
        <v>79</v>
      </c>
      <c r="B101" s="22">
        <v>62</v>
      </c>
      <c r="C101" s="14">
        <v>79</v>
      </c>
      <c r="D101" s="18">
        <v>141</v>
      </c>
    </row>
    <row r="102" spans="1:4" ht="18" customHeight="1" x14ac:dyDescent="0.15">
      <c r="A102" s="5" t="s">
        <v>0</v>
      </c>
      <c r="B102" s="22">
        <v>426</v>
      </c>
      <c r="C102" s="14">
        <v>491</v>
      </c>
      <c r="D102" s="18">
        <v>917</v>
      </c>
    </row>
    <row r="103" spans="1:4" ht="18" customHeight="1" x14ac:dyDescent="0.15">
      <c r="A103" s="5">
        <v>80</v>
      </c>
      <c r="B103" s="22">
        <v>51</v>
      </c>
      <c r="C103" s="14">
        <v>69</v>
      </c>
      <c r="D103" s="18">
        <v>120</v>
      </c>
    </row>
    <row r="104" spans="1:4" ht="18" customHeight="1" x14ac:dyDescent="0.15">
      <c r="A104" s="5">
        <v>81</v>
      </c>
      <c r="B104" s="22">
        <v>62</v>
      </c>
      <c r="C104" s="14">
        <v>95</v>
      </c>
      <c r="D104" s="18">
        <v>157</v>
      </c>
    </row>
    <row r="105" spans="1:4" ht="18" customHeight="1" x14ac:dyDescent="0.15">
      <c r="A105" s="5">
        <v>82</v>
      </c>
      <c r="B105" s="22">
        <v>62</v>
      </c>
      <c r="C105" s="14">
        <v>91</v>
      </c>
      <c r="D105" s="18">
        <v>153</v>
      </c>
    </row>
    <row r="106" spans="1:4" ht="18" customHeight="1" x14ac:dyDescent="0.15">
      <c r="A106" s="5">
        <v>83</v>
      </c>
      <c r="B106" s="22">
        <v>47</v>
      </c>
      <c r="C106" s="14">
        <v>85</v>
      </c>
      <c r="D106" s="18">
        <v>132</v>
      </c>
    </row>
    <row r="107" spans="1:4" ht="18" customHeight="1" x14ac:dyDescent="0.15">
      <c r="A107" s="5">
        <v>84</v>
      </c>
      <c r="B107" s="22">
        <v>55</v>
      </c>
      <c r="C107" s="14">
        <v>83</v>
      </c>
      <c r="D107" s="18">
        <v>138</v>
      </c>
    </row>
    <row r="108" spans="1:4" ht="18" customHeight="1" x14ac:dyDescent="0.15">
      <c r="A108" s="5" t="s">
        <v>35</v>
      </c>
      <c r="B108" s="22">
        <v>277</v>
      </c>
      <c r="C108" s="14">
        <v>423</v>
      </c>
      <c r="D108" s="18">
        <v>700</v>
      </c>
    </row>
    <row r="109" spans="1:4" ht="18" customHeight="1" x14ac:dyDescent="0.15">
      <c r="A109" s="5">
        <v>85</v>
      </c>
      <c r="B109" s="22">
        <v>57</v>
      </c>
      <c r="C109" s="14">
        <v>72</v>
      </c>
      <c r="D109" s="18">
        <v>129</v>
      </c>
    </row>
    <row r="110" spans="1:4" ht="18" customHeight="1" x14ac:dyDescent="0.15">
      <c r="A110" s="5">
        <v>86</v>
      </c>
      <c r="B110" s="22">
        <v>39</v>
      </c>
      <c r="C110" s="14">
        <v>55</v>
      </c>
      <c r="D110" s="18">
        <v>94</v>
      </c>
    </row>
    <row r="111" spans="1:4" ht="18" customHeight="1" x14ac:dyDescent="0.15">
      <c r="A111" s="5">
        <v>87</v>
      </c>
      <c r="B111" s="22">
        <v>27</v>
      </c>
      <c r="C111" s="14">
        <v>38</v>
      </c>
      <c r="D111" s="18">
        <v>65</v>
      </c>
    </row>
    <row r="112" spans="1:4" ht="18" customHeight="1" x14ac:dyDescent="0.15">
      <c r="A112" s="5">
        <v>88</v>
      </c>
      <c r="B112" s="22">
        <v>21</v>
      </c>
      <c r="C112" s="14">
        <v>51</v>
      </c>
      <c r="D112" s="18">
        <v>72</v>
      </c>
    </row>
    <row r="113" spans="1:4" ht="18" customHeight="1" x14ac:dyDescent="0.15">
      <c r="A113" s="5">
        <v>89</v>
      </c>
      <c r="B113" s="22">
        <v>21</v>
      </c>
      <c r="C113" s="14">
        <v>60</v>
      </c>
      <c r="D113" s="18">
        <v>81</v>
      </c>
    </row>
    <row r="114" spans="1:4" ht="18" customHeight="1" x14ac:dyDescent="0.15">
      <c r="A114" s="5" t="s">
        <v>37</v>
      </c>
      <c r="B114" s="22">
        <v>165</v>
      </c>
      <c r="C114" s="14">
        <v>276</v>
      </c>
      <c r="D114" s="18">
        <v>441</v>
      </c>
    </row>
    <row r="115" spans="1:4" ht="18" customHeight="1" x14ac:dyDescent="0.15">
      <c r="A115" s="5">
        <v>90</v>
      </c>
      <c r="B115" s="22">
        <v>27</v>
      </c>
      <c r="C115" s="14">
        <v>45</v>
      </c>
      <c r="D115" s="18">
        <v>72</v>
      </c>
    </row>
    <row r="116" spans="1:4" ht="18" customHeight="1" x14ac:dyDescent="0.15">
      <c r="A116" s="5">
        <v>91</v>
      </c>
      <c r="B116" s="22">
        <v>17</v>
      </c>
      <c r="C116" s="14">
        <v>28</v>
      </c>
      <c r="D116" s="18">
        <v>45</v>
      </c>
    </row>
    <row r="117" spans="1:4" ht="18" customHeight="1" x14ac:dyDescent="0.15">
      <c r="A117" s="5">
        <v>92</v>
      </c>
      <c r="B117" s="22">
        <v>16</v>
      </c>
      <c r="C117" s="14">
        <v>36</v>
      </c>
      <c r="D117" s="18">
        <v>52</v>
      </c>
    </row>
    <row r="118" spans="1:4" ht="18" customHeight="1" x14ac:dyDescent="0.15">
      <c r="A118" s="5">
        <v>93</v>
      </c>
      <c r="B118" s="22">
        <v>9</v>
      </c>
      <c r="C118" s="14">
        <v>46</v>
      </c>
      <c r="D118" s="18">
        <v>55</v>
      </c>
    </row>
    <row r="119" spans="1:4" ht="18" customHeight="1" x14ac:dyDescent="0.15">
      <c r="A119" s="5">
        <v>94</v>
      </c>
      <c r="B119" s="22">
        <v>8</v>
      </c>
      <c r="C119" s="14">
        <v>36</v>
      </c>
      <c r="D119" s="18">
        <v>44</v>
      </c>
    </row>
    <row r="120" spans="1:4" ht="18" customHeight="1" x14ac:dyDescent="0.15">
      <c r="A120" s="5" t="s">
        <v>39</v>
      </c>
      <c r="B120" s="22">
        <v>77</v>
      </c>
      <c r="C120" s="14">
        <v>191</v>
      </c>
      <c r="D120" s="18">
        <v>268</v>
      </c>
    </row>
    <row r="121" spans="1:4" ht="18" customHeight="1" x14ac:dyDescent="0.15">
      <c r="A121" s="5">
        <v>95</v>
      </c>
      <c r="B121" s="22">
        <v>5</v>
      </c>
      <c r="C121" s="14">
        <v>19</v>
      </c>
      <c r="D121" s="18">
        <v>24</v>
      </c>
    </row>
    <row r="122" spans="1:4" ht="18" customHeight="1" x14ac:dyDescent="0.15">
      <c r="A122" s="5">
        <v>96</v>
      </c>
      <c r="B122" s="22">
        <v>4</v>
      </c>
      <c r="C122" s="14">
        <v>18</v>
      </c>
      <c r="D122" s="18">
        <v>22</v>
      </c>
    </row>
    <row r="123" spans="1:4" ht="18" customHeight="1" x14ac:dyDescent="0.15">
      <c r="A123" s="5">
        <v>97</v>
      </c>
      <c r="B123" s="22">
        <v>5</v>
      </c>
      <c r="C123" s="14">
        <v>12</v>
      </c>
      <c r="D123" s="18">
        <v>17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2</v>
      </c>
      <c r="C125" s="14">
        <v>7</v>
      </c>
      <c r="D125" s="18">
        <v>9</v>
      </c>
    </row>
    <row r="126" spans="1:4" ht="18" customHeight="1" x14ac:dyDescent="0.15">
      <c r="A126" s="5" t="s">
        <v>40</v>
      </c>
      <c r="B126" s="22">
        <v>16</v>
      </c>
      <c r="C126" s="14">
        <v>63</v>
      </c>
      <c r="D126" s="18">
        <v>79</v>
      </c>
    </row>
    <row r="127" spans="1:4" ht="18" customHeight="1" x14ac:dyDescent="0.15">
      <c r="A127" s="5">
        <v>100</v>
      </c>
      <c r="B127" s="22">
        <v>2</v>
      </c>
      <c r="C127" s="14">
        <v>4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7</v>
      </c>
      <c r="D128" s="18">
        <v>7</v>
      </c>
    </row>
    <row r="129" spans="1:4" ht="18" customHeight="1" x14ac:dyDescent="0.15">
      <c r="A129" s="5" t="s">
        <v>44</v>
      </c>
      <c r="B129" s="22">
        <v>2</v>
      </c>
      <c r="C129" s="14">
        <v>11</v>
      </c>
      <c r="D129" s="18">
        <v>13</v>
      </c>
    </row>
    <row r="130" spans="1:4" ht="18" customHeight="1" x14ac:dyDescent="0.15">
      <c r="A130" s="5" t="s">
        <v>46</v>
      </c>
      <c r="B130" s="22">
        <v>1689</v>
      </c>
      <c r="C130" s="14">
        <v>2282</v>
      </c>
      <c r="D130" s="18">
        <v>3971</v>
      </c>
    </row>
    <row r="131" spans="1:4" ht="18" customHeight="1" x14ac:dyDescent="0.15">
      <c r="A131" s="7" t="s">
        <v>45</v>
      </c>
      <c r="B131" s="23">
        <v>5893</v>
      </c>
      <c r="C131" s="15">
        <v>6154</v>
      </c>
      <c r="D131" s="19">
        <v>120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9</v>
      </c>
      <c r="D5" s="17">
        <v>11</v>
      </c>
    </row>
    <row r="6" spans="1:4" ht="18" customHeight="1" x14ac:dyDescent="0.15">
      <c r="A6" s="5">
        <v>1</v>
      </c>
      <c r="B6" s="22">
        <v>5</v>
      </c>
      <c r="C6" s="14">
        <v>9</v>
      </c>
      <c r="D6" s="18">
        <v>14</v>
      </c>
    </row>
    <row r="7" spans="1:4" ht="18" customHeight="1" x14ac:dyDescent="0.15">
      <c r="A7" s="5">
        <v>2</v>
      </c>
      <c r="B7" s="22">
        <v>12</v>
      </c>
      <c r="C7" s="14">
        <v>9</v>
      </c>
      <c r="D7" s="18">
        <v>21</v>
      </c>
    </row>
    <row r="8" spans="1:4" ht="18" customHeight="1" x14ac:dyDescent="0.15">
      <c r="A8" s="5">
        <v>3</v>
      </c>
      <c r="B8" s="22">
        <v>9</v>
      </c>
      <c r="C8" s="14">
        <v>12</v>
      </c>
      <c r="D8" s="18">
        <v>21</v>
      </c>
    </row>
    <row r="9" spans="1:4" ht="18" customHeight="1" x14ac:dyDescent="0.15">
      <c r="A9" s="5">
        <v>4</v>
      </c>
      <c r="B9" s="22">
        <v>10</v>
      </c>
      <c r="C9" s="14">
        <v>8</v>
      </c>
      <c r="D9" s="18">
        <v>18</v>
      </c>
    </row>
    <row r="10" spans="1:4" ht="18" customHeight="1" x14ac:dyDescent="0.15">
      <c r="A10" s="5" t="s">
        <v>7</v>
      </c>
      <c r="B10" s="22">
        <v>38</v>
      </c>
      <c r="C10" s="14">
        <v>47</v>
      </c>
      <c r="D10" s="18">
        <v>85</v>
      </c>
    </row>
    <row r="11" spans="1:4" ht="18" customHeight="1" x14ac:dyDescent="0.15">
      <c r="A11" s="5">
        <v>5</v>
      </c>
      <c r="B11" s="22">
        <v>13</v>
      </c>
      <c r="C11" s="14">
        <v>11</v>
      </c>
      <c r="D11" s="18">
        <v>24</v>
      </c>
    </row>
    <row r="12" spans="1:4" ht="18" customHeight="1" x14ac:dyDescent="0.15">
      <c r="A12" s="5">
        <v>6</v>
      </c>
      <c r="B12" s="22">
        <v>8</v>
      </c>
      <c r="C12" s="14">
        <v>11</v>
      </c>
      <c r="D12" s="18">
        <v>19</v>
      </c>
    </row>
    <row r="13" spans="1:4" ht="18" customHeight="1" x14ac:dyDescent="0.15">
      <c r="A13" s="5">
        <v>7</v>
      </c>
      <c r="B13" s="22">
        <v>10</v>
      </c>
      <c r="C13" s="14">
        <v>8</v>
      </c>
      <c r="D13" s="18">
        <v>18</v>
      </c>
    </row>
    <row r="14" spans="1:4" ht="18" customHeight="1" x14ac:dyDescent="0.15">
      <c r="A14" s="5">
        <v>8</v>
      </c>
      <c r="B14" s="22">
        <v>8</v>
      </c>
      <c r="C14" s="14">
        <v>18</v>
      </c>
      <c r="D14" s="18">
        <v>26</v>
      </c>
    </row>
    <row r="15" spans="1:4" ht="18" customHeight="1" x14ac:dyDescent="0.15">
      <c r="A15" s="5">
        <v>9</v>
      </c>
      <c r="B15" s="22">
        <v>14</v>
      </c>
      <c r="C15" s="14">
        <v>6</v>
      </c>
      <c r="D15" s="18">
        <v>20</v>
      </c>
    </row>
    <row r="16" spans="1:4" ht="18" customHeight="1" x14ac:dyDescent="0.15">
      <c r="A16" s="5" t="s">
        <v>11</v>
      </c>
      <c r="B16" s="22">
        <v>53</v>
      </c>
      <c r="C16" s="14">
        <v>54</v>
      </c>
      <c r="D16" s="18">
        <v>107</v>
      </c>
    </row>
    <row r="17" spans="1:4" ht="18" customHeight="1" x14ac:dyDescent="0.15">
      <c r="A17" s="5">
        <v>10</v>
      </c>
      <c r="B17" s="22">
        <v>13</v>
      </c>
      <c r="C17" s="14">
        <v>15</v>
      </c>
      <c r="D17" s="18">
        <v>28</v>
      </c>
    </row>
    <row r="18" spans="1:4" ht="18" customHeight="1" x14ac:dyDescent="0.15">
      <c r="A18" s="5">
        <v>11</v>
      </c>
      <c r="B18" s="22">
        <v>8</v>
      </c>
      <c r="C18" s="14">
        <v>8</v>
      </c>
      <c r="D18" s="18">
        <v>16</v>
      </c>
    </row>
    <row r="19" spans="1:4" ht="18" customHeight="1" x14ac:dyDescent="0.15">
      <c r="A19" s="5">
        <v>12</v>
      </c>
      <c r="B19" s="22">
        <v>14</v>
      </c>
      <c r="C19" s="14">
        <v>14</v>
      </c>
      <c r="D19" s="18">
        <v>28</v>
      </c>
    </row>
    <row r="20" spans="1:4" ht="18" customHeight="1" x14ac:dyDescent="0.15">
      <c r="A20" s="5">
        <v>13</v>
      </c>
      <c r="B20" s="22">
        <v>12</v>
      </c>
      <c r="C20" s="14">
        <v>18</v>
      </c>
      <c r="D20" s="18">
        <v>30</v>
      </c>
    </row>
    <row r="21" spans="1:4" ht="18" customHeight="1" x14ac:dyDescent="0.15">
      <c r="A21" s="5">
        <v>14</v>
      </c>
      <c r="B21" s="22">
        <v>15</v>
      </c>
      <c r="C21" s="14">
        <v>9</v>
      </c>
      <c r="D21" s="18">
        <v>24</v>
      </c>
    </row>
    <row r="22" spans="1:4" ht="18" customHeight="1" x14ac:dyDescent="0.15">
      <c r="A22" s="5" t="s">
        <v>12</v>
      </c>
      <c r="B22" s="22">
        <v>62</v>
      </c>
      <c r="C22" s="14">
        <v>64</v>
      </c>
      <c r="D22" s="18">
        <v>126</v>
      </c>
    </row>
    <row r="23" spans="1:4" ht="18" customHeight="1" x14ac:dyDescent="0.15">
      <c r="A23" s="5" t="s">
        <v>6</v>
      </c>
      <c r="B23" s="22">
        <v>153</v>
      </c>
      <c r="C23" s="14">
        <v>165</v>
      </c>
      <c r="D23" s="18">
        <v>318</v>
      </c>
    </row>
    <row r="24" spans="1:4" ht="18" customHeight="1" x14ac:dyDescent="0.15">
      <c r="A24" s="5">
        <v>15</v>
      </c>
      <c r="B24" s="22">
        <v>15</v>
      </c>
      <c r="C24" s="14">
        <v>13</v>
      </c>
      <c r="D24" s="18">
        <v>28</v>
      </c>
    </row>
    <row r="25" spans="1:4" ht="18" customHeight="1" x14ac:dyDescent="0.15">
      <c r="A25" s="5">
        <v>16</v>
      </c>
      <c r="B25" s="22">
        <v>10</v>
      </c>
      <c r="C25" s="14">
        <v>9</v>
      </c>
      <c r="D25" s="18">
        <v>19</v>
      </c>
    </row>
    <row r="26" spans="1:4" ht="18" customHeight="1" x14ac:dyDescent="0.15">
      <c r="A26" s="5">
        <v>17</v>
      </c>
      <c r="B26" s="22">
        <v>11</v>
      </c>
      <c r="C26" s="14">
        <v>17</v>
      </c>
      <c r="D26" s="18">
        <v>28</v>
      </c>
    </row>
    <row r="27" spans="1:4" ht="18" customHeight="1" x14ac:dyDescent="0.15">
      <c r="A27" s="5">
        <v>18</v>
      </c>
      <c r="B27" s="22">
        <v>19</v>
      </c>
      <c r="C27" s="14">
        <v>15</v>
      </c>
      <c r="D27" s="18">
        <v>34</v>
      </c>
    </row>
    <row r="28" spans="1:4" ht="18" customHeight="1" x14ac:dyDescent="0.15">
      <c r="A28" s="5">
        <v>19</v>
      </c>
      <c r="B28" s="22">
        <v>34</v>
      </c>
      <c r="C28" s="14">
        <v>28</v>
      </c>
      <c r="D28" s="18">
        <v>62</v>
      </c>
    </row>
    <row r="29" spans="1:4" ht="18" customHeight="1" x14ac:dyDescent="0.15">
      <c r="A29" s="5" t="s">
        <v>14</v>
      </c>
      <c r="B29" s="22">
        <v>89</v>
      </c>
      <c r="C29" s="14">
        <v>82</v>
      </c>
      <c r="D29" s="18">
        <v>171</v>
      </c>
    </row>
    <row r="30" spans="1:4" ht="18" customHeight="1" x14ac:dyDescent="0.15">
      <c r="A30" s="5">
        <v>20</v>
      </c>
      <c r="B30" s="22">
        <v>12</v>
      </c>
      <c r="C30" s="14">
        <v>17</v>
      </c>
      <c r="D30" s="18">
        <v>29</v>
      </c>
    </row>
    <row r="31" spans="1:4" ht="18" customHeight="1" x14ac:dyDescent="0.15">
      <c r="A31" s="5">
        <v>21</v>
      </c>
      <c r="B31" s="22">
        <v>14</v>
      </c>
      <c r="C31" s="14">
        <v>16</v>
      </c>
      <c r="D31" s="18">
        <v>30</v>
      </c>
    </row>
    <row r="32" spans="1:4" ht="18" customHeight="1" x14ac:dyDescent="0.15">
      <c r="A32" s="5">
        <v>22</v>
      </c>
      <c r="B32" s="22">
        <v>9</v>
      </c>
      <c r="C32" s="14">
        <v>11</v>
      </c>
      <c r="D32" s="18">
        <v>20</v>
      </c>
    </row>
    <row r="33" spans="1:4" ht="18" customHeight="1" x14ac:dyDescent="0.15">
      <c r="A33" s="5">
        <v>23</v>
      </c>
      <c r="B33" s="22">
        <v>15</v>
      </c>
      <c r="C33" s="14">
        <v>10</v>
      </c>
      <c r="D33" s="18">
        <v>25</v>
      </c>
    </row>
    <row r="34" spans="1:4" ht="18" customHeight="1" x14ac:dyDescent="0.15">
      <c r="A34" s="5">
        <v>24</v>
      </c>
      <c r="B34" s="22">
        <v>12</v>
      </c>
      <c r="C34" s="14">
        <v>10</v>
      </c>
      <c r="D34" s="18">
        <v>22</v>
      </c>
    </row>
    <row r="35" spans="1:4" ht="18" customHeight="1" x14ac:dyDescent="0.15">
      <c r="A35" s="5" t="s">
        <v>9</v>
      </c>
      <c r="B35" s="22">
        <v>62</v>
      </c>
      <c r="C35" s="14">
        <v>64</v>
      </c>
      <c r="D35" s="18">
        <v>126</v>
      </c>
    </row>
    <row r="36" spans="1:4" ht="18" customHeight="1" x14ac:dyDescent="0.15">
      <c r="A36" s="5">
        <v>25</v>
      </c>
      <c r="B36" s="22">
        <v>15</v>
      </c>
      <c r="C36" s="14">
        <v>10</v>
      </c>
      <c r="D36" s="18">
        <v>25</v>
      </c>
    </row>
    <row r="37" spans="1:4" ht="18" customHeight="1" x14ac:dyDescent="0.15">
      <c r="A37" s="5">
        <v>26</v>
      </c>
      <c r="B37" s="22">
        <v>10</v>
      </c>
      <c r="C37" s="14">
        <v>9</v>
      </c>
      <c r="D37" s="18">
        <v>19</v>
      </c>
    </row>
    <row r="38" spans="1:4" ht="18" customHeight="1" x14ac:dyDescent="0.15">
      <c r="A38" s="5">
        <v>27</v>
      </c>
      <c r="B38" s="22">
        <v>21</v>
      </c>
      <c r="C38" s="14">
        <v>9</v>
      </c>
      <c r="D38" s="18">
        <v>30</v>
      </c>
    </row>
    <row r="39" spans="1:4" ht="18" customHeight="1" x14ac:dyDescent="0.15">
      <c r="A39" s="5">
        <v>28</v>
      </c>
      <c r="B39" s="22">
        <v>11</v>
      </c>
      <c r="C39" s="14">
        <v>5</v>
      </c>
      <c r="D39" s="18">
        <v>16</v>
      </c>
    </row>
    <row r="40" spans="1:4" ht="18" customHeight="1" x14ac:dyDescent="0.15">
      <c r="A40" s="5">
        <v>29</v>
      </c>
      <c r="B40" s="22">
        <v>9</v>
      </c>
      <c r="C40" s="14">
        <v>13</v>
      </c>
      <c r="D40" s="18">
        <v>22</v>
      </c>
    </row>
    <row r="41" spans="1:4" ht="18" customHeight="1" x14ac:dyDescent="0.15">
      <c r="A41" s="5" t="s">
        <v>2</v>
      </c>
      <c r="B41" s="22">
        <v>66</v>
      </c>
      <c r="C41" s="14">
        <v>46</v>
      </c>
      <c r="D41" s="18">
        <v>112</v>
      </c>
    </row>
    <row r="42" spans="1:4" ht="18" customHeight="1" x14ac:dyDescent="0.15">
      <c r="A42" s="5">
        <v>30</v>
      </c>
      <c r="B42" s="22">
        <v>8</v>
      </c>
      <c r="C42" s="14">
        <v>4</v>
      </c>
      <c r="D42" s="18">
        <v>12</v>
      </c>
    </row>
    <row r="43" spans="1:4" ht="18" customHeight="1" x14ac:dyDescent="0.15">
      <c r="A43" s="5">
        <v>31</v>
      </c>
      <c r="B43" s="22">
        <v>12</v>
      </c>
      <c r="C43" s="14">
        <v>11</v>
      </c>
      <c r="D43" s="18">
        <v>23</v>
      </c>
    </row>
    <row r="44" spans="1:4" ht="18" customHeight="1" x14ac:dyDescent="0.15">
      <c r="A44" s="5">
        <v>32</v>
      </c>
      <c r="B44" s="22">
        <v>16</v>
      </c>
      <c r="C44" s="14">
        <v>12</v>
      </c>
      <c r="D44" s="18">
        <v>28</v>
      </c>
    </row>
    <row r="45" spans="1:4" ht="18" customHeight="1" x14ac:dyDescent="0.15">
      <c r="A45" s="5">
        <v>33</v>
      </c>
      <c r="B45" s="22">
        <v>11</v>
      </c>
      <c r="C45" s="14">
        <v>9</v>
      </c>
      <c r="D45" s="18">
        <v>20</v>
      </c>
    </row>
    <row r="46" spans="1:4" ht="18" customHeight="1" x14ac:dyDescent="0.15">
      <c r="A46" s="5">
        <v>34</v>
      </c>
      <c r="B46" s="22">
        <v>9</v>
      </c>
      <c r="C46" s="14">
        <v>7</v>
      </c>
      <c r="D46" s="18">
        <v>16</v>
      </c>
    </row>
    <row r="47" spans="1:4" ht="18" customHeight="1" x14ac:dyDescent="0.15">
      <c r="A47" s="5" t="s">
        <v>15</v>
      </c>
      <c r="B47" s="22">
        <v>56</v>
      </c>
      <c r="C47" s="14">
        <v>43</v>
      </c>
      <c r="D47" s="18">
        <v>99</v>
      </c>
    </row>
    <row r="48" spans="1:4" ht="18" customHeight="1" x14ac:dyDescent="0.15">
      <c r="A48" s="5">
        <v>35</v>
      </c>
      <c r="B48" s="22">
        <v>16</v>
      </c>
      <c r="C48" s="14">
        <v>10</v>
      </c>
      <c r="D48" s="18">
        <v>26</v>
      </c>
    </row>
    <row r="49" spans="1:4" ht="18" customHeight="1" x14ac:dyDescent="0.15">
      <c r="A49" s="5">
        <v>36</v>
      </c>
      <c r="B49" s="22">
        <v>15</v>
      </c>
      <c r="C49" s="14">
        <v>16</v>
      </c>
      <c r="D49" s="18">
        <v>31</v>
      </c>
    </row>
    <row r="50" spans="1:4" ht="18" customHeight="1" x14ac:dyDescent="0.15">
      <c r="A50" s="5">
        <v>37</v>
      </c>
      <c r="B50" s="22">
        <v>11</v>
      </c>
      <c r="C50" s="14">
        <v>10</v>
      </c>
      <c r="D50" s="18">
        <v>21</v>
      </c>
    </row>
    <row r="51" spans="1:4" ht="18" customHeight="1" x14ac:dyDescent="0.15">
      <c r="A51" s="5">
        <v>38</v>
      </c>
      <c r="B51" s="22">
        <v>14</v>
      </c>
      <c r="C51" s="14">
        <v>8</v>
      </c>
      <c r="D51" s="18">
        <v>22</v>
      </c>
    </row>
    <row r="52" spans="1:4" ht="18" customHeight="1" x14ac:dyDescent="0.15">
      <c r="A52" s="5">
        <v>39</v>
      </c>
      <c r="B52" s="22">
        <v>17</v>
      </c>
      <c r="C52" s="14">
        <v>15</v>
      </c>
      <c r="D52" s="18">
        <v>32</v>
      </c>
    </row>
    <row r="53" spans="1:4" ht="18" customHeight="1" x14ac:dyDescent="0.15">
      <c r="A53" s="5" t="s">
        <v>18</v>
      </c>
      <c r="B53" s="22">
        <v>73</v>
      </c>
      <c r="C53" s="14">
        <v>59</v>
      </c>
      <c r="D53" s="18">
        <v>132</v>
      </c>
    </row>
    <row r="54" spans="1:4" ht="18" customHeight="1" x14ac:dyDescent="0.15">
      <c r="A54" s="5">
        <v>40</v>
      </c>
      <c r="B54" s="22">
        <v>19</v>
      </c>
      <c r="C54" s="14">
        <v>10</v>
      </c>
      <c r="D54" s="18">
        <v>29</v>
      </c>
    </row>
    <row r="55" spans="1:4" ht="18" customHeight="1" x14ac:dyDescent="0.15">
      <c r="A55" s="5">
        <v>41</v>
      </c>
      <c r="B55" s="22">
        <v>23</v>
      </c>
      <c r="C55" s="14">
        <v>20</v>
      </c>
      <c r="D55" s="18">
        <v>43</v>
      </c>
    </row>
    <row r="56" spans="1:4" ht="18" customHeight="1" x14ac:dyDescent="0.15">
      <c r="A56" s="5">
        <v>42</v>
      </c>
      <c r="B56" s="22">
        <v>14</v>
      </c>
      <c r="C56" s="14">
        <v>18</v>
      </c>
      <c r="D56" s="18">
        <v>32</v>
      </c>
    </row>
    <row r="57" spans="1:4" ht="18" customHeight="1" x14ac:dyDescent="0.15">
      <c r="A57" s="5">
        <v>43</v>
      </c>
      <c r="B57" s="22">
        <v>19</v>
      </c>
      <c r="C57" s="14">
        <v>17</v>
      </c>
      <c r="D57" s="18">
        <v>36</v>
      </c>
    </row>
    <row r="58" spans="1:4" ht="18" customHeight="1" x14ac:dyDescent="0.15">
      <c r="A58" s="5">
        <v>44</v>
      </c>
      <c r="B58" s="22">
        <v>20</v>
      </c>
      <c r="C58" s="14">
        <v>15</v>
      </c>
      <c r="D58" s="18">
        <v>35</v>
      </c>
    </row>
    <row r="59" spans="1:4" ht="18" customHeight="1" x14ac:dyDescent="0.15">
      <c r="A59" s="5" t="s">
        <v>21</v>
      </c>
      <c r="B59" s="22">
        <v>95</v>
      </c>
      <c r="C59" s="14">
        <v>80</v>
      </c>
      <c r="D59" s="18">
        <v>175</v>
      </c>
    </row>
    <row r="60" spans="1:4" ht="18" customHeight="1" x14ac:dyDescent="0.15">
      <c r="A60" s="5">
        <v>45</v>
      </c>
      <c r="B60" s="22">
        <v>21</v>
      </c>
      <c r="C60" s="14">
        <v>20</v>
      </c>
      <c r="D60" s="18">
        <v>41</v>
      </c>
    </row>
    <row r="61" spans="1:4" ht="18" customHeight="1" x14ac:dyDescent="0.15">
      <c r="A61" s="5">
        <v>46</v>
      </c>
      <c r="B61" s="22">
        <v>23</v>
      </c>
      <c r="C61" s="14">
        <v>14</v>
      </c>
      <c r="D61" s="18">
        <v>37</v>
      </c>
    </row>
    <row r="62" spans="1:4" ht="18" customHeight="1" x14ac:dyDescent="0.15">
      <c r="A62" s="5">
        <v>47</v>
      </c>
      <c r="B62" s="22">
        <v>19</v>
      </c>
      <c r="C62" s="14">
        <v>16</v>
      </c>
      <c r="D62" s="18">
        <v>35</v>
      </c>
    </row>
    <row r="63" spans="1:4" ht="18" customHeight="1" x14ac:dyDescent="0.15">
      <c r="A63" s="5">
        <v>48</v>
      </c>
      <c r="B63" s="22">
        <v>22</v>
      </c>
      <c r="C63" s="14">
        <v>20</v>
      </c>
      <c r="D63" s="18">
        <v>42</v>
      </c>
    </row>
    <row r="64" spans="1:4" ht="18" customHeight="1" x14ac:dyDescent="0.15">
      <c r="A64" s="5">
        <v>49</v>
      </c>
      <c r="B64" s="22">
        <v>16</v>
      </c>
      <c r="C64" s="14">
        <v>35</v>
      </c>
      <c r="D64" s="18">
        <v>51</v>
      </c>
    </row>
    <row r="65" spans="1:4" ht="18" customHeight="1" x14ac:dyDescent="0.15">
      <c r="A65" s="5" t="s">
        <v>17</v>
      </c>
      <c r="B65" s="22">
        <v>101</v>
      </c>
      <c r="C65" s="14">
        <v>105</v>
      </c>
      <c r="D65" s="18">
        <v>206</v>
      </c>
    </row>
    <row r="66" spans="1:4" ht="18" customHeight="1" x14ac:dyDescent="0.15">
      <c r="A66" s="5">
        <v>50</v>
      </c>
      <c r="B66" s="22">
        <v>21</v>
      </c>
      <c r="C66" s="14">
        <v>18</v>
      </c>
      <c r="D66" s="18">
        <v>39</v>
      </c>
    </row>
    <row r="67" spans="1:4" ht="18" customHeight="1" x14ac:dyDescent="0.15">
      <c r="A67" s="5">
        <v>51</v>
      </c>
      <c r="B67" s="22">
        <v>23</v>
      </c>
      <c r="C67" s="14">
        <v>23</v>
      </c>
      <c r="D67" s="18">
        <v>46</v>
      </c>
    </row>
    <row r="68" spans="1:4" ht="18" customHeight="1" x14ac:dyDescent="0.15">
      <c r="A68" s="5">
        <v>52</v>
      </c>
      <c r="B68" s="22">
        <v>25</v>
      </c>
      <c r="C68" s="14">
        <v>27</v>
      </c>
      <c r="D68" s="18">
        <v>52</v>
      </c>
    </row>
    <row r="69" spans="1:4" ht="18" customHeight="1" x14ac:dyDescent="0.15">
      <c r="A69" s="5">
        <v>53</v>
      </c>
      <c r="B69" s="22">
        <v>25</v>
      </c>
      <c r="C69" s="14">
        <v>19</v>
      </c>
      <c r="D69" s="18">
        <v>44</v>
      </c>
    </row>
    <row r="70" spans="1:4" ht="18" customHeight="1" x14ac:dyDescent="0.15">
      <c r="A70" s="5">
        <v>54</v>
      </c>
      <c r="B70" s="22">
        <v>24</v>
      </c>
      <c r="C70" s="14">
        <v>29</v>
      </c>
      <c r="D70" s="18">
        <v>53</v>
      </c>
    </row>
    <row r="71" spans="1:4" ht="18" customHeight="1" x14ac:dyDescent="0.15">
      <c r="A71" s="5" t="s">
        <v>22</v>
      </c>
      <c r="B71" s="22">
        <v>118</v>
      </c>
      <c r="C71" s="14">
        <v>116</v>
      </c>
      <c r="D71" s="18">
        <v>234</v>
      </c>
    </row>
    <row r="72" spans="1:4" ht="18" customHeight="1" x14ac:dyDescent="0.15">
      <c r="A72" s="5">
        <v>55</v>
      </c>
      <c r="B72" s="22">
        <v>25</v>
      </c>
      <c r="C72" s="14">
        <v>21</v>
      </c>
      <c r="D72" s="18">
        <v>46</v>
      </c>
    </row>
    <row r="73" spans="1:4" ht="18" customHeight="1" x14ac:dyDescent="0.15">
      <c r="A73" s="5">
        <v>56</v>
      </c>
      <c r="B73" s="22">
        <v>20</v>
      </c>
      <c r="C73" s="14">
        <v>17</v>
      </c>
      <c r="D73" s="18">
        <v>37</v>
      </c>
    </row>
    <row r="74" spans="1:4" ht="18" customHeight="1" x14ac:dyDescent="0.15">
      <c r="A74" s="5">
        <v>57</v>
      </c>
      <c r="B74" s="22">
        <v>22</v>
      </c>
      <c r="C74" s="14">
        <v>21</v>
      </c>
      <c r="D74" s="18">
        <v>43</v>
      </c>
    </row>
    <row r="75" spans="1:4" ht="18" customHeight="1" x14ac:dyDescent="0.15">
      <c r="A75" s="5">
        <v>58</v>
      </c>
      <c r="B75" s="22">
        <v>16</v>
      </c>
      <c r="C75" s="14">
        <v>22</v>
      </c>
      <c r="D75" s="18">
        <v>38</v>
      </c>
    </row>
    <row r="76" spans="1:4" ht="18" customHeight="1" x14ac:dyDescent="0.15">
      <c r="A76" s="5">
        <v>59</v>
      </c>
      <c r="B76" s="22">
        <v>11</v>
      </c>
      <c r="C76" s="14">
        <v>16</v>
      </c>
      <c r="D76" s="18">
        <v>27</v>
      </c>
    </row>
    <row r="77" spans="1:4" ht="18" customHeight="1" x14ac:dyDescent="0.15">
      <c r="A77" s="5" t="s">
        <v>27</v>
      </c>
      <c r="B77" s="22">
        <v>94</v>
      </c>
      <c r="C77" s="14">
        <v>97</v>
      </c>
      <c r="D77" s="18">
        <v>191</v>
      </c>
    </row>
    <row r="78" spans="1:4" ht="18" customHeight="1" x14ac:dyDescent="0.15">
      <c r="A78" s="5">
        <v>60</v>
      </c>
      <c r="B78" s="22">
        <v>29</v>
      </c>
      <c r="C78" s="14">
        <v>22</v>
      </c>
      <c r="D78" s="18">
        <v>51</v>
      </c>
    </row>
    <row r="79" spans="1:4" ht="18" customHeight="1" x14ac:dyDescent="0.15">
      <c r="A79" s="5">
        <v>61</v>
      </c>
      <c r="B79" s="22">
        <v>13</v>
      </c>
      <c r="C79" s="14">
        <v>27</v>
      </c>
      <c r="D79" s="18">
        <v>40</v>
      </c>
    </row>
    <row r="80" spans="1:4" ht="18" customHeight="1" x14ac:dyDescent="0.15">
      <c r="A80" s="5">
        <v>62</v>
      </c>
      <c r="B80" s="22">
        <v>22</v>
      </c>
      <c r="C80" s="14">
        <v>23</v>
      </c>
      <c r="D80" s="18">
        <v>45</v>
      </c>
    </row>
    <row r="81" spans="1:4" ht="18" customHeight="1" x14ac:dyDescent="0.15">
      <c r="A81" s="5">
        <v>63</v>
      </c>
      <c r="B81" s="22">
        <v>16</v>
      </c>
      <c r="C81" s="14">
        <v>18</v>
      </c>
      <c r="D81" s="18">
        <v>34</v>
      </c>
    </row>
    <row r="82" spans="1:4" ht="18" customHeight="1" x14ac:dyDescent="0.15">
      <c r="A82" s="5">
        <v>64</v>
      </c>
      <c r="B82" s="22">
        <v>18</v>
      </c>
      <c r="C82" s="14">
        <v>15</v>
      </c>
      <c r="D82" s="18">
        <v>33</v>
      </c>
    </row>
    <row r="83" spans="1:4" ht="18" customHeight="1" x14ac:dyDescent="0.15">
      <c r="A83" s="5" t="s">
        <v>28</v>
      </c>
      <c r="B83" s="22">
        <v>98</v>
      </c>
      <c r="C83" s="14">
        <v>105</v>
      </c>
      <c r="D83" s="18">
        <v>203</v>
      </c>
    </row>
    <row r="84" spans="1:4" ht="18" customHeight="1" x14ac:dyDescent="0.15">
      <c r="A84" s="5" t="s">
        <v>31</v>
      </c>
      <c r="B84" s="22">
        <v>852</v>
      </c>
      <c r="C84" s="14">
        <v>797</v>
      </c>
      <c r="D84" s="18">
        <v>1649</v>
      </c>
    </row>
    <row r="85" spans="1:4" ht="18" customHeight="1" x14ac:dyDescent="0.15">
      <c r="A85" s="5">
        <v>65</v>
      </c>
      <c r="B85" s="22">
        <v>21</v>
      </c>
      <c r="C85" s="14">
        <v>22</v>
      </c>
      <c r="D85" s="18">
        <v>43</v>
      </c>
    </row>
    <row r="86" spans="1:4" ht="18" customHeight="1" x14ac:dyDescent="0.15">
      <c r="A86" s="5">
        <v>66</v>
      </c>
      <c r="B86" s="22">
        <v>16</v>
      </c>
      <c r="C86" s="14">
        <v>18</v>
      </c>
      <c r="D86" s="18">
        <v>34</v>
      </c>
    </row>
    <row r="87" spans="1:4" ht="18" customHeight="1" x14ac:dyDescent="0.15">
      <c r="A87" s="5">
        <v>67</v>
      </c>
      <c r="B87" s="22">
        <v>15</v>
      </c>
      <c r="C87" s="14">
        <v>13</v>
      </c>
      <c r="D87" s="18">
        <v>28</v>
      </c>
    </row>
    <row r="88" spans="1:4" ht="18" customHeight="1" x14ac:dyDescent="0.15">
      <c r="A88" s="5">
        <v>68</v>
      </c>
      <c r="B88" s="22">
        <v>16</v>
      </c>
      <c r="C88" s="14">
        <v>17</v>
      </c>
      <c r="D88" s="18">
        <v>33</v>
      </c>
    </row>
    <row r="89" spans="1:4" ht="18" customHeight="1" x14ac:dyDescent="0.15">
      <c r="A89" s="5">
        <v>69</v>
      </c>
      <c r="B89" s="22">
        <v>12</v>
      </c>
      <c r="C89" s="14">
        <v>16</v>
      </c>
      <c r="D89" s="18">
        <v>28</v>
      </c>
    </row>
    <row r="90" spans="1:4" ht="18" customHeight="1" x14ac:dyDescent="0.15">
      <c r="A90" s="5" t="s">
        <v>20</v>
      </c>
      <c r="B90" s="22">
        <v>80</v>
      </c>
      <c r="C90" s="14">
        <v>86</v>
      </c>
      <c r="D90" s="18">
        <v>166</v>
      </c>
    </row>
    <row r="91" spans="1:4" ht="18" customHeight="1" x14ac:dyDescent="0.15">
      <c r="A91" s="5">
        <v>70</v>
      </c>
      <c r="B91" s="22">
        <v>10</v>
      </c>
      <c r="C91" s="14">
        <v>18</v>
      </c>
      <c r="D91" s="18">
        <v>28</v>
      </c>
    </row>
    <row r="92" spans="1:4" ht="18" customHeight="1" x14ac:dyDescent="0.15">
      <c r="A92" s="5">
        <v>71</v>
      </c>
      <c r="B92" s="22">
        <v>16</v>
      </c>
      <c r="C92" s="14">
        <v>21</v>
      </c>
      <c r="D92" s="18">
        <v>37</v>
      </c>
    </row>
    <row r="93" spans="1:4" ht="18" customHeight="1" x14ac:dyDescent="0.15">
      <c r="A93" s="5">
        <v>72</v>
      </c>
      <c r="B93" s="22">
        <v>20</v>
      </c>
      <c r="C93" s="14">
        <v>31</v>
      </c>
      <c r="D93" s="18">
        <v>51</v>
      </c>
    </row>
    <row r="94" spans="1:4" ht="18" customHeight="1" x14ac:dyDescent="0.15">
      <c r="A94" s="5">
        <v>73</v>
      </c>
      <c r="B94" s="22">
        <v>15</v>
      </c>
      <c r="C94" s="14">
        <v>25</v>
      </c>
      <c r="D94" s="18">
        <v>40</v>
      </c>
    </row>
    <row r="95" spans="1:4" ht="18" customHeight="1" x14ac:dyDescent="0.15">
      <c r="A95" s="5">
        <v>74</v>
      </c>
      <c r="B95" s="22">
        <v>13</v>
      </c>
      <c r="C95" s="14">
        <v>24</v>
      </c>
      <c r="D95" s="18">
        <v>37</v>
      </c>
    </row>
    <row r="96" spans="1:4" ht="18" customHeight="1" x14ac:dyDescent="0.15">
      <c r="A96" s="5" t="s">
        <v>33</v>
      </c>
      <c r="B96" s="22">
        <v>74</v>
      </c>
      <c r="C96" s="14">
        <v>119</v>
      </c>
      <c r="D96" s="18">
        <v>193</v>
      </c>
    </row>
    <row r="97" spans="1:4" ht="18" customHeight="1" x14ac:dyDescent="0.15">
      <c r="A97" s="5">
        <v>75</v>
      </c>
      <c r="B97" s="22">
        <v>16</v>
      </c>
      <c r="C97" s="14">
        <v>19</v>
      </c>
      <c r="D97" s="18">
        <v>35</v>
      </c>
    </row>
    <row r="98" spans="1:4" ht="18" customHeight="1" x14ac:dyDescent="0.15">
      <c r="A98" s="5">
        <v>76</v>
      </c>
      <c r="B98" s="22">
        <v>22</v>
      </c>
      <c r="C98" s="14">
        <v>28</v>
      </c>
      <c r="D98" s="18">
        <v>50</v>
      </c>
    </row>
    <row r="99" spans="1:4" ht="18" customHeight="1" x14ac:dyDescent="0.15">
      <c r="A99" s="5">
        <v>77</v>
      </c>
      <c r="B99" s="22">
        <v>21</v>
      </c>
      <c r="C99" s="14">
        <v>28</v>
      </c>
      <c r="D99" s="18">
        <v>49</v>
      </c>
    </row>
    <row r="100" spans="1:4" ht="18" customHeight="1" x14ac:dyDescent="0.15">
      <c r="A100" s="5">
        <v>78</v>
      </c>
      <c r="B100" s="22">
        <v>21</v>
      </c>
      <c r="C100" s="14">
        <v>34</v>
      </c>
      <c r="D100" s="18">
        <v>55</v>
      </c>
    </row>
    <row r="101" spans="1:4" ht="18" customHeight="1" x14ac:dyDescent="0.15">
      <c r="A101" s="5">
        <v>79</v>
      </c>
      <c r="B101" s="22">
        <v>14</v>
      </c>
      <c r="C101" s="14">
        <v>18</v>
      </c>
      <c r="D101" s="18">
        <v>32</v>
      </c>
    </row>
    <row r="102" spans="1:4" ht="18" customHeight="1" x14ac:dyDescent="0.15">
      <c r="A102" s="5" t="s">
        <v>0</v>
      </c>
      <c r="B102" s="22">
        <v>94</v>
      </c>
      <c r="C102" s="14">
        <v>127</v>
      </c>
      <c r="D102" s="18">
        <v>221</v>
      </c>
    </row>
    <row r="103" spans="1:4" ht="18" customHeight="1" x14ac:dyDescent="0.15">
      <c r="A103" s="5">
        <v>80</v>
      </c>
      <c r="B103" s="22">
        <v>13</v>
      </c>
      <c r="C103" s="14">
        <v>12</v>
      </c>
      <c r="D103" s="18">
        <v>25</v>
      </c>
    </row>
    <row r="104" spans="1:4" ht="18" customHeight="1" x14ac:dyDescent="0.15">
      <c r="A104" s="5">
        <v>81</v>
      </c>
      <c r="B104" s="22">
        <v>12</v>
      </c>
      <c r="C104" s="14">
        <v>13</v>
      </c>
      <c r="D104" s="18">
        <v>25</v>
      </c>
    </row>
    <row r="105" spans="1:4" ht="18" customHeight="1" x14ac:dyDescent="0.15">
      <c r="A105" s="5">
        <v>82</v>
      </c>
      <c r="B105" s="22">
        <v>16</v>
      </c>
      <c r="C105" s="14">
        <v>18</v>
      </c>
      <c r="D105" s="18">
        <v>34</v>
      </c>
    </row>
    <row r="106" spans="1:4" ht="18" customHeight="1" x14ac:dyDescent="0.15">
      <c r="A106" s="5">
        <v>83</v>
      </c>
      <c r="B106" s="22">
        <v>9</v>
      </c>
      <c r="C106" s="14">
        <v>14</v>
      </c>
      <c r="D106" s="18">
        <v>23</v>
      </c>
    </row>
    <row r="107" spans="1:4" ht="18" customHeight="1" x14ac:dyDescent="0.15">
      <c r="A107" s="5">
        <v>84</v>
      </c>
      <c r="B107" s="22">
        <v>13</v>
      </c>
      <c r="C107" s="14">
        <v>11</v>
      </c>
      <c r="D107" s="18">
        <v>24</v>
      </c>
    </row>
    <row r="108" spans="1:4" ht="18" customHeight="1" x14ac:dyDescent="0.15">
      <c r="A108" s="5" t="s">
        <v>35</v>
      </c>
      <c r="B108" s="22">
        <v>63</v>
      </c>
      <c r="C108" s="14">
        <v>68</v>
      </c>
      <c r="D108" s="18">
        <v>131</v>
      </c>
    </row>
    <row r="109" spans="1:4" ht="18" customHeight="1" x14ac:dyDescent="0.15">
      <c r="A109" s="5">
        <v>85</v>
      </c>
      <c r="B109" s="22">
        <v>9</v>
      </c>
      <c r="C109" s="14">
        <v>14</v>
      </c>
      <c r="D109" s="18">
        <v>23</v>
      </c>
    </row>
    <row r="110" spans="1:4" ht="18" customHeight="1" x14ac:dyDescent="0.15">
      <c r="A110" s="5">
        <v>86</v>
      </c>
      <c r="B110" s="22">
        <v>5</v>
      </c>
      <c r="C110" s="14">
        <v>13</v>
      </c>
      <c r="D110" s="18">
        <v>18</v>
      </c>
    </row>
    <row r="111" spans="1:4" ht="18" customHeight="1" x14ac:dyDescent="0.15">
      <c r="A111" s="5">
        <v>87</v>
      </c>
      <c r="B111" s="22">
        <v>3</v>
      </c>
      <c r="C111" s="14">
        <v>9</v>
      </c>
      <c r="D111" s="18">
        <v>12</v>
      </c>
    </row>
    <row r="112" spans="1:4" ht="18" customHeight="1" x14ac:dyDescent="0.15">
      <c r="A112" s="5">
        <v>88</v>
      </c>
      <c r="B112" s="22">
        <v>7</v>
      </c>
      <c r="C112" s="14">
        <v>10</v>
      </c>
      <c r="D112" s="18">
        <v>17</v>
      </c>
    </row>
    <row r="113" spans="1:4" ht="18" customHeight="1" x14ac:dyDescent="0.15">
      <c r="A113" s="5">
        <v>89</v>
      </c>
      <c r="B113" s="22">
        <v>6</v>
      </c>
      <c r="C113" s="14">
        <v>11</v>
      </c>
      <c r="D113" s="18">
        <v>17</v>
      </c>
    </row>
    <row r="114" spans="1:4" ht="18" customHeight="1" x14ac:dyDescent="0.15">
      <c r="A114" s="5" t="s">
        <v>37</v>
      </c>
      <c r="B114" s="22">
        <v>30</v>
      </c>
      <c r="C114" s="14">
        <v>57</v>
      </c>
      <c r="D114" s="18">
        <v>87</v>
      </c>
    </row>
    <row r="115" spans="1:4" ht="18" customHeight="1" x14ac:dyDescent="0.15">
      <c r="A115" s="5">
        <v>90</v>
      </c>
      <c r="B115" s="22">
        <v>4</v>
      </c>
      <c r="C115" s="14">
        <v>8</v>
      </c>
      <c r="D115" s="18">
        <v>12</v>
      </c>
    </row>
    <row r="116" spans="1:4" ht="18" customHeight="1" x14ac:dyDescent="0.15">
      <c r="A116" s="5">
        <v>91</v>
      </c>
      <c r="B116" s="22">
        <v>4</v>
      </c>
      <c r="C116" s="14">
        <v>10</v>
      </c>
      <c r="D116" s="18">
        <v>14</v>
      </c>
    </row>
    <row r="117" spans="1:4" ht="18" customHeight="1" x14ac:dyDescent="0.15">
      <c r="A117" s="5">
        <v>92</v>
      </c>
      <c r="B117" s="22">
        <v>4</v>
      </c>
      <c r="C117" s="14">
        <v>8</v>
      </c>
      <c r="D117" s="18">
        <v>12</v>
      </c>
    </row>
    <row r="118" spans="1:4" ht="18" customHeight="1" x14ac:dyDescent="0.15">
      <c r="A118" s="5">
        <v>93</v>
      </c>
      <c r="B118" s="22">
        <v>3</v>
      </c>
      <c r="C118" s="14">
        <v>10</v>
      </c>
      <c r="D118" s="18">
        <v>13</v>
      </c>
    </row>
    <row r="119" spans="1:4" ht="18" customHeight="1" x14ac:dyDescent="0.15">
      <c r="A119" s="5">
        <v>94</v>
      </c>
      <c r="B119" s="22">
        <v>1</v>
      </c>
      <c r="C119" s="14">
        <v>9</v>
      </c>
      <c r="D119" s="18">
        <v>10</v>
      </c>
    </row>
    <row r="120" spans="1:4" ht="18" customHeight="1" x14ac:dyDescent="0.15">
      <c r="A120" s="5" t="s">
        <v>39</v>
      </c>
      <c r="B120" s="22">
        <v>16</v>
      </c>
      <c r="C120" s="14">
        <v>45</v>
      </c>
      <c r="D120" s="18">
        <v>61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1</v>
      </c>
      <c r="C126" s="14">
        <v>17</v>
      </c>
      <c r="D126" s="18">
        <v>1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58</v>
      </c>
      <c r="C130" s="14">
        <v>524</v>
      </c>
      <c r="D130" s="18">
        <v>882</v>
      </c>
    </row>
    <row r="131" spans="1:4" ht="18" customHeight="1" x14ac:dyDescent="0.15">
      <c r="A131" s="7" t="s">
        <v>45</v>
      </c>
      <c r="B131" s="23">
        <v>1363</v>
      </c>
      <c r="C131" s="15">
        <v>1486</v>
      </c>
      <c r="D131" s="19">
        <v>28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16</v>
      </c>
      <c r="D5" s="17">
        <v>23</v>
      </c>
    </row>
    <row r="6" spans="1:4" ht="18" customHeight="1" x14ac:dyDescent="0.15">
      <c r="A6" s="5">
        <v>1</v>
      </c>
      <c r="B6" s="22">
        <v>7</v>
      </c>
      <c r="C6" s="14">
        <v>10</v>
      </c>
      <c r="D6" s="18">
        <v>17</v>
      </c>
    </row>
    <row r="7" spans="1:4" ht="18" customHeight="1" x14ac:dyDescent="0.15">
      <c r="A7" s="5">
        <v>2</v>
      </c>
      <c r="B7" s="22">
        <v>17</v>
      </c>
      <c r="C7" s="14">
        <v>10</v>
      </c>
      <c r="D7" s="18">
        <v>27</v>
      </c>
    </row>
    <row r="8" spans="1:4" ht="18" customHeight="1" x14ac:dyDescent="0.15">
      <c r="A8" s="5">
        <v>3</v>
      </c>
      <c r="B8" s="22">
        <v>10</v>
      </c>
      <c r="C8" s="14">
        <v>10</v>
      </c>
      <c r="D8" s="18">
        <v>20</v>
      </c>
    </row>
    <row r="9" spans="1:4" ht="18" customHeight="1" x14ac:dyDescent="0.15">
      <c r="A9" s="5">
        <v>4</v>
      </c>
      <c r="B9" s="22">
        <v>10</v>
      </c>
      <c r="C9" s="14">
        <v>15</v>
      </c>
      <c r="D9" s="18">
        <v>25</v>
      </c>
    </row>
    <row r="10" spans="1:4" ht="18" customHeight="1" x14ac:dyDescent="0.15">
      <c r="A10" s="5" t="s">
        <v>7</v>
      </c>
      <c r="B10" s="22">
        <v>51</v>
      </c>
      <c r="C10" s="14">
        <v>61</v>
      </c>
      <c r="D10" s="18">
        <v>112</v>
      </c>
    </row>
    <row r="11" spans="1:4" ht="18" customHeight="1" x14ac:dyDescent="0.15">
      <c r="A11" s="5">
        <v>5</v>
      </c>
      <c r="B11" s="22">
        <v>9</v>
      </c>
      <c r="C11" s="14">
        <v>16</v>
      </c>
      <c r="D11" s="18">
        <v>25</v>
      </c>
    </row>
    <row r="12" spans="1:4" ht="18" customHeight="1" x14ac:dyDescent="0.15">
      <c r="A12" s="5">
        <v>6</v>
      </c>
      <c r="B12" s="22">
        <v>10</v>
      </c>
      <c r="C12" s="14">
        <v>14</v>
      </c>
      <c r="D12" s="18">
        <v>24</v>
      </c>
    </row>
    <row r="13" spans="1:4" ht="18" customHeight="1" x14ac:dyDescent="0.15">
      <c r="A13" s="5">
        <v>7</v>
      </c>
      <c r="B13" s="22">
        <v>17</v>
      </c>
      <c r="C13" s="14">
        <v>9</v>
      </c>
      <c r="D13" s="18">
        <v>26</v>
      </c>
    </row>
    <row r="14" spans="1:4" ht="18" customHeight="1" x14ac:dyDescent="0.15">
      <c r="A14" s="5">
        <v>8</v>
      </c>
      <c r="B14" s="22">
        <v>9</v>
      </c>
      <c r="C14" s="14">
        <v>21</v>
      </c>
      <c r="D14" s="18">
        <v>30</v>
      </c>
    </row>
    <row r="15" spans="1:4" ht="18" customHeight="1" x14ac:dyDescent="0.15">
      <c r="A15" s="5">
        <v>9</v>
      </c>
      <c r="B15" s="22">
        <v>20</v>
      </c>
      <c r="C15" s="14">
        <v>9</v>
      </c>
      <c r="D15" s="18">
        <v>29</v>
      </c>
    </row>
    <row r="16" spans="1:4" ht="18" customHeight="1" x14ac:dyDescent="0.15">
      <c r="A16" s="5" t="s">
        <v>11</v>
      </c>
      <c r="B16" s="22">
        <v>65</v>
      </c>
      <c r="C16" s="14">
        <v>69</v>
      </c>
      <c r="D16" s="18">
        <v>134</v>
      </c>
    </row>
    <row r="17" spans="1:4" ht="18" customHeight="1" x14ac:dyDescent="0.15">
      <c r="A17" s="5">
        <v>10</v>
      </c>
      <c r="B17" s="22">
        <v>8</v>
      </c>
      <c r="C17" s="14">
        <v>12</v>
      </c>
      <c r="D17" s="18">
        <v>20</v>
      </c>
    </row>
    <row r="18" spans="1:4" ht="18" customHeight="1" x14ac:dyDescent="0.15">
      <c r="A18" s="5">
        <v>11</v>
      </c>
      <c r="B18" s="22">
        <v>12</v>
      </c>
      <c r="C18" s="14">
        <v>11</v>
      </c>
      <c r="D18" s="18">
        <v>23</v>
      </c>
    </row>
    <row r="19" spans="1:4" ht="18" customHeight="1" x14ac:dyDescent="0.15">
      <c r="A19" s="5">
        <v>12</v>
      </c>
      <c r="B19" s="22">
        <v>19</v>
      </c>
      <c r="C19" s="14">
        <v>18</v>
      </c>
      <c r="D19" s="18">
        <v>37</v>
      </c>
    </row>
    <row r="20" spans="1:4" ht="18" customHeight="1" x14ac:dyDescent="0.15">
      <c r="A20" s="5">
        <v>13</v>
      </c>
      <c r="B20" s="22">
        <v>15</v>
      </c>
      <c r="C20" s="14">
        <v>15</v>
      </c>
      <c r="D20" s="18">
        <v>30</v>
      </c>
    </row>
    <row r="21" spans="1:4" ht="18" customHeight="1" x14ac:dyDescent="0.15">
      <c r="A21" s="5">
        <v>14</v>
      </c>
      <c r="B21" s="22">
        <v>18</v>
      </c>
      <c r="C21" s="14">
        <v>13</v>
      </c>
      <c r="D21" s="18">
        <v>31</v>
      </c>
    </row>
    <row r="22" spans="1:4" ht="18" customHeight="1" x14ac:dyDescent="0.15">
      <c r="A22" s="5" t="s">
        <v>12</v>
      </c>
      <c r="B22" s="22">
        <v>72</v>
      </c>
      <c r="C22" s="14">
        <v>69</v>
      </c>
      <c r="D22" s="18">
        <v>141</v>
      </c>
    </row>
    <row r="23" spans="1:4" ht="18" customHeight="1" x14ac:dyDescent="0.15">
      <c r="A23" s="5" t="s">
        <v>6</v>
      </c>
      <c r="B23" s="22">
        <v>188</v>
      </c>
      <c r="C23" s="14">
        <v>199</v>
      </c>
      <c r="D23" s="18">
        <v>387</v>
      </c>
    </row>
    <row r="24" spans="1:4" ht="18" customHeight="1" x14ac:dyDescent="0.15">
      <c r="A24" s="5">
        <v>15</v>
      </c>
      <c r="B24" s="22">
        <v>14</v>
      </c>
      <c r="C24" s="14">
        <v>15</v>
      </c>
      <c r="D24" s="18">
        <v>29</v>
      </c>
    </row>
    <row r="25" spans="1:4" ht="18" customHeight="1" x14ac:dyDescent="0.15">
      <c r="A25" s="5">
        <v>16</v>
      </c>
      <c r="B25" s="22">
        <v>13</v>
      </c>
      <c r="C25" s="14">
        <v>14</v>
      </c>
      <c r="D25" s="18">
        <v>27</v>
      </c>
    </row>
    <row r="26" spans="1:4" ht="18" customHeight="1" x14ac:dyDescent="0.15">
      <c r="A26" s="5">
        <v>17</v>
      </c>
      <c r="B26" s="22">
        <v>16</v>
      </c>
      <c r="C26" s="14">
        <v>12</v>
      </c>
      <c r="D26" s="18">
        <v>28</v>
      </c>
    </row>
    <row r="27" spans="1:4" ht="18" customHeight="1" x14ac:dyDescent="0.15">
      <c r="A27" s="5">
        <v>18</v>
      </c>
      <c r="B27" s="22">
        <v>14</v>
      </c>
      <c r="C27" s="14">
        <v>16</v>
      </c>
      <c r="D27" s="18">
        <v>30</v>
      </c>
    </row>
    <row r="28" spans="1:4" ht="18" customHeight="1" x14ac:dyDescent="0.15">
      <c r="A28" s="5">
        <v>19</v>
      </c>
      <c r="B28" s="22">
        <v>8</v>
      </c>
      <c r="C28" s="14">
        <v>19</v>
      </c>
      <c r="D28" s="18">
        <v>27</v>
      </c>
    </row>
    <row r="29" spans="1:4" ht="18" customHeight="1" x14ac:dyDescent="0.15">
      <c r="A29" s="5" t="s">
        <v>14</v>
      </c>
      <c r="B29" s="22">
        <v>65</v>
      </c>
      <c r="C29" s="14">
        <v>76</v>
      </c>
      <c r="D29" s="18">
        <v>141</v>
      </c>
    </row>
    <row r="30" spans="1:4" ht="18" customHeight="1" x14ac:dyDescent="0.15">
      <c r="A30" s="5">
        <v>20</v>
      </c>
      <c r="B30" s="22">
        <v>15</v>
      </c>
      <c r="C30" s="14">
        <v>9</v>
      </c>
      <c r="D30" s="18">
        <v>24</v>
      </c>
    </row>
    <row r="31" spans="1:4" ht="18" customHeight="1" x14ac:dyDescent="0.15">
      <c r="A31" s="5">
        <v>21</v>
      </c>
      <c r="B31" s="22">
        <v>14</v>
      </c>
      <c r="C31" s="14">
        <v>13</v>
      </c>
      <c r="D31" s="18">
        <v>27</v>
      </c>
    </row>
    <row r="32" spans="1:4" ht="18" customHeight="1" x14ac:dyDescent="0.15">
      <c r="A32" s="5">
        <v>22</v>
      </c>
      <c r="B32" s="22">
        <v>24</v>
      </c>
      <c r="C32" s="14">
        <v>20</v>
      </c>
      <c r="D32" s="18">
        <v>44</v>
      </c>
    </row>
    <row r="33" spans="1:4" ht="18" customHeight="1" x14ac:dyDescent="0.15">
      <c r="A33" s="5">
        <v>23</v>
      </c>
      <c r="B33" s="22">
        <v>17</v>
      </c>
      <c r="C33" s="14">
        <v>18</v>
      </c>
      <c r="D33" s="18">
        <v>35</v>
      </c>
    </row>
    <row r="34" spans="1:4" ht="18" customHeight="1" x14ac:dyDescent="0.15">
      <c r="A34" s="5">
        <v>24</v>
      </c>
      <c r="B34" s="22">
        <v>17</v>
      </c>
      <c r="C34" s="14">
        <v>9</v>
      </c>
      <c r="D34" s="18">
        <v>26</v>
      </c>
    </row>
    <row r="35" spans="1:4" ht="18" customHeight="1" x14ac:dyDescent="0.15">
      <c r="A35" s="5" t="s">
        <v>9</v>
      </c>
      <c r="B35" s="22">
        <v>87</v>
      </c>
      <c r="C35" s="14">
        <v>69</v>
      </c>
      <c r="D35" s="18">
        <v>156</v>
      </c>
    </row>
    <row r="36" spans="1:4" ht="18" customHeight="1" x14ac:dyDescent="0.15">
      <c r="A36" s="5">
        <v>25</v>
      </c>
      <c r="B36" s="22">
        <v>22</v>
      </c>
      <c r="C36" s="14">
        <v>13</v>
      </c>
      <c r="D36" s="18">
        <v>35</v>
      </c>
    </row>
    <row r="37" spans="1:4" ht="18" customHeight="1" x14ac:dyDescent="0.15">
      <c r="A37" s="5">
        <v>26</v>
      </c>
      <c r="B37" s="22">
        <v>13</v>
      </c>
      <c r="C37" s="14">
        <v>22</v>
      </c>
      <c r="D37" s="18">
        <v>35</v>
      </c>
    </row>
    <row r="38" spans="1:4" ht="18" customHeight="1" x14ac:dyDescent="0.15">
      <c r="A38" s="5">
        <v>27</v>
      </c>
      <c r="B38" s="22">
        <v>27</v>
      </c>
      <c r="C38" s="14">
        <v>22</v>
      </c>
      <c r="D38" s="18">
        <v>49</v>
      </c>
    </row>
    <row r="39" spans="1:4" ht="18" customHeight="1" x14ac:dyDescent="0.15">
      <c r="A39" s="5">
        <v>28</v>
      </c>
      <c r="B39" s="22">
        <v>23</v>
      </c>
      <c r="C39" s="14">
        <v>19</v>
      </c>
      <c r="D39" s="18">
        <v>42</v>
      </c>
    </row>
    <row r="40" spans="1:4" ht="18" customHeight="1" x14ac:dyDescent="0.15">
      <c r="A40" s="5">
        <v>29</v>
      </c>
      <c r="B40" s="22">
        <v>20</v>
      </c>
      <c r="C40" s="14">
        <v>21</v>
      </c>
      <c r="D40" s="18">
        <v>41</v>
      </c>
    </row>
    <row r="41" spans="1:4" ht="18" customHeight="1" x14ac:dyDescent="0.15">
      <c r="A41" s="5" t="s">
        <v>2</v>
      </c>
      <c r="B41" s="22">
        <v>105</v>
      </c>
      <c r="C41" s="14">
        <v>97</v>
      </c>
      <c r="D41" s="18">
        <v>202</v>
      </c>
    </row>
    <row r="42" spans="1:4" ht="18" customHeight="1" x14ac:dyDescent="0.15">
      <c r="A42" s="5">
        <v>30</v>
      </c>
      <c r="B42" s="22">
        <v>19</v>
      </c>
      <c r="C42" s="14">
        <v>21</v>
      </c>
      <c r="D42" s="18">
        <v>40</v>
      </c>
    </row>
    <row r="43" spans="1:4" ht="18" customHeight="1" x14ac:dyDescent="0.15">
      <c r="A43" s="5">
        <v>31</v>
      </c>
      <c r="B43" s="22">
        <v>27</v>
      </c>
      <c r="C43" s="14">
        <v>29</v>
      </c>
      <c r="D43" s="18">
        <v>56</v>
      </c>
    </row>
    <row r="44" spans="1:4" ht="18" customHeight="1" x14ac:dyDescent="0.15">
      <c r="A44" s="5">
        <v>32</v>
      </c>
      <c r="B44" s="22">
        <v>18</v>
      </c>
      <c r="C44" s="14">
        <v>22</v>
      </c>
      <c r="D44" s="18">
        <v>40</v>
      </c>
    </row>
    <row r="45" spans="1:4" ht="18" customHeight="1" x14ac:dyDescent="0.15">
      <c r="A45" s="5">
        <v>33</v>
      </c>
      <c r="B45" s="22">
        <v>10</v>
      </c>
      <c r="C45" s="14">
        <v>14</v>
      </c>
      <c r="D45" s="18">
        <v>24</v>
      </c>
    </row>
    <row r="46" spans="1:4" ht="18" customHeight="1" x14ac:dyDescent="0.15">
      <c r="A46" s="5">
        <v>34</v>
      </c>
      <c r="B46" s="22">
        <v>23</v>
      </c>
      <c r="C46" s="14">
        <v>11</v>
      </c>
      <c r="D46" s="18">
        <v>34</v>
      </c>
    </row>
    <row r="47" spans="1:4" ht="18" customHeight="1" x14ac:dyDescent="0.15">
      <c r="A47" s="5" t="s">
        <v>15</v>
      </c>
      <c r="B47" s="22">
        <v>97</v>
      </c>
      <c r="C47" s="14">
        <v>97</v>
      </c>
      <c r="D47" s="18">
        <v>194</v>
      </c>
    </row>
    <row r="48" spans="1:4" ht="18" customHeight="1" x14ac:dyDescent="0.15">
      <c r="A48" s="5">
        <v>35</v>
      </c>
      <c r="B48" s="22">
        <v>18</v>
      </c>
      <c r="C48" s="14">
        <v>20</v>
      </c>
      <c r="D48" s="18">
        <v>38</v>
      </c>
    </row>
    <row r="49" spans="1:4" ht="18" customHeight="1" x14ac:dyDescent="0.15">
      <c r="A49" s="5">
        <v>36</v>
      </c>
      <c r="B49" s="22">
        <v>20</v>
      </c>
      <c r="C49" s="14">
        <v>17</v>
      </c>
      <c r="D49" s="18">
        <v>37</v>
      </c>
    </row>
    <row r="50" spans="1:4" ht="18" customHeight="1" x14ac:dyDescent="0.15">
      <c r="A50" s="5">
        <v>37</v>
      </c>
      <c r="B50" s="22">
        <v>21</v>
      </c>
      <c r="C50" s="14">
        <v>14</v>
      </c>
      <c r="D50" s="18">
        <v>35</v>
      </c>
    </row>
    <row r="51" spans="1:4" ht="18" customHeight="1" x14ac:dyDescent="0.15">
      <c r="A51" s="5">
        <v>38</v>
      </c>
      <c r="B51" s="22">
        <v>26</v>
      </c>
      <c r="C51" s="14">
        <v>18</v>
      </c>
      <c r="D51" s="18">
        <v>44</v>
      </c>
    </row>
    <row r="52" spans="1:4" ht="18" customHeight="1" x14ac:dyDescent="0.15">
      <c r="A52" s="5">
        <v>39</v>
      </c>
      <c r="B52" s="22">
        <v>20</v>
      </c>
      <c r="C52" s="14">
        <v>21</v>
      </c>
      <c r="D52" s="18">
        <v>41</v>
      </c>
    </row>
    <row r="53" spans="1:4" ht="18" customHeight="1" x14ac:dyDescent="0.15">
      <c r="A53" s="5" t="s">
        <v>18</v>
      </c>
      <c r="B53" s="22">
        <v>105</v>
      </c>
      <c r="C53" s="14">
        <v>90</v>
      </c>
      <c r="D53" s="18">
        <v>195</v>
      </c>
    </row>
    <row r="54" spans="1:4" ht="18" customHeight="1" x14ac:dyDescent="0.15">
      <c r="A54" s="5">
        <v>40</v>
      </c>
      <c r="B54" s="22">
        <v>27</v>
      </c>
      <c r="C54" s="14">
        <v>17</v>
      </c>
      <c r="D54" s="18">
        <v>44</v>
      </c>
    </row>
    <row r="55" spans="1:4" ht="18" customHeight="1" x14ac:dyDescent="0.15">
      <c r="A55" s="5">
        <v>41</v>
      </c>
      <c r="B55" s="22">
        <v>18</v>
      </c>
      <c r="C55" s="14">
        <v>23</v>
      </c>
      <c r="D55" s="18">
        <v>41</v>
      </c>
    </row>
    <row r="56" spans="1:4" ht="18" customHeight="1" x14ac:dyDescent="0.15">
      <c r="A56" s="5">
        <v>42</v>
      </c>
      <c r="B56" s="22">
        <v>21</v>
      </c>
      <c r="C56" s="14">
        <v>25</v>
      </c>
      <c r="D56" s="18">
        <v>46</v>
      </c>
    </row>
    <row r="57" spans="1:4" ht="18" customHeight="1" x14ac:dyDescent="0.15">
      <c r="A57" s="5">
        <v>43</v>
      </c>
      <c r="B57" s="22">
        <v>13</v>
      </c>
      <c r="C57" s="14">
        <v>26</v>
      </c>
      <c r="D57" s="18">
        <v>39</v>
      </c>
    </row>
    <row r="58" spans="1:4" ht="18" customHeight="1" x14ac:dyDescent="0.15">
      <c r="A58" s="5">
        <v>44</v>
      </c>
      <c r="B58" s="22">
        <v>21</v>
      </c>
      <c r="C58" s="14">
        <v>11</v>
      </c>
      <c r="D58" s="18">
        <v>32</v>
      </c>
    </row>
    <row r="59" spans="1:4" ht="18" customHeight="1" x14ac:dyDescent="0.15">
      <c r="A59" s="5" t="s">
        <v>21</v>
      </c>
      <c r="B59" s="22">
        <v>100</v>
      </c>
      <c r="C59" s="14">
        <v>102</v>
      </c>
      <c r="D59" s="18">
        <v>202</v>
      </c>
    </row>
    <row r="60" spans="1:4" ht="18" customHeight="1" x14ac:dyDescent="0.15">
      <c r="A60" s="5">
        <v>45</v>
      </c>
      <c r="B60" s="22">
        <v>17</v>
      </c>
      <c r="C60" s="14">
        <v>26</v>
      </c>
      <c r="D60" s="18">
        <v>43</v>
      </c>
    </row>
    <row r="61" spans="1:4" ht="18" customHeight="1" x14ac:dyDescent="0.15">
      <c r="A61" s="5">
        <v>46</v>
      </c>
      <c r="B61" s="22">
        <v>22</v>
      </c>
      <c r="C61" s="14">
        <v>27</v>
      </c>
      <c r="D61" s="18">
        <v>49</v>
      </c>
    </row>
    <row r="62" spans="1:4" ht="18" customHeight="1" x14ac:dyDescent="0.15">
      <c r="A62" s="5">
        <v>47</v>
      </c>
      <c r="B62" s="22">
        <v>25</v>
      </c>
      <c r="C62" s="14">
        <v>29</v>
      </c>
      <c r="D62" s="18">
        <v>54</v>
      </c>
    </row>
    <row r="63" spans="1:4" ht="18" customHeight="1" x14ac:dyDescent="0.15">
      <c r="A63" s="5">
        <v>48</v>
      </c>
      <c r="B63" s="22">
        <v>28</v>
      </c>
      <c r="C63" s="14">
        <v>20</v>
      </c>
      <c r="D63" s="18">
        <v>48</v>
      </c>
    </row>
    <row r="64" spans="1:4" ht="18" customHeight="1" x14ac:dyDescent="0.15">
      <c r="A64" s="5">
        <v>49</v>
      </c>
      <c r="B64" s="22">
        <v>32</v>
      </c>
      <c r="C64" s="14">
        <v>23</v>
      </c>
      <c r="D64" s="18">
        <v>55</v>
      </c>
    </row>
    <row r="65" spans="1:4" ht="18" customHeight="1" x14ac:dyDescent="0.15">
      <c r="A65" s="5" t="s">
        <v>17</v>
      </c>
      <c r="B65" s="22">
        <v>124</v>
      </c>
      <c r="C65" s="14">
        <v>125</v>
      </c>
      <c r="D65" s="18">
        <v>249</v>
      </c>
    </row>
    <row r="66" spans="1:4" ht="18" customHeight="1" x14ac:dyDescent="0.15">
      <c r="A66" s="5">
        <v>50</v>
      </c>
      <c r="B66" s="22">
        <v>27</v>
      </c>
      <c r="C66" s="14">
        <v>24</v>
      </c>
      <c r="D66" s="18">
        <v>51</v>
      </c>
    </row>
    <row r="67" spans="1:4" ht="18" customHeight="1" x14ac:dyDescent="0.15">
      <c r="A67" s="5">
        <v>51</v>
      </c>
      <c r="B67" s="22">
        <v>37</v>
      </c>
      <c r="C67" s="14">
        <v>31</v>
      </c>
      <c r="D67" s="18">
        <v>68</v>
      </c>
    </row>
    <row r="68" spans="1:4" ht="18" customHeight="1" x14ac:dyDescent="0.15">
      <c r="A68" s="5">
        <v>52</v>
      </c>
      <c r="B68" s="22">
        <v>39</v>
      </c>
      <c r="C68" s="14">
        <v>28</v>
      </c>
      <c r="D68" s="18">
        <v>67</v>
      </c>
    </row>
    <row r="69" spans="1:4" ht="18" customHeight="1" x14ac:dyDescent="0.15">
      <c r="A69" s="5">
        <v>53</v>
      </c>
      <c r="B69" s="22">
        <v>33</v>
      </c>
      <c r="C69" s="14">
        <v>32</v>
      </c>
      <c r="D69" s="18">
        <v>65</v>
      </c>
    </row>
    <row r="70" spans="1:4" ht="18" customHeight="1" x14ac:dyDescent="0.15">
      <c r="A70" s="5">
        <v>54</v>
      </c>
      <c r="B70" s="22">
        <v>34</v>
      </c>
      <c r="C70" s="14">
        <v>22</v>
      </c>
      <c r="D70" s="18">
        <v>56</v>
      </c>
    </row>
    <row r="71" spans="1:4" ht="18" customHeight="1" x14ac:dyDescent="0.15">
      <c r="A71" s="5" t="s">
        <v>22</v>
      </c>
      <c r="B71" s="22">
        <v>170</v>
      </c>
      <c r="C71" s="14">
        <v>137</v>
      </c>
      <c r="D71" s="18">
        <v>307</v>
      </c>
    </row>
    <row r="72" spans="1:4" ht="18" customHeight="1" x14ac:dyDescent="0.15">
      <c r="A72" s="5">
        <v>55</v>
      </c>
      <c r="B72" s="22">
        <v>23</v>
      </c>
      <c r="C72" s="14">
        <v>21</v>
      </c>
      <c r="D72" s="18">
        <v>44</v>
      </c>
    </row>
    <row r="73" spans="1:4" ht="18" customHeight="1" x14ac:dyDescent="0.15">
      <c r="A73" s="5">
        <v>56</v>
      </c>
      <c r="B73" s="22">
        <v>29</v>
      </c>
      <c r="C73" s="14">
        <v>36</v>
      </c>
      <c r="D73" s="18">
        <v>65</v>
      </c>
    </row>
    <row r="74" spans="1:4" ht="18" customHeight="1" x14ac:dyDescent="0.15">
      <c r="A74" s="5">
        <v>57</v>
      </c>
      <c r="B74" s="22">
        <v>29</v>
      </c>
      <c r="C74" s="14">
        <v>28</v>
      </c>
      <c r="D74" s="18">
        <v>57</v>
      </c>
    </row>
    <row r="75" spans="1:4" ht="18" customHeight="1" x14ac:dyDescent="0.15">
      <c r="A75" s="5">
        <v>58</v>
      </c>
      <c r="B75" s="22">
        <v>35</v>
      </c>
      <c r="C75" s="14">
        <v>29</v>
      </c>
      <c r="D75" s="18">
        <v>64</v>
      </c>
    </row>
    <row r="76" spans="1:4" ht="18" customHeight="1" x14ac:dyDescent="0.15">
      <c r="A76" s="5">
        <v>59</v>
      </c>
      <c r="B76" s="22">
        <v>24</v>
      </c>
      <c r="C76" s="14">
        <v>19</v>
      </c>
      <c r="D76" s="18">
        <v>43</v>
      </c>
    </row>
    <row r="77" spans="1:4" ht="18" customHeight="1" x14ac:dyDescent="0.15">
      <c r="A77" s="5" t="s">
        <v>27</v>
      </c>
      <c r="B77" s="22">
        <v>140</v>
      </c>
      <c r="C77" s="14">
        <v>133</v>
      </c>
      <c r="D77" s="18">
        <v>273</v>
      </c>
    </row>
    <row r="78" spans="1:4" ht="18" customHeight="1" x14ac:dyDescent="0.15">
      <c r="A78" s="5">
        <v>60</v>
      </c>
      <c r="B78" s="22">
        <v>20</v>
      </c>
      <c r="C78" s="14">
        <v>27</v>
      </c>
      <c r="D78" s="18">
        <v>47</v>
      </c>
    </row>
    <row r="79" spans="1:4" ht="18" customHeight="1" x14ac:dyDescent="0.15">
      <c r="A79" s="5">
        <v>61</v>
      </c>
      <c r="B79" s="22">
        <v>34</v>
      </c>
      <c r="C79" s="14">
        <v>27</v>
      </c>
      <c r="D79" s="18">
        <v>61</v>
      </c>
    </row>
    <row r="80" spans="1:4" ht="18" customHeight="1" x14ac:dyDescent="0.15">
      <c r="A80" s="5">
        <v>62</v>
      </c>
      <c r="B80" s="22">
        <v>33</v>
      </c>
      <c r="C80" s="14">
        <v>31</v>
      </c>
      <c r="D80" s="18">
        <v>64</v>
      </c>
    </row>
    <row r="81" spans="1:4" ht="18" customHeight="1" x14ac:dyDescent="0.15">
      <c r="A81" s="5">
        <v>63</v>
      </c>
      <c r="B81" s="22">
        <v>24</v>
      </c>
      <c r="C81" s="14">
        <v>22</v>
      </c>
      <c r="D81" s="18">
        <v>46</v>
      </c>
    </row>
    <row r="82" spans="1:4" ht="18" customHeight="1" x14ac:dyDescent="0.15">
      <c r="A82" s="5">
        <v>64</v>
      </c>
      <c r="B82" s="22">
        <v>23</v>
      </c>
      <c r="C82" s="14">
        <v>26</v>
      </c>
      <c r="D82" s="18">
        <v>49</v>
      </c>
    </row>
    <row r="83" spans="1:4" ht="18" customHeight="1" x14ac:dyDescent="0.15">
      <c r="A83" s="5" t="s">
        <v>28</v>
      </c>
      <c r="B83" s="22">
        <v>134</v>
      </c>
      <c r="C83" s="14">
        <v>133</v>
      </c>
      <c r="D83" s="18">
        <v>267</v>
      </c>
    </row>
    <row r="84" spans="1:4" ht="18" customHeight="1" x14ac:dyDescent="0.15">
      <c r="A84" s="5" t="s">
        <v>31</v>
      </c>
      <c r="B84" s="22">
        <v>1127</v>
      </c>
      <c r="C84" s="14">
        <v>1059</v>
      </c>
      <c r="D84" s="18">
        <v>2186</v>
      </c>
    </row>
    <row r="85" spans="1:4" ht="18" customHeight="1" x14ac:dyDescent="0.15">
      <c r="A85" s="5">
        <v>65</v>
      </c>
      <c r="B85" s="22">
        <v>24</v>
      </c>
      <c r="C85" s="14">
        <v>19</v>
      </c>
      <c r="D85" s="18">
        <v>43</v>
      </c>
    </row>
    <row r="86" spans="1:4" ht="18" customHeight="1" x14ac:dyDescent="0.15">
      <c r="A86" s="5">
        <v>66</v>
      </c>
      <c r="B86" s="22">
        <v>27</v>
      </c>
      <c r="C86" s="14">
        <v>27</v>
      </c>
      <c r="D86" s="18">
        <v>54</v>
      </c>
    </row>
    <row r="87" spans="1:4" ht="18" customHeight="1" x14ac:dyDescent="0.15">
      <c r="A87" s="5">
        <v>67</v>
      </c>
      <c r="B87" s="22">
        <v>21</v>
      </c>
      <c r="C87" s="14">
        <v>24</v>
      </c>
      <c r="D87" s="18">
        <v>45</v>
      </c>
    </row>
    <row r="88" spans="1:4" ht="18" customHeight="1" x14ac:dyDescent="0.15">
      <c r="A88" s="5">
        <v>68</v>
      </c>
      <c r="B88" s="22">
        <v>16</v>
      </c>
      <c r="C88" s="14">
        <v>21</v>
      </c>
      <c r="D88" s="18">
        <v>37</v>
      </c>
    </row>
    <row r="89" spans="1:4" ht="18" customHeight="1" x14ac:dyDescent="0.15">
      <c r="A89" s="5">
        <v>69</v>
      </c>
      <c r="B89" s="22">
        <v>18</v>
      </c>
      <c r="C89" s="14">
        <v>27</v>
      </c>
      <c r="D89" s="18">
        <v>45</v>
      </c>
    </row>
    <row r="90" spans="1:4" ht="18" customHeight="1" x14ac:dyDescent="0.15">
      <c r="A90" s="5" t="s">
        <v>20</v>
      </c>
      <c r="B90" s="22">
        <v>106</v>
      </c>
      <c r="C90" s="14">
        <v>118</v>
      </c>
      <c r="D90" s="18">
        <v>224</v>
      </c>
    </row>
    <row r="91" spans="1:4" ht="18" customHeight="1" x14ac:dyDescent="0.15">
      <c r="A91" s="5">
        <v>70</v>
      </c>
      <c r="B91" s="22">
        <v>22</v>
      </c>
      <c r="C91" s="14">
        <v>18</v>
      </c>
      <c r="D91" s="18">
        <v>40</v>
      </c>
    </row>
    <row r="92" spans="1:4" ht="18" customHeight="1" x14ac:dyDescent="0.15">
      <c r="A92" s="5">
        <v>71</v>
      </c>
      <c r="B92" s="22">
        <v>28</v>
      </c>
      <c r="C92" s="14">
        <v>25</v>
      </c>
      <c r="D92" s="18">
        <v>53</v>
      </c>
    </row>
    <row r="93" spans="1:4" ht="18" customHeight="1" x14ac:dyDescent="0.15">
      <c r="A93" s="5">
        <v>72</v>
      </c>
      <c r="B93" s="22">
        <v>27</v>
      </c>
      <c r="C93" s="14">
        <v>31</v>
      </c>
      <c r="D93" s="18">
        <v>58</v>
      </c>
    </row>
    <row r="94" spans="1:4" ht="18" customHeight="1" x14ac:dyDescent="0.15">
      <c r="A94" s="5">
        <v>73</v>
      </c>
      <c r="B94" s="22">
        <v>31</v>
      </c>
      <c r="C94" s="14">
        <v>32</v>
      </c>
      <c r="D94" s="18">
        <v>63</v>
      </c>
    </row>
    <row r="95" spans="1:4" ht="18" customHeight="1" x14ac:dyDescent="0.15">
      <c r="A95" s="5">
        <v>74</v>
      </c>
      <c r="B95" s="22">
        <v>33</v>
      </c>
      <c r="C95" s="14">
        <v>36</v>
      </c>
      <c r="D95" s="18">
        <v>69</v>
      </c>
    </row>
    <row r="96" spans="1:4" ht="18" customHeight="1" x14ac:dyDescent="0.15">
      <c r="A96" s="5" t="s">
        <v>33</v>
      </c>
      <c r="B96" s="22">
        <v>141</v>
      </c>
      <c r="C96" s="14">
        <v>142</v>
      </c>
      <c r="D96" s="18">
        <v>283</v>
      </c>
    </row>
    <row r="97" spans="1:4" ht="18" customHeight="1" x14ac:dyDescent="0.15">
      <c r="A97" s="5">
        <v>75</v>
      </c>
      <c r="B97" s="22">
        <v>24</v>
      </c>
      <c r="C97" s="14">
        <v>35</v>
      </c>
      <c r="D97" s="18">
        <v>59</v>
      </c>
    </row>
    <row r="98" spans="1:4" ht="18" customHeight="1" x14ac:dyDescent="0.15">
      <c r="A98" s="5">
        <v>76</v>
      </c>
      <c r="B98" s="22">
        <v>33</v>
      </c>
      <c r="C98" s="14">
        <v>29</v>
      </c>
      <c r="D98" s="18">
        <v>62</v>
      </c>
    </row>
    <row r="99" spans="1:4" ht="18" customHeight="1" x14ac:dyDescent="0.15">
      <c r="A99" s="5">
        <v>77</v>
      </c>
      <c r="B99" s="22">
        <v>43</v>
      </c>
      <c r="C99" s="14">
        <v>52</v>
      </c>
      <c r="D99" s="18">
        <v>95</v>
      </c>
    </row>
    <row r="100" spans="1:4" ht="18" customHeight="1" x14ac:dyDescent="0.15">
      <c r="A100" s="5">
        <v>78</v>
      </c>
      <c r="B100" s="22">
        <v>26</v>
      </c>
      <c r="C100" s="14">
        <v>48</v>
      </c>
      <c r="D100" s="18">
        <v>74</v>
      </c>
    </row>
    <row r="101" spans="1:4" ht="18" customHeight="1" x14ac:dyDescent="0.15">
      <c r="A101" s="5">
        <v>79</v>
      </c>
      <c r="B101" s="22">
        <v>19</v>
      </c>
      <c r="C101" s="14">
        <v>25</v>
      </c>
      <c r="D101" s="18">
        <v>44</v>
      </c>
    </row>
    <row r="102" spans="1:4" ht="18" customHeight="1" x14ac:dyDescent="0.15">
      <c r="A102" s="5" t="s">
        <v>0</v>
      </c>
      <c r="B102" s="22">
        <v>145</v>
      </c>
      <c r="C102" s="14">
        <v>189</v>
      </c>
      <c r="D102" s="18">
        <v>334</v>
      </c>
    </row>
    <row r="103" spans="1:4" ht="18" customHeight="1" x14ac:dyDescent="0.15">
      <c r="A103" s="5">
        <v>80</v>
      </c>
      <c r="B103" s="22">
        <v>16</v>
      </c>
      <c r="C103" s="14">
        <v>23</v>
      </c>
      <c r="D103" s="18">
        <v>39</v>
      </c>
    </row>
    <row r="104" spans="1:4" ht="18" customHeight="1" x14ac:dyDescent="0.15">
      <c r="A104" s="5">
        <v>81</v>
      </c>
      <c r="B104" s="22">
        <v>11</v>
      </c>
      <c r="C104" s="14">
        <v>36</v>
      </c>
      <c r="D104" s="18">
        <v>47</v>
      </c>
    </row>
    <row r="105" spans="1:4" ht="18" customHeight="1" x14ac:dyDescent="0.15">
      <c r="A105" s="5">
        <v>82</v>
      </c>
      <c r="B105" s="22">
        <v>15</v>
      </c>
      <c r="C105" s="14">
        <v>21</v>
      </c>
      <c r="D105" s="18">
        <v>36</v>
      </c>
    </row>
    <row r="106" spans="1:4" ht="18" customHeight="1" x14ac:dyDescent="0.15">
      <c r="A106" s="5">
        <v>83</v>
      </c>
      <c r="B106" s="22">
        <v>23</v>
      </c>
      <c r="C106" s="14">
        <v>28</v>
      </c>
      <c r="D106" s="18">
        <v>51</v>
      </c>
    </row>
    <row r="107" spans="1:4" ht="18" customHeight="1" x14ac:dyDescent="0.15">
      <c r="A107" s="5">
        <v>84</v>
      </c>
      <c r="B107" s="22">
        <v>29</v>
      </c>
      <c r="C107" s="14">
        <v>30</v>
      </c>
      <c r="D107" s="18">
        <v>59</v>
      </c>
    </row>
    <row r="108" spans="1:4" ht="18" customHeight="1" x14ac:dyDescent="0.15">
      <c r="A108" s="5" t="s">
        <v>35</v>
      </c>
      <c r="B108" s="22">
        <v>94</v>
      </c>
      <c r="C108" s="14">
        <v>138</v>
      </c>
      <c r="D108" s="18">
        <v>232</v>
      </c>
    </row>
    <row r="109" spans="1:4" ht="18" customHeight="1" x14ac:dyDescent="0.15">
      <c r="A109" s="5">
        <v>85</v>
      </c>
      <c r="B109" s="22">
        <v>11</v>
      </c>
      <c r="C109" s="14">
        <v>17</v>
      </c>
      <c r="D109" s="18">
        <v>28</v>
      </c>
    </row>
    <row r="110" spans="1:4" ht="18" customHeight="1" x14ac:dyDescent="0.15">
      <c r="A110" s="5">
        <v>86</v>
      </c>
      <c r="B110" s="22">
        <v>6</v>
      </c>
      <c r="C110" s="14">
        <v>19</v>
      </c>
      <c r="D110" s="18">
        <v>25</v>
      </c>
    </row>
    <row r="111" spans="1:4" ht="18" customHeight="1" x14ac:dyDescent="0.15">
      <c r="A111" s="5">
        <v>87</v>
      </c>
      <c r="B111" s="22">
        <v>6</v>
      </c>
      <c r="C111" s="14">
        <v>13</v>
      </c>
      <c r="D111" s="18">
        <v>19</v>
      </c>
    </row>
    <row r="112" spans="1:4" ht="18" customHeight="1" x14ac:dyDescent="0.15">
      <c r="A112" s="5">
        <v>88</v>
      </c>
      <c r="B112" s="22">
        <v>13</v>
      </c>
      <c r="C112" s="14">
        <v>16</v>
      </c>
      <c r="D112" s="18">
        <v>29</v>
      </c>
    </row>
    <row r="113" spans="1:4" ht="18" customHeight="1" x14ac:dyDescent="0.15">
      <c r="A113" s="5">
        <v>89</v>
      </c>
      <c r="B113" s="22">
        <v>11</v>
      </c>
      <c r="C113" s="14">
        <v>12</v>
      </c>
      <c r="D113" s="18">
        <v>23</v>
      </c>
    </row>
    <row r="114" spans="1:4" ht="18" customHeight="1" x14ac:dyDescent="0.15">
      <c r="A114" s="5" t="s">
        <v>37</v>
      </c>
      <c r="B114" s="22">
        <v>47</v>
      </c>
      <c r="C114" s="14">
        <v>77</v>
      </c>
      <c r="D114" s="18">
        <v>124</v>
      </c>
    </row>
    <row r="115" spans="1:4" ht="18" customHeight="1" x14ac:dyDescent="0.15">
      <c r="A115" s="5">
        <v>90</v>
      </c>
      <c r="B115" s="22">
        <v>4</v>
      </c>
      <c r="C115" s="14">
        <v>6</v>
      </c>
      <c r="D115" s="18">
        <v>10</v>
      </c>
    </row>
    <row r="116" spans="1:4" ht="18" customHeight="1" x14ac:dyDescent="0.15">
      <c r="A116" s="5">
        <v>91</v>
      </c>
      <c r="B116" s="22">
        <v>6</v>
      </c>
      <c r="C116" s="14">
        <v>7</v>
      </c>
      <c r="D116" s="18">
        <v>13</v>
      </c>
    </row>
    <row r="117" spans="1:4" ht="18" customHeight="1" x14ac:dyDescent="0.15">
      <c r="A117" s="5">
        <v>92</v>
      </c>
      <c r="B117" s="22">
        <v>5</v>
      </c>
      <c r="C117" s="14">
        <v>10</v>
      </c>
      <c r="D117" s="18">
        <v>15</v>
      </c>
    </row>
    <row r="118" spans="1:4" ht="18" customHeight="1" x14ac:dyDescent="0.15">
      <c r="A118" s="5">
        <v>93</v>
      </c>
      <c r="B118" s="22">
        <v>2</v>
      </c>
      <c r="C118" s="14">
        <v>12</v>
      </c>
      <c r="D118" s="18">
        <v>14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19</v>
      </c>
      <c r="C120" s="14">
        <v>43</v>
      </c>
      <c r="D120" s="18">
        <v>62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2</v>
      </c>
      <c r="C122" s="14">
        <v>2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7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56</v>
      </c>
      <c r="C130" s="14">
        <v>727</v>
      </c>
      <c r="D130" s="18">
        <v>1283</v>
      </c>
    </row>
    <row r="131" spans="1:4" ht="18" customHeight="1" x14ac:dyDescent="0.15">
      <c r="A131" s="7" t="s">
        <v>45</v>
      </c>
      <c r="B131" s="23">
        <v>1871</v>
      </c>
      <c r="C131" s="15">
        <v>1985</v>
      </c>
      <c r="D131" s="19">
        <v>38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4</v>
      </c>
      <c r="D5" s="17">
        <v>10</v>
      </c>
    </row>
    <row r="6" spans="1:4" ht="18" customHeight="1" x14ac:dyDescent="0.15">
      <c r="A6" s="5">
        <v>1</v>
      </c>
      <c r="B6" s="22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2">
        <v>3</v>
      </c>
      <c r="C7" s="14">
        <v>5</v>
      </c>
      <c r="D7" s="18">
        <v>8</v>
      </c>
    </row>
    <row r="8" spans="1:4" ht="18" customHeight="1" x14ac:dyDescent="0.15">
      <c r="A8" s="5">
        <v>3</v>
      </c>
      <c r="B8" s="22">
        <v>5</v>
      </c>
      <c r="C8" s="14">
        <v>6</v>
      </c>
      <c r="D8" s="18">
        <v>11</v>
      </c>
    </row>
    <row r="9" spans="1:4" ht="18" customHeight="1" x14ac:dyDescent="0.15">
      <c r="A9" s="5">
        <v>4</v>
      </c>
      <c r="B9" s="22">
        <v>5</v>
      </c>
      <c r="C9" s="14">
        <v>7</v>
      </c>
      <c r="D9" s="18">
        <v>12</v>
      </c>
    </row>
    <row r="10" spans="1:4" ht="18" customHeight="1" x14ac:dyDescent="0.15">
      <c r="A10" s="5" t="s">
        <v>7</v>
      </c>
      <c r="B10" s="22">
        <v>23</v>
      </c>
      <c r="C10" s="14">
        <v>25</v>
      </c>
      <c r="D10" s="18">
        <v>48</v>
      </c>
    </row>
    <row r="11" spans="1:4" ht="18" customHeight="1" x14ac:dyDescent="0.15">
      <c r="A11" s="5">
        <v>5</v>
      </c>
      <c r="B11" s="22">
        <v>4</v>
      </c>
      <c r="C11" s="14">
        <v>4</v>
      </c>
      <c r="D11" s="18">
        <v>8</v>
      </c>
    </row>
    <row r="12" spans="1:4" ht="18" customHeight="1" x14ac:dyDescent="0.15">
      <c r="A12" s="5">
        <v>6</v>
      </c>
      <c r="B12" s="22">
        <v>6</v>
      </c>
      <c r="C12" s="14">
        <v>5</v>
      </c>
      <c r="D12" s="18">
        <v>11</v>
      </c>
    </row>
    <row r="13" spans="1:4" ht="18" customHeight="1" x14ac:dyDescent="0.15">
      <c r="A13" s="5">
        <v>7</v>
      </c>
      <c r="B13" s="22">
        <v>7</v>
      </c>
      <c r="C13" s="14">
        <v>7</v>
      </c>
      <c r="D13" s="18">
        <v>14</v>
      </c>
    </row>
    <row r="14" spans="1:4" ht="18" customHeight="1" x14ac:dyDescent="0.15">
      <c r="A14" s="5">
        <v>8</v>
      </c>
      <c r="B14" s="22">
        <v>6</v>
      </c>
      <c r="C14" s="14">
        <v>1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8</v>
      </c>
      <c r="D15" s="18">
        <v>14</v>
      </c>
    </row>
    <row r="16" spans="1:4" ht="18" customHeight="1" x14ac:dyDescent="0.15">
      <c r="A16" s="5" t="s">
        <v>11</v>
      </c>
      <c r="B16" s="22">
        <v>29</v>
      </c>
      <c r="C16" s="14">
        <v>25</v>
      </c>
      <c r="D16" s="18">
        <v>54</v>
      </c>
    </row>
    <row r="17" spans="1:4" ht="18" customHeight="1" x14ac:dyDescent="0.15">
      <c r="A17" s="5">
        <v>10</v>
      </c>
      <c r="B17" s="22">
        <v>3</v>
      </c>
      <c r="C17" s="14">
        <v>5</v>
      </c>
      <c r="D17" s="18">
        <v>8</v>
      </c>
    </row>
    <row r="18" spans="1:4" ht="18" customHeight="1" x14ac:dyDescent="0.15">
      <c r="A18" s="5">
        <v>11</v>
      </c>
      <c r="B18" s="22">
        <v>10</v>
      </c>
      <c r="C18" s="14">
        <v>3</v>
      </c>
      <c r="D18" s="18">
        <v>13</v>
      </c>
    </row>
    <row r="19" spans="1:4" ht="18" customHeight="1" x14ac:dyDescent="0.15">
      <c r="A19" s="5">
        <v>12</v>
      </c>
      <c r="B19" s="22">
        <v>8</v>
      </c>
      <c r="C19" s="14">
        <v>10</v>
      </c>
      <c r="D19" s="18">
        <v>18</v>
      </c>
    </row>
    <row r="20" spans="1:4" ht="18" customHeight="1" x14ac:dyDescent="0.15">
      <c r="A20" s="5">
        <v>13</v>
      </c>
      <c r="B20" s="22">
        <v>7</v>
      </c>
      <c r="C20" s="14">
        <v>7</v>
      </c>
      <c r="D20" s="18">
        <v>14</v>
      </c>
    </row>
    <row r="21" spans="1:4" ht="18" customHeight="1" x14ac:dyDescent="0.15">
      <c r="A21" s="5">
        <v>14</v>
      </c>
      <c r="B21" s="22">
        <v>6</v>
      </c>
      <c r="C21" s="14">
        <v>5</v>
      </c>
      <c r="D21" s="18">
        <v>11</v>
      </c>
    </row>
    <row r="22" spans="1:4" ht="18" customHeight="1" x14ac:dyDescent="0.15">
      <c r="A22" s="5" t="s">
        <v>12</v>
      </c>
      <c r="B22" s="22">
        <v>34</v>
      </c>
      <c r="C22" s="14">
        <v>30</v>
      </c>
      <c r="D22" s="18">
        <v>64</v>
      </c>
    </row>
    <row r="23" spans="1:4" ht="18" customHeight="1" x14ac:dyDescent="0.15">
      <c r="A23" s="5" t="s">
        <v>6</v>
      </c>
      <c r="B23" s="22">
        <v>86</v>
      </c>
      <c r="C23" s="14">
        <v>80</v>
      </c>
      <c r="D23" s="18">
        <v>166</v>
      </c>
    </row>
    <row r="24" spans="1:4" ht="18" customHeight="1" x14ac:dyDescent="0.15">
      <c r="A24" s="5">
        <v>15</v>
      </c>
      <c r="B24" s="22">
        <v>8</v>
      </c>
      <c r="C24" s="14">
        <v>6</v>
      </c>
      <c r="D24" s="18">
        <v>14</v>
      </c>
    </row>
    <row r="25" spans="1:4" ht="18" customHeight="1" x14ac:dyDescent="0.15">
      <c r="A25" s="5">
        <v>16</v>
      </c>
      <c r="B25" s="22">
        <v>6</v>
      </c>
      <c r="C25" s="14">
        <v>12</v>
      </c>
      <c r="D25" s="18">
        <v>18</v>
      </c>
    </row>
    <row r="26" spans="1:4" ht="18" customHeight="1" x14ac:dyDescent="0.15">
      <c r="A26" s="5">
        <v>17</v>
      </c>
      <c r="B26" s="22">
        <v>7</v>
      </c>
      <c r="C26" s="14">
        <v>5</v>
      </c>
      <c r="D26" s="18">
        <v>12</v>
      </c>
    </row>
    <row r="27" spans="1:4" ht="18" customHeight="1" x14ac:dyDescent="0.15">
      <c r="A27" s="5">
        <v>18</v>
      </c>
      <c r="B27" s="22">
        <v>7</v>
      </c>
      <c r="C27" s="14">
        <v>7</v>
      </c>
      <c r="D27" s="18">
        <v>14</v>
      </c>
    </row>
    <row r="28" spans="1:4" ht="18" customHeight="1" x14ac:dyDescent="0.15">
      <c r="A28" s="5">
        <v>19</v>
      </c>
      <c r="B28" s="22">
        <v>6</v>
      </c>
      <c r="C28" s="14">
        <v>7</v>
      </c>
      <c r="D28" s="18">
        <v>13</v>
      </c>
    </row>
    <row r="29" spans="1:4" ht="18" customHeight="1" x14ac:dyDescent="0.15">
      <c r="A29" s="5" t="s">
        <v>14</v>
      </c>
      <c r="B29" s="22">
        <v>34</v>
      </c>
      <c r="C29" s="14">
        <v>37</v>
      </c>
      <c r="D29" s="18">
        <v>71</v>
      </c>
    </row>
    <row r="30" spans="1:4" ht="18" customHeight="1" x14ac:dyDescent="0.15">
      <c r="A30" s="5">
        <v>20</v>
      </c>
      <c r="B30" s="22">
        <v>8</v>
      </c>
      <c r="C30" s="14">
        <v>4</v>
      </c>
      <c r="D30" s="18">
        <v>12</v>
      </c>
    </row>
    <row r="31" spans="1:4" ht="18" customHeight="1" x14ac:dyDescent="0.15">
      <c r="A31" s="5">
        <v>21</v>
      </c>
      <c r="B31" s="22">
        <v>9</v>
      </c>
      <c r="C31" s="14">
        <v>6</v>
      </c>
      <c r="D31" s="18">
        <v>15</v>
      </c>
    </row>
    <row r="32" spans="1:4" ht="18" customHeight="1" x14ac:dyDescent="0.15">
      <c r="A32" s="5">
        <v>22</v>
      </c>
      <c r="B32" s="22">
        <v>7</v>
      </c>
      <c r="C32" s="14">
        <v>9</v>
      </c>
      <c r="D32" s="18">
        <v>16</v>
      </c>
    </row>
    <row r="33" spans="1:4" ht="18" customHeight="1" x14ac:dyDescent="0.15">
      <c r="A33" s="5">
        <v>23</v>
      </c>
      <c r="B33" s="22">
        <v>11</v>
      </c>
      <c r="C33" s="14">
        <v>3</v>
      </c>
      <c r="D33" s="18">
        <v>14</v>
      </c>
    </row>
    <row r="34" spans="1:4" ht="18" customHeight="1" x14ac:dyDescent="0.15">
      <c r="A34" s="5">
        <v>24</v>
      </c>
      <c r="B34" s="22">
        <v>8</v>
      </c>
      <c r="C34" s="14">
        <v>7</v>
      </c>
      <c r="D34" s="18">
        <v>15</v>
      </c>
    </row>
    <row r="35" spans="1:4" ht="18" customHeight="1" x14ac:dyDescent="0.15">
      <c r="A35" s="5" t="s">
        <v>9</v>
      </c>
      <c r="B35" s="22">
        <v>43</v>
      </c>
      <c r="C35" s="14">
        <v>29</v>
      </c>
      <c r="D35" s="18">
        <v>72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14</v>
      </c>
      <c r="C37" s="14">
        <v>6</v>
      </c>
      <c r="D37" s="18">
        <v>20</v>
      </c>
    </row>
    <row r="38" spans="1:4" ht="18" customHeight="1" x14ac:dyDescent="0.15">
      <c r="A38" s="5">
        <v>27</v>
      </c>
      <c r="B38" s="22">
        <v>9</v>
      </c>
      <c r="C38" s="14">
        <v>7</v>
      </c>
      <c r="D38" s="18">
        <v>16</v>
      </c>
    </row>
    <row r="39" spans="1:4" ht="18" customHeight="1" x14ac:dyDescent="0.15">
      <c r="A39" s="5">
        <v>28</v>
      </c>
      <c r="B39" s="22">
        <v>7</v>
      </c>
      <c r="C39" s="14">
        <v>8</v>
      </c>
      <c r="D39" s="18">
        <v>15</v>
      </c>
    </row>
    <row r="40" spans="1:4" ht="18" customHeight="1" x14ac:dyDescent="0.15">
      <c r="A40" s="5">
        <v>29</v>
      </c>
      <c r="B40" s="22">
        <v>11</v>
      </c>
      <c r="C40" s="14">
        <v>4</v>
      </c>
      <c r="D40" s="18">
        <v>15</v>
      </c>
    </row>
    <row r="41" spans="1:4" ht="18" customHeight="1" x14ac:dyDescent="0.15">
      <c r="A41" s="5" t="s">
        <v>2</v>
      </c>
      <c r="B41" s="22">
        <v>45</v>
      </c>
      <c r="C41" s="14">
        <v>28</v>
      </c>
      <c r="D41" s="18">
        <v>73</v>
      </c>
    </row>
    <row r="42" spans="1:4" ht="18" customHeight="1" x14ac:dyDescent="0.15">
      <c r="A42" s="5">
        <v>30</v>
      </c>
      <c r="B42" s="22">
        <v>7</v>
      </c>
      <c r="C42" s="14">
        <v>7</v>
      </c>
      <c r="D42" s="18">
        <v>14</v>
      </c>
    </row>
    <row r="43" spans="1:4" ht="18" customHeight="1" x14ac:dyDescent="0.15">
      <c r="A43" s="5">
        <v>31</v>
      </c>
      <c r="B43" s="22">
        <v>11</v>
      </c>
      <c r="C43" s="14">
        <v>5</v>
      </c>
      <c r="D43" s="18">
        <v>16</v>
      </c>
    </row>
    <row r="44" spans="1:4" ht="18" customHeight="1" x14ac:dyDescent="0.15">
      <c r="A44" s="5">
        <v>32</v>
      </c>
      <c r="B44" s="22">
        <v>6</v>
      </c>
      <c r="C44" s="14">
        <v>9</v>
      </c>
      <c r="D44" s="18">
        <v>15</v>
      </c>
    </row>
    <row r="45" spans="1:4" ht="18" customHeight="1" x14ac:dyDescent="0.15">
      <c r="A45" s="5">
        <v>33</v>
      </c>
      <c r="B45" s="22">
        <v>10</v>
      </c>
      <c r="C45" s="14">
        <v>6</v>
      </c>
      <c r="D45" s="18">
        <v>16</v>
      </c>
    </row>
    <row r="46" spans="1:4" ht="18" customHeight="1" x14ac:dyDescent="0.15">
      <c r="A46" s="5">
        <v>34</v>
      </c>
      <c r="B46" s="22">
        <v>5</v>
      </c>
      <c r="C46" s="14">
        <v>2</v>
      </c>
      <c r="D46" s="18">
        <v>7</v>
      </c>
    </row>
    <row r="47" spans="1:4" ht="18" customHeight="1" x14ac:dyDescent="0.15">
      <c r="A47" s="5" t="s">
        <v>15</v>
      </c>
      <c r="B47" s="22">
        <v>39</v>
      </c>
      <c r="C47" s="14">
        <v>29</v>
      </c>
      <c r="D47" s="18">
        <v>68</v>
      </c>
    </row>
    <row r="48" spans="1:4" ht="18" customHeight="1" x14ac:dyDescent="0.15">
      <c r="A48" s="5">
        <v>35</v>
      </c>
      <c r="B48" s="22">
        <v>15</v>
      </c>
      <c r="C48" s="14">
        <v>4</v>
      </c>
      <c r="D48" s="18">
        <v>19</v>
      </c>
    </row>
    <row r="49" spans="1:4" ht="18" customHeight="1" x14ac:dyDescent="0.15">
      <c r="A49" s="5">
        <v>36</v>
      </c>
      <c r="B49" s="22">
        <v>9</v>
      </c>
      <c r="C49" s="14">
        <v>6</v>
      </c>
      <c r="D49" s="18">
        <v>15</v>
      </c>
    </row>
    <row r="50" spans="1:4" ht="18" customHeight="1" x14ac:dyDescent="0.15">
      <c r="A50" s="5">
        <v>37</v>
      </c>
      <c r="B50" s="22">
        <v>9</v>
      </c>
      <c r="C50" s="14">
        <v>3</v>
      </c>
      <c r="D50" s="18">
        <v>12</v>
      </c>
    </row>
    <row r="51" spans="1:4" ht="18" customHeight="1" x14ac:dyDescent="0.15">
      <c r="A51" s="5">
        <v>38</v>
      </c>
      <c r="B51" s="22">
        <v>9</v>
      </c>
      <c r="C51" s="14">
        <v>10</v>
      </c>
      <c r="D51" s="18">
        <v>19</v>
      </c>
    </row>
    <row r="52" spans="1:4" ht="18" customHeight="1" x14ac:dyDescent="0.15">
      <c r="A52" s="5">
        <v>39</v>
      </c>
      <c r="B52" s="22">
        <v>7</v>
      </c>
      <c r="C52" s="14">
        <v>7</v>
      </c>
      <c r="D52" s="18">
        <v>14</v>
      </c>
    </row>
    <row r="53" spans="1:4" ht="18" customHeight="1" x14ac:dyDescent="0.15">
      <c r="A53" s="5" t="s">
        <v>18</v>
      </c>
      <c r="B53" s="22">
        <v>49</v>
      </c>
      <c r="C53" s="14">
        <v>30</v>
      </c>
      <c r="D53" s="18">
        <v>79</v>
      </c>
    </row>
    <row r="54" spans="1:4" ht="18" customHeight="1" x14ac:dyDescent="0.15">
      <c r="A54" s="5">
        <v>40</v>
      </c>
      <c r="B54" s="22">
        <v>11</v>
      </c>
      <c r="C54" s="14">
        <v>3</v>
      </c>
      <c r="D54" s="18">
        <v>14</v>
      </c>
    </row>
    <row r="55" spans="1:4" ht="18" customHeight="1" x14ac:dyDescent="0.15">
      <c r="A55" s="5">
        <v>41</v>
      </c>
      <c r="B55" s="22">
        <v>11</v>
      </c>
      <c r="C55" s="14">
        <v>8</v>
      </c>
      <c r="D55" s="18">
        <v>19</v>
      </c>
    </row>
    <row r="56" spans="1:4" ht="18" customHeight="1" x14ac:dyDescent="0.15">
      <c r="A56" s="5">
        <v>42</v>
      </c>
      <c r="B56" s="22">
        <v>10</v>
      </c>
      <c r="C56" s="14">
        <v>6</v>
      </c>
      <c r="D56" s="18">
        <v>16</v>
      </c>
    </row>
    <row r="57" spans="1:4" ht="18" customHeight="1" x14ac:dyDescent="0.15">
      <c r="A57" s="5">
        <v>43</v>
      </c>
      <c r="B57" s="22">
        <v>13</v>
      </c>
      <c r="C57" s="14">
        <v>2</v>
      </c>
      <c r="D57" s="18">
        <v>15</v>
      </c>
    </row>
    <row r="58" spans="1:4" ht="18" customHeight="1" x14ac:dyDescent="0.15">
      <c r="A58" s="5">
        <v>44</v>
      </c>
      <c r="B58" s="22">
        <v>10</v>
      </c>
      <c r="C58" s="14">
        <v>14</v>
      </c>
      <c r="D58" s="18">
        <v>24</v>
      </c>
    </row>
    <row r="59" spans="1:4" ht="18" customHeight="1" x14ac:dyDescent="0.15">
      <c r="A59" s="5" t="s">
        <v>21</v>
      </c>
      <c r="B59" s="22">
        <v>55</v>
      </c>
      <c r="C59" s="14">
        <v>33</v>
      </c>
      <c r="D59" s="18">
        <v>88</v>
      </c>
    </row>
    <row r="60" spans="1:4" ht="18" customHeight="1" x14ac:dyDescent="0.15">
      <c r="A60" s="5">
        <v>45</v>
      </c>
      <c r="B60" s="22">
        <v>9</v>
      </c>
      <c r="C60" s="14">
        <v>9</v>
      </c>
      <c r="D60" s="18">
        <v>18</v>
      </c>
    </row>
    <row r="61" spans="1:4" ht="18" customHeight="1" x14ac:dyDescent="0.15">
      <c r="A61" s="5">
        <v>46</v>
      </c>
      <c r="B61" s="22">
        <v>6</v>
      </c>
      <c r="C61" s="14">
        <v>9</v>
      </c>
      <c r="D61" s="18">
        <v>15</v>
      </c>
    </row>
    <row r="62" spans="1:4" ht="18" customHeight="1" x14ac:dyDescent="0.15">
      <c r="A62" s="5">
        <v>47</v>
      </c>
      <c r="B62" s="22">
        <v>7</v>
      </c>
      <c r="C62" s="14">
        <v>9</v>
      </c>
      <c r="D62" s="18">
        <v>16</v>
      </c>
    </row>
    <row r="63" spans="1:4" ht="18" customHeight="1" x14ac:dyDescent="0.15">
      <c r="A63" s="5">
        <v>48</v>
      </c>
      <c r="B63" s="22">
        <v>17</v>
      </c>
      <c r="C63" s="14">
        <v>6</v>
      </c>
      <c r="D63" s="18">
        <v>23</v>
      </c>
    </row>
    <row r="64" spans="1:4" ht="18" customHeight="1" x14ac:dyDescent="0.15">
      <c r="A64" s="5">
        <v>49</v>
      </c>
      <c r="B64" s="22">
        <v>12</v>
      </c>
      <c r="C64" s="14">
        <v>18</v>
      </c>
      <c r="D64" s="18">
        <v>30</v>
      </c>
    </row>
    <row r="65" spans="1:4" ht="18" customHeight="1" x14ac:dyDescent="0.15">
      <c r="A65" s="5" t="s">
        <v>17</v>
      </c>
      <c r="B65" s="22">
        <v>51</v>
      </c>
      <c r="C65" s="14">
        <v>51</v>
      </c>
      <c r="D65" s="18">
        <v>102</v>
      </c>
    </row>
    <row r="66" spans="1:4" ht="18" customHeight="1" x14ac:dyDescent="0.15">
      <c r="A66" s="5">
        <v>50</v>
      </c>
      <c r="B66" s="22">
        <v>12</v>
      </c>
      <c r="C66" s="14">
        <v>9</v>
      </c>
      <c r="D66" s="18">
        <v>21</v>
      </c>
    </row>
    <row r="67" spans="1:4" ht="18" customHeight="1" x14ac:dyDescent="0.15">
      <c r="A67" s="5">
        <v>51</v>
      </c>
      <c r="B67" s="22">
        <v>6</v>
      </c>
      <c r="C67" s="14">
        <v>9</v>
      </c>
      <c r="D67" s="18">
        <v>15</v>
      </c>
    </row>
    <row r="68" spans="1:4" ht="18" customHeight="1" x14ac:dyDescent="0.15">
      <c r="A68" s="5">
        <v>52</v>
      </c>
      <c r="B68" s="22">
        <v>15</v>
      </c>
      <c r="C68" s="14">
        <v>14</v>
      </c>
      <c r="D68" s="18">
        <v>29</v>
      </c>
    </row>
    <row r="69" spans="1:4" ht="18" customHeight="1" x14ac:dyDescent="0.15">
      <c r="A69" s="5">
        <v>53</v>
      </c>
      <c r="B69" s="22">
        <v>12</v>
      </c>
      <c r="C69" s="14">
        <v>14</v>
      </c>
      <c r="D69" s="18">
        <v>26</v>
      </c>
    </row>
    <row r="70" spans="1:4" ht="18" customHeight="1" x14ac:dyDescent="0.15">
      <c r="A70" s="5">
        <v>54</v>
      </c>
      <c r="B70" s="22">
        <v>10</v>
      </c>
      <c r="C70" s="14">
        <v>14</v>
      </c>
      <c r="D70" s="18">
        <v>24</v>
      </c>
    </row>
    <row r="71" spans="1:4" ht="18" customHeight="1" x14ac:dyDescent="0.15">
      <c r="A71" s="5" t="s">
        <v>22</v>
      </c>
      <c r="B71" s="22">
        <v>55</v>
      </c>
      <c r="C71" s="14">
        <v>60</v>
      </c>
      <c r="D71" s="18">
        <v>115</v>
      </c>
    </row>
    <row r="72" spans="1:4" ht="18" customHeight="1" x14ac:dyDescent="0.15">
      <c r="A72" s="5">
        <v>55</v>
      </c>
      <c r="B72" s="22">
        <v>14</v>
      </c>
      <c r="C72" s="14">
        <v>8</v>
      </c>
      <c r="D72" s="18">
        <v>22</v>
      </c>
    </row>
    <row r="73" spans="1:4" ht="18" customHeight="1" x14ac:dyDescent="0.15">
      <c r="A73" s="5">
        <v>56</v>
      </c>
      <c r="B73" s="22">
        <v>9</v>
      </c>
      <c r="C73" s="14">
        <v>11</v>
      </c>
      <c r="D73" s="18">
        <v>20</v>
      </c>
    </row>
    <row r="74" spans="1:4" ht="18" customHeight="1" x14ac:dyDescent="0.15">
      <c r="A74" s="5">
        <v>57</v>
      </c>
      <c r="B74" s="22">
        <v>11</v>
      </c>
      <c r="C74" s="14">
        <v>7</v>
      </c>
      <c r="D74" s="18">
        <v>18</v>
      </c>
    </row>
    <row r="75" spans="1:4" ht="18" customHeight="1" x14ac:dyDescent="0.15">
      <c r="A75" s="5">
        <v>58</v>
      </c>
      <c r="B75" s="22">
        <v>12</v>
      </c>
      <c r="C75" s="14">
        <v>14</v>
      </c>
      <c r="D75" s="18">
        <v>26</v>
      </c>
    </row>
    <row r="76" spans="1:4" ht="18" customHeight="1" x14ac:dyDescent="0.15">
      <c r="A76" s="5">
        <v>59</v>
      </c>
      <c r="B76" s="22">
        <v>10</v>
      </c>
      <c r="C76" s="14">
        <v>7</v>
      </c>
      <c r="D76" s="18">
        <v>17</v>
      </c>
    </row>
    <row r="77" spans="1:4" ht="18" customHeight="1" x14ac:dyDescent="0.15">
      <c r="A77" s="5" t="s">
        <v>27</v>
      </c>
      <c r="B77" s="22">
        <v>56</v>
      </c>
      <c r="C77" s="14">
        <v>47</v>
      </c>
      <c r="D77" s="18">
        <v>103</v>
      </c>
    </row>
    <row r="78" spans="1:4" ht="18" customHeight="1" x14ac:dyDescent="0.15">
      <c r="A78" s="5">
        <v>60</v>
      </c>
      <c r="B78" s="22">
        <v>9</v>
      </c>
      <c r="C78" s="14">
        <v>7</v>
      </c>
      <c r="D78" s="18">
        <v>16</v>
      </c>
    </row>
    <row r="79" spans="1:4" ht="18" customHeight="1" x14ac:dyDescent="0.15">
      <c r="A79" s="5">
        <v>61</v>
      </c>
      <c r="B79" s="22">
        <v>10</v>
      </c>
      <c r="C79" s="14">
        <v>11</v>
      </c>
      <c r="D79" s="18">
        <v>21</v>
      </c>
    </row>
    <row r="80" spans="1:4" ht="18" customHeight="1" x14ac:dyDescent="0.15">
      <c r="A80" s="5">
        <v>62</v>
      </c>
      <c r="B80" s="22">
        <v>17</v>
      </c>
      <c r="C80" s="14">
        <v>11</v>
      </c>
      <c r="D80" s="18">
        <v>28</v>
      </c>
    </row>
    <row r="81" spans="1:4" ht="18" customHeight="1" x14ac:dyDescent="0.15">
      <c r="A81" s="5">
        <v>63</v>
      </c>
      <c r="B81" s="22">
        <v>6</v>
      </c>
      <c r="C81" s="14">
        <v>13</v>
      </c>
      <c r="D81" s="18">
        <v>19</v>
      </c>
    </row>
    <row r="82" spans="1:4" ht="18" customHeight="1" x14ac:dyDescent="0.15">
      <c r="A82" s="5">
        <v>64</v>
      </c>
      <c r="B82" s="22">
        <v>9</v>
      </c>
      <c r="C82" s="14">
        <v>6</v>
      </c>
      <c r="D82" s="18">
        <v>15</v>
      </c>
    </row>
    <row r="83" spans="1:4" ht="18" customHeight="1" x14ac:dyDescent="0.15">
      <c r="A83" s="5" t="s">
        <v>28</v>
      </c>
      <c r="B83" s="22">
        <v>51</v>
      </c>
      <c r="C83" s="14">
        <v>48</v>
      </c>
      <c r="D83" s="18">
        <v>99</v>
      </c>
    </row>
    <row r="84" spans="1:4" ht="18" customHeight="1" x14ac:dyDescent="0.15">
      <c r="A84" s="5" t="s">
        <v>31</v>
      </c>
      <c r="B84" s="22">
        <v>478</v>
      </c>
      <c r="C84" s="14">
        <v>392</v>
      </c>
      <c r="D84" s="18">
        <v>870</v>
      </c>
    </row>
    <row r="85" spans="1:4" ht="18" customHeight="1" x14ac:dyDescent="0.15">
      <c r="A85" s="5">
        <v>65</v>
      </c>
      <c r="B85" s="22">
        <v>9</v>
      </c>
      <c r="C85" s="14">
        <v>12</v>
      </c>
      <c r="D85" s="18">
        <v>21</v>
      </c>
    </row>
    <row r="86" spans="1:4" ht="18" customHeight="1" x14ac:dyDescent="0.15">
      <c r="A86" s="5">
        <v>66</v>
      </c>
      <c r="B86" s="22">
        <v>14</v>
      </c>
      <c r="C86" s="14">
        <v>10</v>
      </c>
      <c r="D86" s="18">
        <v>24</v>
      </c>
    </row>
    <row r="87" spans="1:4" ht="18" customHeight="1" x14ac:dyDescent="0.15">
      <c r="A87" s="5">
        <v>67</v>
      </c>
      <c r="B87" s="22">
        <v>9</v>
      </c>
      <c r="C87" s="14">
        <v>10</v>
      </c>
      <c r="D87" s="18">
        <v>19</v>
      </c>
    </row>
    <row r="88" spans="1:4" ht="18" customHeight="1" x14ac:dyDescent="0.15">
      <c r="A88" s="5">
        <v>68</v>
      </c>
      <c r="B88" s="22">
        <v>10</v>
      </c>
      <c r="C88" s="14">
        <v>15</v>
      </c>
      <c r="D88" s="18">
        <v>25</v>
      </c>
    </row>
    <row r="89" spans="1:4" ht="18" customHeight="1" x14ac:dyDescent="0.15">
      <c r="A89" s="5">
        <v>69</v>
      </c>
      <c r="B89" s="22">
        <v>10</v>
      </c>
      <c r="C89" s="14">
        <v>10</v>
      </c>
      <c r="D89" s="18">
        <v>20</v>
      </c>
    </row>
    <row r="90" spans="1:4" ht="18" customHeight="1" x14ac:dyDescent="0.15">
      <c r="A90" s="5" t="s">
        <v>20</v>
      </c>
      <c r="B90" s="22">
        <v>52</v>
      </c>
      <c r="C90" s="14">
        <v>57</v>
      </c>
      <c r="D90" s="18">
        <v>109</v>
      </c>
    </row>
    <row r="91" spans="1:4" ht="18" customHeight="1" x14ac:dyDescent="0.15">
      <c r="A91" s="5">
        <v>70</v>
      </c>
      <c r="B91" s="22">
        <v>9</v>
      </c>
      <c r="C91" s="14">
        <v>10</v>
      </c>
      <c r="D91" s="18">
        <v>19</v>
      </c>
    </row>
    <row r="92" spans="1:4" ht="18" customHeight="1" x14ac:dyDescent="0.15">
      <c r="A92" s="5">
        <v>71</v>
      </c>
      <c r="B92" s="22">
        <v>7</v>
      </c>
      <c r="C92" s="14">
        <v>7</v>
      </c>
      <c r="D92" s="18">
        <v>14</v>
      </c>
    </row>
    <row r="93" spans="1:4" ht="18" customHeight="1" x14ac:dyDescent="0.15">
      <c r="A93" s="5">
        <v>72</v>
      </c>
      <c r="B93" s="22">
        <v>10</v>
      </c>
      <c r="C93" s="14">
        <v>11</v>
      </c>
      <c r="D93" s="18">
        <v>21</v>
      </c>
    </row>
    <row r="94" spans="1:4" ht="18" customHeight="1" x14ac:dyDescent="0.15">
      <c r="A94" s="5">
        <v>73</v>
      </c>
      <c r="B94" s="22">
        <v>16</v>
      </c>
      <c r="C94" s="14">
        <v>9</v>
      </c>
      <c r="D94" s="18">
        <v>25</v>
      </c>
    </row>
    <row r="95" spans="1:4" ht="18" customHeight="1" x14ac:dyDescent="0.15">
      <c r="A95" s="5">
        <v>74</v>
      </c>
      <c r="B95" s="22">
        <v>7</v>
      </c>
      <c r="C95" s="14">
        <v>14</v>
      </c>
      <c r="D95" s="18">
        <v>21</v>
      </c>
    </row>
    <row r="96" spans="1:4" ht="18" customHeight="1" x14ac:dyDescent="0.15">
      <c r="A96" s="5" t="s">
        <v>33</v>
      </c>
      <c r="B96" s="22">
        <v>49</v>
      </c>
      <c r="C96" s="14">
        <v>51</v>
      </c>
      <c r="D96" s="18">
        <v>100</v>
      </c>
    </row>
    <row r="97" spans="1:4" ht="18" customHeight="1" x14ac:dyDescent="0.15">
      <c r="A97" s="5">
        <v>75</v>
      </c>
      <c r="B97" s="22">
        <v>5</v>
      </c>
      <c r="C97" s="14">
        <v>16</v>
      </c>
      <c r="D97" s="18">
        <v>21</v>
      </c>
    </row>
    <row r="98" spans="1:4" ht="18" customHeight="1" x14ac:dyDescent="0.15">
      <c r="A98" s="5">
        <v>76</v>
      </c>
      <c r="B98" s="22">
        <v>17</v>
      </c>
      <c r="C98" s="14">
        <v>12</v>
      </c>
      <c r="D98" s="18">
        <v>29</v>
      </c>
    </row>
    <row r="99" spans="1:4" ht="18" customHeight="1" x14ac:dyDescent="0.15">
      <c r="A99" s="5">
        <v>77</v>
      </c>
      <c r="B99" s="22">
        <v>15</v>
      </c>
      <c r="C99" s="14">
        <v>18</v>
      </c>
      <c r="D99" s="18">
        <v>33</v>
      </c>
    </row>
    <row r="100" spans="1:4" ht="18" customHeight="1" x14ac:dyDescent="0.15">
      <c r="A100" s="5">
        <v>78</v>
      </c>
      <c r="B100" s="22">
        <v>14</v>
      </c>
      <c r="C100" s="14">
        <v>12</v>
      </c>
      <c r="D100" s="18">
        <v>26</v>
      </c>
    </row>
    <row r="101" spans="1:4" ht="18" customHeight="1" x14ac:dyDescent="0.15">
      <c r="A101" s="5">
        <v>79</v>
      </c>
      <c r="B101" s="22">
        <v>8</v>
      </c>
      <c r="C101" s="14">
        <v>14</v>
      </c>
      <c r="D101" s="18">
        <v>22</v>
      </c>
    </row>
    <row r="102" spans="1:4" ht="18" customHeight="1" x14ac:dyDescent="0.15">
      <c r="A102" s="5" t="s">
        <v>0</v>
      </c>
      <c r="B102" s="22">
        <v>59</v>
      </c>
      <c r="C102" s="14">
        <v>72</v>
      </c>
      <c r="D102" s="18">
        <v>131</v>
      </c>
    </row>
    <row r="103" spans="1:4" ht="18" customHeight="1" x14ac:dyDescent="0.15">
      <c r="A103" s="5">
        <v>80</v>
      </c>
      <c r="B103" s="22">
        <v>6</v>
      </c>
      <c r="C103" s="14">
        <v>9</v>
      </c>
      <c r="D103" s="18">
        <v>15</v>
      </c>
    </row>
    <row r="104" spans="1:4" ht="18" customHeight="1" x14ac:dyDescent="0.15">
      <c r="A104" s="5">
        <v>81</v>
      </c>
      <c r="B104" s="22">
        <v>11</v>
      </c>
      <c r="C104" s="14">
        <v>6</v>
      </c>
      <c r="D104" s="18">
        <v>17</v>
      </c>
    </row>
    <row r="105" spans="1:4" ht="18" customHeight="1" x14ac:dyDescent="0.15">
      <c r="A105" s="5">
        <v>82</v>
      </c>
      <c r="B105" s="22">
        <v>4</v>
      </c>
      <c r="C105" s="14">
        <v>9</v>
      </c>
      <c r="D105" s="18">
        <v>13</v>
      </c>
    </row>
    <row r="106" spans="1:4" ht="18" customHeight="1" x14ac:dyDescent="0.15">
      <c r="A106" s="5">
        <v>83</v>
      </c>
      <c r="B106" s="22">
        <v>11</v>
      </c>
      <c r="C106" s="14">
        <v>9</v>
      </c>
      <c r="D106" s="18">
        <v>20</v>
      </c>
    </row>
    <row r="107" spans="1:4" ht="18" customHeight="1" x14ac:dyDescent="0.15">
      <c r="A107" s="5">
        <v>84</v>
      </c>
      <c r="B107" s="22">
        <v>6</v>
      </c>
      <c r="C107" s="14">
        <v>14</v>
      </c>
      <c r="D107" s="18">
        <v>20</v>
      </c>
    </row>
    <row r="108" spans="1:4" ht="18" customHeight="1" x14ac:dyDescent="0.15">
      <c r="A108" s="5" t="s">
        <v>35</v>
      </c>
      <c r="B108" s="22">
        <v>38</v>
      </c>
      <c r="C108" s="14">
        <v>47</v>
      </c>
      <c r="D108" s="18">
        <v>85</v>
      </c>
    </row>
    <row r="109" spans="1:4" ht="18" customHeight="1" x14ac:dyDescent="0.15">
      <c r="A109" s="5">
        <v>85</v>
      </c>
      <c r="B109" s="22">
        <v>4</v>
      </c>
      <c r="C109" s="14">
        <v>10</v>
      </c>
      <c r="D109" s="18">
        <v>14</v>
      </c>
    </row>
    <row r="110" spans="1:4" ht="18" customHeight="1" x14ac:dyDescent="0.15">
      <c r="A110" s="5">
        <v>86</v>
      </c>
      <c r="B110" s="22">
        <v>3</v>
      </c>
      <c r="C110" s="14">
        <v>11</v>
      </c>
      <c r="D110" s="18">
        <v>14</v>
      </c>
    </row>
    <row r="111" spans="1:4" ht="18" customHeight="1" x14ac:dyDescent="0.15">
      <c r="A111" s="5">
        <v>87</v>
      </c>
      <c r="B111" s="22">
        <v>3</v>
      </c>
      <c r="C111" s="14">
        <v>8</v>
      </c>
      <c r="D111" s="18">
        <v>11</v>
      </c>
    </row>
    <row r="112" spans="1:4" ht="18" customHeight="1" x14ac:dyDescent="0.15">
      <c r="A112" s="5">
        <v>88</v>
      </c>
      <c r="B112" s="22">
        <v>4</v>
      </c>
      <c r="C112" s="14">
        <v>11</v>
      </c>
      <c r="D112" s="18">
        <v>15</v>
      </c>
    </row>
    <row r="113" spans="1:4" ht="18" customHeight="1" x14ac:dyDescent="0.15">
      <c r="A113" s="5">
        <v>89</v>
      </c>
      <c r="B113" s="22">
        <v>5</v>
      </c>
      <c r="C113" s="14">
        <v>10</v>
      </c>
      <c r="D113" s="18">
        <v>15</v>
      </c>
    </row>
    <row r="114" spans="1:4" ht="18" customHeight="1" x14ac:dyDescent="0.15">
      <c r="A114" s="5" t="s">
        <v>37</v>
      </c>
      <c r="B114" s="22">
        <v>19</v>
      </c>
      <c r="C114" s="14">
        <v>50</v>
      </c>
      <c r="D114" s="18">
        <v>69</v>
      </c>
    </row>
    <row r="115" spans="1:4" ht="18" customHeight="1" x14ac:dyDescent="0.15">
      <c r="A115" s="5">
        <v>90</v>
      </c>
      <c r="B115" s="22">
        <v>2</v>
      </c>
      <c r="C115" s="14">
        <v>10</v>
      </c>
      <c r="D115" s="18">
        <v>12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4</v>
      </c>
      <c r="C120" s="14">
        <v>26</v>
      </c>
      <c r="D120" s="18">
        <v>30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6</v>
      </c>
      <c r="D126" s="18">
        <v>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3</v>
      </c>
      <c r="C130" s="14">
        <v>311</v>
      </c>
      <c r="D130" s="18">
        <v>534</v>
      </c>
    </row>
    <row r="131" spans="1:4" ht="18" customHeight="1" x14ac:dyDescent="0.15">
      <c r="A131" s="7" t="s">
        <v>45</v>
      </c>
      <c r="B131" s="23">
        <v>787</v>
      </c>
      <c r="C131" s="15">
        <v>783</v>
      </c>
      <c r="D131" s="19">
        <v>157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0</v>
      </c>
      <c r="D5" s="17">
        <v>2</v>
      </c>
    </row>
    <row r="6" spans="1:4" ht="18" customHeight="1" x14ac:dyDescent="0.15">
      <c r="A6" s="5">
        <v>1</v>
      </c>
      <c r="B6" s="22">
        <v>3</v>
      </c>
      <c r="C6" s="14">
        <v>4</v>
      </c>
      <c r="D6" s="18">
        <v>7</v>
      </c>
    </row>
    <row r="7" spans="1:4" ht="18" customHeight="1" x14ac:dyDescent="0.15">
      <c r="A7" s="5">
        <v>2</v>
      </c>
      <c r="B7" s="22">
        <v>3</v>
      </c>
      <c r="C7" s="14">
        <v>3</v>
      </c>
      <c r="D7" s="18">
        <v>6</v>
      </c>
    </row>
    <row r="8" spans="1:4" ht="18" customHeight="1" x14ac:dyDescent="0.15">
      <c r="A8" s="5">
        <v>3</v>
      </c>
      <c r="B8" s="22">
        <v>3</v>
      </c>
      <c r="C8" s="14">
        <v>1</v>
      </c>
      <c r="D8" s="18">
        <v>4</v>
      </c>
    </row>
    <row r="9" spans="1:4" ht="18" customHeight="1" x14ac:dyDescent="0.15">
      <c r="A9" s="5">
        <v>4</v>
      </c>
      <c r="B9" s="22">
        <v>1</v>
      </c>
      <c r="C9" s="14">
        <v>4</v>
      </c>
      <c r="D9" s="18">
        <v>5</v>
      </c>
    </row>
    <row r="10" spans="1:4" ht="18" customHeight="1" x14ac:dyDescent="0.15">
      <c r="A10" s="5" t="s">
        <v>7</v>
      </c>
      <c r="B10" s="22">
        <v>12</v>
      </c>
      <c r="C10" s="14">
        <v>12</v>
      </c>
      <c r="D10" s="18">
        <v>24</v>
      </c>
    </row>
    <row r="11" spans="1:4" ht="18" customHeight="1" x14ac:dyDescent="0.15">
      <c r="A11" s="5">
        <v>5</v>
      </c>
      <c r="B11" s="22">
        <v>3</v>
      </c>
      <c r="C11" s="14">
        <v>2</v>
      </c>
      <c r="D11" s="18">
        <v>5</v>
      </c>
    </row>
    <row r="12" spans="1:4" ht="18" customHeight="1" x14ac:dyDescent="0.15">
      <c r="A12" s="5">
        <v>6</v>
      </c>
      <c r="B12" s="22">
        <v>3</v>
      </c>
      <c r="C12" s="14">
        <v>5</v>
      </c>
      <c r="D12" s="18">
        <v>8</v>
      </c>
    </row>
    <row r="13" spans="1:4" ht="18" customHeight="1" x14ac:dyDescent="0.15">
      <c r="A13" s="5">
        <v>7</v>
      </c>
      <c r="B13" s="22">
        <v>2</v>
      </c>
      <c r="C13" s="14">
        <v>7</v>
      </c>
      <c r="D13" s="18">
        <v>9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4</v>
      </c>
      <c r="C15" s="14">
        <v>5</v>
      </c>
      <c r="D15" s="18">
        <v>9</v>
      </c>
    </row>
    <row r="16" spans="1:4" ht="18" customHeight="1" x14ac:dyDescent="0.15">
      <c r="A16" s="5" t="s">
        <v>11</v>
      </c>
      <c r="B16" s="22">
        <v>20</v>
      </c>
      <c r="C16" s="14">
        <v>24</v>
      </c>
      <c r="D16" s="18">
        <v>44</v>
      </c>
    </row>
    <row r="17" spans="1:4" ht="18" customHeight="1" x14ac:dyDescent="0.15">
      <c r="A17" s="5">
        <v>10</v>
      </c>
      <c r="B17" s="22">
        <v>4</v>
      </c>
      <c r="C17" s="14">
        <v>6</v>
      </c>
      <c r="D17" s="18">
        <v>10</v>
      </c>
    </row>
    <row r="18" spans="1:4" ht="18" customHeight="1" x14ac:dyDescent="0.15">
      <c r="A18" s="5">
        <v>11</v>
      </c>
      <c r="B18" s="22">
        <v>2</v>
      </c>
      <c r="C18" s="14">
        <v>2</v>
      </c>
      <c r="D18" s="18">
        <v>4</v>
      </c>
    </row>
    <row r="19" spans="1:4" ht="18" customHeight="1" x14ac:dyDescent="0.15">
      <c r="A19" s="5">
        <v>12</v>
      </c>
      <c r="B19" s="22">
        <v>5</v>
      </c>
      <c r="C19" s="14">
        <v>3</v>
      </c>
      <c r="D19" s="18">
        <v>8</v>
      </c>
    </row>
    <row r="20" spans="1:4" ht="18" customHeight="1" x14ac:dyDescent="0.15">
      <c r="A20" s="5">
        <v>13</v>
      </c>
      <c r="B20" s="22">
        <v>2</v>
      </c>
      <c r="C20" s="14">
        <v>5</v>
      </c>
      <c r="D20" s="18">
        <v>7</v>
      </c>
    </row>
    <row r="21" spans="1:4" ht="18" customHeight="1" x14ac:dyDescent="0.15">
      <c r="A21" s="5">
        <v>14</v>
      </c>
      <c r="B21" s="22">
        <v>3</v>
      </c>
      <c r="C21" s="14">
        <v>3</v>
      </c>
      <c r="D21" s="18">
        <v>6</v>
      </c>
    </row>
    <row r="22" spans="1:4" ht="18" customHeight="1" x14ac:dyDescent="0.15">
      <c r="A22" s="5" t="s">
        <v>12</v>
      </c>
      <c r="B22" s="22">
        <v>16</v>
      </c>
      <c r="C22" s="14">
        <v>19</v>
      </c>
      <c r="D22" s="18">
        <v>35</v>
      </c>
    </row>
    <row r="23" spans="1:4" ht="18" customHeight="1" x14ac:dyDescent="0.15">
      <c r="A23" s="5" t="s">
        <v>6</v>
      </c>
      <c r="B23" s="22">
        <v>48</v>
      </c>
      <c r="C23" s="14">
        <v>55</v>
      </c>
      <c r="D23" s="18">
        <v>103</v>
      </c>
    </row>
    <row r="24" spans="1:4" ht="18" customHeight="1" x14ac:dyDescent="0.15">
      <c r="A24" s="5">
        <v>15</v>
      </c>
      <c r="B24" s="22">
        <v>2</v>
      </c>
      <c r="C24" s="14">
        <v>3</v>
      </c>
      <c r="D24" s="18">
        <v>5</v>
      </c>
    </row>
    <row r="25" spans="1:4" ht="18" customHeight="1" x14ac:dyDescent="0.15">
      <c r="A25" s="5">
        <v>16</v>
      </c>
      <c r="B25" s="22">
        <v>3</v>
      </c>
      <c r="C25" s="14">
        <v>3</v>
      </c>
      <c r="D25" s="18">
        <v>6</v>
      </c>
    </row>
    <row r="26" spans="1:4" ht="18" customHeight="1" x14ac:dyDescent="0.15">
      <c r="A26" s="5">
        <v>17</v>
      </c>
      <c r="B26" s="22">
        <v>3</v>
      </c>
      <c r="C26" s="14">
        <v>3</v>
      </c>
      <c r="D26" s="18">
        <v>6</v>
      </c>
    </row>
    <row r="27" spans="1:4" ht="18" customHeight="1" x14ac:dyDescent="0.15">
      <c r="A27" s="5">
        <v>18</v>
      </c>
      <c r="B27" s="22">
        <v>2</v>
      </c>
      <c r="C27" s="14">
        <v>5</v>
      </c>
      <c r="D27" s="18">
        <v>7</v>
      </c>
    </row>
    <row r="28" spans="1:4" ht="18" customHeight="1" x14ac:dyDescent="0.15">
      <c r="A28" s="5">
        <v>19</v>
      </c>
      <c r="B28" s="22">
        <v>11</v>
      </c>
      <c r="C28" s="14">
        <v>14</v>
      </c>
      <c r="D28" s="18">
        <v>25</v>
      </c>
    </row>
    <row r="29" spans="1:4" ht="18" customHeight="1" x14ac:dyDescent="0.15">
      <c r="A29" s="5" t="s">
        <v>14</v>
      </c>
      <c r="B29" s="22">
        <v>21</v>
      </c>
      <c r="C29" s="14">
        <v>28</v>
      </c>
      <c r="D29" s="18">
        <v>49</v>
      </c>
    </row>
    <row r="30" spans="1:4" ht="18" customHeight="1" x14ac:dyDescent="0.15">
      <c r="A30" s="5">
        <v>20</v>
      </c>
      <c r="B30" s="22">
        <v>16</v>
      </c>
      <c r="C30" s="14">
        <v>26</v>
      </c>
      <c r="D30" s="18">
        <v>42</v>
      </c>
    </row>
    <row r="31" spans="1:4" ht="18" customHeight="1" x14ac:dyDescent="0.15">
      <c r="A31" s="5">
        <v>21</v>
      </c>
      <c r="B31" s="22">
        <v>22</v>
      </c>
      <c r="C31" s="14">
        <v>24</v>
      </c>
      <c r="D31" s="18">
        <v>46</v>
      </c>
    </row>
    <row r="32" spans="1:4" ht="18" customHeight="1" x14ac:dyDescent="0.15">
      <c r="A32" s="5">
        <v>22</v>
      </c>
      <c r="B32" s="22">
        <v>29</v>
      </c>
      <c r="C32" s="14">
        <v>16</v>
      </c>
      <c r="D32" s="18">
        <v>45</v>
      </c>
    </row>
    <row r="33" spans="1:4" ht="18" customHeight="1" x14ac:dyDescent="0.15">
      <c r="A33" s="5">
        <v>23</v>
      </c>
      <c r="B33" s="22">
        <v>29</v>
      </c>
      <c r="C33" s="14">
        <v>27</v>
      </c>
      <c r="D33" s="18">
        <v>56</v>
      </c>
    </row>
    <row r="34" spans="1:4" ht="18" customHeight="1" x14ac:dyDescent="0.15">
      <c r="A34" s="5">
        <v>24</v>
      </c>
      <c r="B34" s="22">
        <v>37</v>
      </c>
      <c r="C34" s="14">
        <v>34</v>
      </c>
      <c r="D34" s="18">
        <v>71</v>
      </c>
    </row>
    <row r="35" spans="1:4" ht="18" customHeight="1" x14ac:dyDescent="0.15">
      <c r="A35" s="5" t="s">
        <v>9</v>
      </c>
      <c r="B35" s="22">
        <v>133</v>
      </c>
      <c r="C35" s="14">
        <v>127</v>
      </c>
      <c r="D35" s="18">
        <v>260</v>
      </c>
    </row>
    <row r="36" spans="1:4" ht="18" customHeight="1" x14ac:dyDescent="0.15">
      <c r="A36" s="5">
        <v>25</v>
      </c>
      <c r="B36" s="22">
        <v>25</v>
      </c>
      <c r="C36" s="14">
        <v>24</v>
      </c>
      <c r="D36" s="18">
        <v>49</v>
      </c>
    </row>
    <row r="37" spans="1:4" ht="18" customHeight="1" x14ac:dyDescent="0.15">
      <c r="A37" s="5">
        <v>26</v>
      </c>
      <c r="B37" s="22">
        <v>17</v>
      </c>
      <c r="C37" s="14">
        <v>18</v>
      </c>
      <c r="D37" s="18">
        <v>35</v>
      </c>
    </row>
    <row r="38" spans="1:4" ht="18" customHeight="1" x14ac:dyDescent="0.15">
      <c r="A38" s="5">
        <v>27</v>
      </c>
      <c r="B38" s="22">
        <v>12</v>
      </c>
      <c r="C38" s="14">
        <v>17</v>
      </c>
      <c r="D38" s="18">
        <v>29</v>
      </c>
    </row>
    <row r="39" spans="1:4" ht="18" customHeight="1" x14ac:dyDescent="0.15">
      <c r="A39" s="5">
        <v>28</v>
      </c>
      <c r="B39" s="22">
        <v>13</v>
      </c>
      <c r="C39" s="14">
        <v>16</v>
      </c>
      <c r="D39" s="18">
        <v>29</v>
      </c>
    </row>
    <row r="40" spans="1:4" ht="18" customHeight="1" x14ac:dyDescent="0.15">
      <c r="A40" s="5">
        <v>29</v>
      </c>
      <c r="B40" s="22">
        <v>12</v>
      </c>
      <c r="C40" s="14">
        <v>11</v>
      </c>
      <c r="D40" s="18">
        <v>23</v>
      </c>
    </row>
    <row r="41" spans="1:4" ht="18" customHeight="1" x14ac:dyDescent="0.15">
      <c r="A41" s="5" t="s">
        <v>2</v>
      </c>
      <c r="B41" s="22">
        <v>79</v>
      </c>
      <c r="C41" s="14">
        <v>86</v>
      </c>
      <c r="D41" s="18">
        <v>165</v>
      </c>
    </row>
    <row r="42" spans="1:4" ht="18" customHeight="1" x14ac:dyDescent="0.15">
      <c r="A42" s="5">
        <v>30</v>
      </c>
      <c r="B42" s="22">
        <v>15</v>
      </c>
      <c r="C42" s="14">
        <v>6</v>
      </c>
      <c r="D42" s="18">
        <v>21</v>
      </c>
    </row>
    <row r="43" spans="1:4" ht="18" customHeight="1" x14ac:dyDescent="0.15">
      <c r="A43" s="5">
        <v>31</v>
      </c>
      <c r="B43" s="22">
        <v>5</v>
      </c>
      <c r="C43" s="14">
        <v>5</v>
      </c>
      <c r="D43" s="18">
        <v>10</v>
      </c>
    </row>
    <row r="44" spans="1:4" ht="18" customHeight="1" x14ac:dyDescent="0.15">
      <c r="A44" s="5">
        <v>32</v>
      </c>
      <c r="B44" s="22">
        <v>9</v>
      </c>
      <c r="C44" s="14">
        <v>11</v>
      </c>
      <c r="D44" s="18">
        <v>20</v>
      </c>
    </row>
    <row r="45" spans="1:4" ht="18" customHeight="1" x14ac:dyDescent="0.15">
      <c r="A45" s="5">
        <v>33</v>
      </c>
      <c r="B45" s="22">
        <v>5</v>
      </c>
      <c r="C45" s="14">
        <v>8</v>
      </c>
      <c r="D45" s="18">
        <v>13</v>
      </c>
    </row>
    <row r="46" spans="1:4" ht="18" customHeight="1" x14ac:dyDescent="0.15">
      <c r="A46" s="5">
        <v>34</v>
      </c>
      <c r="B46" s="22">
        <v>5</v>
      </c>
      <c r="C46" s="14">
        <v>10</v>
      </c>
      <c r="D46" s="18">
        <v>15</v>
      </c>
    </row>
    <row r="47" spans="1:4" ht="18" customHeight="1" x14ac:dyDescent="0.15">
      <c r="A47" s="5" t="s">
        <v>15</v>
      </c>
      <c r="B47" s="22">
        <v>39</v>
      </c>
      <c r="C47" s="14">
        <v>40</v>
      </c>
      <c r="D47" s="18">
        <v>79</v>
      </c>
    </row>
    <row r="48" spans="1:4" ht="18" customHeight="1" x14ac:dyDescent="0.15">
      <c r="A48" s="5">
        <v>35</v>
      </c>
      <c r="B48" s="22">
        <v>9</v>
      </c>
      <c r="C48" s="14">
        <v>6</v>
      </c>
      <c r="D48" s="18">
        <v>15</v>
      </c>
    </row>
    <row r="49" spans="1:4" ht="18" customHeight="1" x14ac:dyDescent="0.15">
      <c r="A49" s="5">
        <v>36</v>
      </c>
      <c r="B49" s="22">
        <v>14</v>
      </c>
      <c r="C49" s="14">
        <v>6</v>
      </c>
      <c r="D49" s="18">
        <v>20</v>
      </c>
    </row>
    <row r="50" spans="1:4" ht="18" customHeight="1" x14ac:dyDescent="0.15">
      <c r="A50" s="5">
        <v>37</v>
      </c>
      <c r="B50" s="22">
        <v>8</v>
      </c>
      <c r="C50" s="14">
        <v>6</v>
      </c>
      <c r="D50" s="18">
        <v>14</v>
      </c>
    </row>
    <row r="51" spans="1:4" ht="18" customHeight="1" x14ac:dyDescent="0.15">
      <c r="A51" s="5">
        <v>38</v>
      </c>
      <c r="B51" s="22">
        <v>8</v>
      </c>
      <c r="C51" s="14">
        <v>3</v>
      </c>
      <c r="D51" s="18">
        <v>11</v>
      </c>
    </row>
    <row r="52" spans="1:4" ht="18" customHeight="1" x14ac:dyDescent="0.15">
      <c r="A52" s="5">
        <v>39</v>
      </c>
      <c r="B52" s="22">
        <v>11</v>
      </c>
      <c r="C52" s="14">
        <v>8</v>
      </c>
      <c r="D52" s="18">
        <v>19</v>
      </c>
    </row>
    <row r="53" spans="1:4" ht="18" customHeight="1" x14ac:dyDescent="0.15">
      <c r="A53" s="5" t="s">
        <v>18</v>
      </c>
      <c r="B53" s="22">
        <v>50</v>
      </c>
      <c r="C53" s="14">
        <v>29</v>
      </c>
      <c r="D53" s="18">
        <v>79</v>
      </c>
    </row>
    <row r="54" spans="1:4" ht="18" customHeight="1" x14ac:dyDescent="0.15">
      <c r="A54" s="5">
        <v>40</v>
      </c>
      <c r="B54" s="22">
        <v>7</v>
      </c>
      <c r="C54" s="14">
        <v>6</v>
      </c>
      <c r="D54" s="18">
        <v>13</v>
      </c>
    </row>
    <row r="55" spans="1:4" ht="18" customHeight="1" x14ac:dyDescent="0.15">
      <c r="A55" s="5">
        <v>41</v>
      </c>
      <c r="B55" s="22">
        <v>8</v>
      </c>
      <c r="C55" s="14">
        <v>5</v>
      </c>
      <c r="D55" s="18">
        <v>13</v>
      </c>
    </row>
    <row r="56" spans="1:4" ht="18" customHeight="1" x14ac:dyDescent="0.15">
      <c r="A56" s="5">
        <v>42</v>
      </c>
      <c r="B56" s="22">
        <v>11</v>
      </c>
      <c r="C56" s="14">
        <v>1</v>
      </c>
      <c r="D56" s="18">
        <v>12</v>
      </c>
    </row>
    <row r="57" spans="1:4" ht="18" customHeight="1" x14ac:dyDescent="0.15">
      <c r="A57" s="5">
        <v>43</v>
      </c>
      <c r="B57" s="22">
        <v>7</v>
      </c>
      <c r="C57" s="14">
        <v>7</v>
      </c>
      <c r="D57" s="18">
        <v>14</v>
      </c>
    </row>
    <row r="58" spans="1:4" ht="18" customHeight="1" x14ac:dyDescent="0.15">
      <c r="A58" s="5">
        <v>44</v>
      </c>
      <c r="B58" s="22">
        <v>14</v>
      </c>
      <c r="C58" s="14">
        <v>3</v>
      </c>
      <c r="D58" s="18">
        <v>17</v>
      </c>
    </row>
    <row r="59" spans="1:4" ht="18" customHeight="1" x14ac:dyDescent="0.15">
      <c r="A59" s="5" t="s">
        <v>21</v>
      </c>
      <c r="B59" s="22">
        <v>47</v>
      </c>
      <c r="C59" s="14">
        <v>22</v>
      </c>
      <c r="D59" s="18">
        <v>69</v>
      </c>
    </row>
    <row r="60" spans="1:4" ht="18" customHeight="1" x14ac:dyDescent="0.15">
      <c r="A60" s="5">
        <v>45</v>
      </c>
      <c r="B60" s="22">
        <v>12</v>
      </c>
      <c r="C60" s="14">
        <v>7</v>
      </c>
      <c r="D60" s="18">
        <v>19</v>
      </c>
    </row>
    <row r="61" spans="1:4" ht="18" customHeight="1" x14ac:dyDescent="0.15">
      <c r="A61" s="5">
        <v>46</v>
      </c>
      <c r="B61" s="22">
        <v>7</v>
      </c>
      <c r="C61" s="14">
        <v>5</v>
      </c>
      <c r="D61" s="18">
        <v>12</v>
      </c>
    </row>
    <row r="62" spans="1:4" ht="18" customHeight="1" x14ac:dyDescent="0.15">
      <c r="A62" s="5">
        <v>47</v>
      </c>
      <c r="B62" s="22">
        <v>9</v>
      </c>
      <c r="C62" s="14">
        <v>8</v>
      </c>
      <c r="D62" s="18">
        <v>17</v>
      </c>
    </row>
    <row r="63" spans="1:4" ht="18" customHeight="1" x14ac:dyDescent="0.15">
      <c r="A63" s="5">
        <v>48</v>
      </c>
      <c r="B63" s="22">
        <v>10</v>
      </c>
      <c r="C63" s="14">
        <v>11</v>
      </c>
      <c r="D63" s="18">
        <v>21</v>
      </c>
    </row>
    <row r="64" spans="1:4" ht="18" customHeight="1" x14ac:dyDescent="0.15">
      <c r="A64" s="5">
        <v>49</v>
      </c>
      <c r="B64" s="22">
        <v>12</v>
      </c>
      <c r="C64" s="14">
        <v>14</v>
      </c>
      <c r="D64" s="18">
        <v>26</v>
      </c>
    </row>
    <row r="65" spans="1:4" ht="18" customHeight="1" x14ac:dyDescent="0.15">
      <c r="A65" s="5" t="s">
        <v>17</v>
      </c>
      <c r="B65" s="22">
        <v>50</v>
      </c>
      <c r="C65" s="14">
        <v>45</v>
      </c>
      <c r="D65" s="18">
        <v>95</v>
      </c>
    </row>
    <row r="66" spans="1:4" ht="18" customHeight="1" x14ac:dyDescent="0.15">
      <c r="A66" s="5">
        <v>50</v>
      </c>
      <c r="B66" s="22">
        <v>15</v>
      </c>
      <c r="C66" s="14">
        <v>11</v>
      </c>
      <c r="D66" s="18">
        <v>26</v>
      </c>
    </row>
    <row r="67" spans="1:4" ht="18" customHeight="1" x14ac:dyDescent="0.15">
      <c r="A67" s="5">
        <v>51</v>
      </c>
      <c r="B67" s="22">
        <v>17</v>
      </c>
      <c r="C67" s="14">
        <v>7</v>
      </c>
      <c r="D67" s="18">
        <v>24</v>
      </c>
    </row>
    <row r="68" spans="1:4" ht="18" customHeight="1" x14ac:dyDescent="0.15">
      <c r="A68" s="5">
        <v>52</v>
      </c>
      <c r="B68" s="22">
        <v>20</v>
      </c>
      <c r="C68" s="14">
        <v>13</v>
      </c>
      <c r="D68" s="18">
        <v>33</v>
      </c>
    </row>
    <row r="69" spans="1:4" ht="18" customHeight="1" x14ac:dyDescent="0.15">
      <c r="A69" s="5">
        <v>53</v>
      </c>
      <c r="B69" s="22">
        <v>4</v>
      </c>
      <c r="C69" s="14">
        <v>9</v>
      </c>
      <c r="D69" s="18">
        <v>13</v>
      </c>
    </row>
    <row r="70" spans="1:4" ht="18" customHeight="1" x14ac:dyDescent="0.15">
      <c r="A70" s="5">
        <v>54</v>
      </c>
      <c r="B70" s="22">
        <v>12</v>
      </c>
      <c r="C70" s="14">
        <v>7</v>
      </c>
      <c r="D70" s="18">
        <v>19</v>
      </c>
    </row>
    <row r="71" spans="1:4" ht="18" customHeight="1" x14ac:dyDescent="0.15">
      <c r="A71" s="5" t="s">
        <v>22</v>
      </c>
      <c r="B71" s="22">
        <v>68</v>
      </c>
      <c r="C71" s="14">
        <v>47</v>
      </c>
      <c r="D71" s="18">
        <v>115</v>
      </c>
    </row>
    <row r="72" spans="1:4" ht="18" customHeight="1" x14ac:dyDescent="0.15">
      <c r="A72" s="5">
        <v>55</v>
      </c>
      <c r="B72" s="22">
        <v>9</v>
      </c>
      <c r="C72" s="14">
        <v>9</v>
      </c>
      <c r="D72" s="18">
        <v>18</v>
      </c>
    </row>
    <row r="73" spans="1:4" ht="18" customHeight="1" x14ac:dyDescent="0.15">
      <c r="A73" s="5">
        <v>56</v>
      </c>
      <c r="B73" s="22">
        <v>12</v>
      </c>
      <c r="C73" s="14">
        <v>11</v>
      </c>
      <c r="D73" s="18">
        <v>23</v>
      </c>
    </row>
    <row r="74" spans="1:4" ht="18" customHeight="1" x14ac:dyDescent="0.15">
      <c r="A74" s="5">
        <v>57</v>
      </c>
      <c r="B74" s="22">
        <v>12</v>
      </c>
      <c r="C74" s="14">
        <v>10</v>
      </c>
      <c r="D74" s="18">
        <v>22</v>
      </c>
    </row>
    <row r="75" spans="1:4" ht="18" customHeight="1" x14ac:dyDescent="0.15">
      <c r="A75" s="5">
        <v>58</v>
      </c>
      <c r="B75" s="22">
        <v>11</v>
      </c>
      <c r="C75" s="14">
        <v>9</v>
      </c>
      <c r="D75" s="18">
        <v>20</v>
      </c>
    </row>
    <row r="76" spans="1:4" ht="18" customHeight="1" x14ac:dyDescent="0.15">
      <c r="A76" s="5">
        <v>59</v>
      </c>
      <c r="B76" s="22">
        <v>11</v>
      </c>
      <c r="C76" s="14">
        <v>7</v>
      </c>
      <c r="D76" s="18">
        <v>18</v>
      </c>
    </row>
    <row r="77" spans="1:4" ht="18" customHeight="1" x14ac:dyDescent="0.15">
      <c r="A77" s="5" t="s">
        <v>27</v>
      </c>
      <c r="B77" s="22">
        <v>55</v>
      </c>
      <c r="C77" s="14">
        <v>46</v>
      </c>
      <c r="D77" s="18">
        <v>101</v>
      </c>
    </row>
    <row r="78" spans="1:4" ht="18" customHeight="1" x14ac:dyDescent="0.15">
      <c r="A78" s="5">
        <v>60</v>
      </c>
      <c r="B78" s="22">
        <v>14</v>
      </c>
      <c r="C78" s="14">
        <v>8</v>
      </c>
      <c r="D78" s="18">
        <v>22</v>
      </c>
    </row>
    <row r="79" spans="1:4" ht="18" customHeight="1" x14ac:dyDescent="0.15">
      <c r="A79" s="5">
        <v>61</v>
      </c>
      <c r="B79" s="22">
        <v>10</v>
      </c>
      <c r="C79" s="14">
        <v>9</v>
      </c>
      <c r="D79" s="18">
        <v>19</v>
      </c>
    </row>
    <row r="80" spans="1:4" ht="18" customHeight="1" x14ac:dyDescent="0.15">
      <c r="A80" s="5">
        <v>62</v>
      </c>
      <c r="B80" s="22">
        <v>7</v>
      </c>
      <c r="C80" s="14">
        <v>10</v>
      </c>
      <c r="D80" s="18">
        <v>17</v>
      </c>
    </row>
    <row r="81" spans="1:4" ht="18" customHeight="1" x14ac:dyDescent="0.15">
      <c r="A81" s="5">
        <v>63</v>
      </c>
      <c r="B81" s="22">
        <v>6</v>
      </c>
      <c r="C81" s="14">
        <v>13</v>
      </c>
      <c r="D81" s="18">
        <v>19</v>
      </c>
    </row>
    <row r="82" spans="1:4" ht="18" customHeight="1" x14ac:dyDescent="0.15">
      <c r="A82" s="5">
        <v>64</v>
      </c>
      <c r="B82" s="22">
        <v>15</v>
      </c>
      <c r="C82" s="14">
        <v>11</v>
      </c>
      <c r="D82" s="18">
        <v>26</v>
      </c>
    </row>
    <row r="83" spans="1:4" ht="18" customHeight="1" x14ac:dyDescent="0.15">
      <c r="A83" s="5" t="s">
        <v>28</v>
      </c>
      <c r="B83" s="22">
        <v>52</v>
      </c>
      <c r="C83" s="14">
        <v>51</v>
      </c>
      <c r="D83" s="18">
        <v>103</v>
      </c>
    </row>
    <row r="84" spans="1:4" ht="18" customHeight="1" x14ac:dyDescent="0.15">
      <c r="A84" s="5" t="s">
        <v>31</v>
      </c>
      <c r="B84" s="22">
        <v>594</v>
      </c>
      <c r="C84" s="14">
        <v>521</v>
      </c>
      <c r="D84" s="18">
        <v>1115</v>
      </c>
    </row>
    <row r="85" spans="1:4" ht="18" customHeight="1" x14ac:dyDescent="0.15">
      <c r="A85" s="5">
        <v>65</v>
      </c>
      <c r="B85" s="22">
        <v>8</v>
      </c>
      <c r="C85" s="14">
        <v>9</v>
      </c>
      <c r="D85" s="18">
        <v>17</v>
      </c>
    </row>
    <row r="86" spans="1:4" ht="18" customHeight="1" x14ac:dyDescent="0.15">
      <c r="A86" s="5">
        <v>66</v>
      </c>
      <c r="B86" s="22">
        <v>4</v>
      </c>
      <c r="C86" s="14">
        <v>7</v>
      </c>
      <c r="D86" s="18">
        <v>11</v>
      </c>
    </row>
    <row r="87" spans="1:4" ht="18" customHeight="1" x14ac:dyDescent="0.15">
      <c r="A87" s="5">
        <v>67</v>
      </c>
      <c r="B87" s="22">
        <v>10</v>
      </c>
      <c r="C87" s="14">
        <v>3</v>
      </c>
      <c r="D87" s="18">
        <v>13</v>
      </c>
    </row>
    <row r="88" spans="1:4" ht="18" customHeight="1" x14ac:dyDescent="0.15">
      <c r="A88" s="5">
        <v>68</v>
      </c>
      <c r="B88" s="22">
        <v>7</v>
      </c>
      <c r="C88" s="14">
        <v>10</v>
      </c>
      <c r="D88" s="18">
        <v>17</v>
      </c>
    </row>
    <row r="89" spans="1:4" ht="18" customHeight="1" x14ac:dyDescent="0.15">
      <c r="A89" s="5">
        <v>69</v>
      </c>
      <c r="B89" s="22">
        <v>10</v>
      </c>
      <c r="C89" s="14">
        <v>6</v>
      </c>
      <c r="D89" s="18">
        <v>16</v>
      </c>
    </row>
    <row r="90" spans="1:4" ht="18" customHeight="1" x14ac:dyDescent="0.15">
      <c r="A90" s="5" t="s">
        <v>20</v>
      </c>
      <c r="B90" s="22">
        <v>39</v>
      </c>
      <c r="C90" s="14">
        <v>35</v>
      </c>
      <c r="D90" s="18">
        <v>74</v>
      </c>
    </row>
    <row r="91" spans="1:4" ht="18" customHeight="1" x14ac:dyDescent="0.15">
      <c r="A91" s="5">
        <v>70</v>
      </c>
      <c r="B91" s="22">
        <v>10</v>
      </c>
      <c r="C91" s="14">
        <v>8</v>
      </c>
      <c r="D91" s="18">
        <v>18</v>
      </c>
    </row>
    <row r="92" spans="1:4" ht="18" customHeight="1" x14ac:dyDescent="0.15">
      <c r="A92" s="5">
        <v>71</v>
      </c>
      <c r="B92" s="22">
        <v>9</v>
      </c>
      <c r="C92" s="14">
        <v>11</v>
      </c>
      <c r="D92" s="18">
        <v>20</v>
      </c>
    </row>
    <row r="93" spans="1:4" ht="18" customHeight="1" x14ac:dyDescent="0.15">
      <c r="A93" s="5">
        <v>72</v>
      </c>
      <c r="B93" s="22">
        <v>5</v>
      </c>
      <c r="C93" s="14">
        <v>11</v>
      </c>
      <c r="D93" s="18">
        <v>16</v>
      </c>
    </row>
    <row r="94" spans="1:4" ht="18" customHeight="1" x14ac:dyDescent="0.15">
      <c r="A94" s="5">
        <v>73</v>
      </c>
      <c r="B94" s="22">
        <v>9</v>
      </c>
      <c r="C94" s="14">
        <v>9</v>
      </c>
      <c r="D94" s="18">
        <v>18</v>
      </c>
    </row>
    <row r="95" spans="1:4" ht="18" customHeight="1" x14ac:dyDescent="0.15">
      <c r="A95" s="5">
        <v>74</v>
      </c>
      <c r="B95" s="22">
        <v>10</v>
      </c>
      <c r="C95" s="14">
        <v>7</v>
      </c>
      <c r="D95" s="18">
        <v>17</v>
      </c>
    </row>
    <row r="96" spans="1:4" ht="18" customHeight="1" x14ac:dyDescent="0.15">
      <c r="A96" s="5" t="s">
        <v>33</v>
      </c>
      <c r="B96" s="22">
        <v>43</v>
      </c>
      <c r="C96" s="14">
        <v>46</v>
      </c>
      <c r="D96" s="18">
        <v>89</v>
      </c>
    </row>
    <row r="97" spans="1:4" ht="18" customHeight="1" x14ac:dyDescent="0.15">
      <c r="A97" s="5">
        <v>75</v>
      </c>
      <c r="B97" s="22">
        <v>11</v>
      </c>
      <c r="C97" s="14">
        <v>23</v>
      </c>
      <c r="D97" s="18">
        <v>34</v>
      </c>
    </row>
    <row r="98" spans="1:4" ht="18" customHeight="1" x14ac:dyDescent="0.15">
      <c r="A98" s="5">
        <v>76</v>
      </c>
      <c r="B98" s="22">
        <v>11</v>
      </c>
      <c r="C98" s="14">
        <v>16</v>
      </c>
      <c r="D98" s="18">
        <v>27</v>
      </c>
    </row>
    <row r="99" spans="1:4" ht="18" customHeight="1" x14ac:dyDescent="0.15">
      <c r="A99" s="5">
        <v>77</v>
      </c>
      <c r="B99" s="22">
        <v>17</v>
      </c>
      <c r="C99" s="14">
        <v>19</v>
      </c>
      <c r="D99" s="18">
        <v>36</v>
      </c>
    </row>
    <row r="100" spans="1:4" ht="18" customHeight="1" x14ac:dyDescent="0.15">
      <c r="A100" s="5">
        <v>78</v>
      </c>
      <c r="B100" s="22">
        <v>15</v>
      </c>
      <c r="C100" s="14">
        <v>10</v>
      </c>
      <c r="D100" s="18">
        <v>25</v>
      </c>
    </row>
    <row r="101" spans="1:4" ht="18" customHeight="1" x14ac:dyDescent="0.15">
      <c r="A101" s="5">
        <v>79</v>
      </c>
      <c r="B101" s="22">
        <v>5</v>
      </c>
      <c r="C101" s="14">
        <v>12</v>
      </c>
      <c r="D101" s="18">
        <v>17</v>
      </c>
    </row>
    <row r="102" spans="1:4" ht="18" customHeight="1" x14ac:dyDescent="0.15">
      <c r="A102" s="5" t="s">
        <v>0</v>
      </c>
      <c r="B102" s="22">
        <v>59</v>
      </c>
      <c r="C102" s="14">
        <v>80</v>
      </c>
      <c r="D102" s="18">
        <v>139</v>
      </c>
    </row>
    <row r="103" spans="1:4" ht="18" customHeight="1" x14ac:dyDescent="0.15">
      <c r="A103" s="5">
        <v>80</v>
      </c>
      <c r="B103" s="22">
        <v>4</v>
      </c>
      <c r="C103" s="14">
        <v>5</v>
      </c>
      <c r="D103" s="18">
        <v>9</v>
      </c>
    </row>
    <row r="104" spans="1:4" ht="18" customHeight="1" x14ac:dyDescent="0.15">
      <c r="A104" s="5">
        <v>81</v>
      </c>
      <c r="B104" s="22">
        <v>7</v>
      </c>
      <c r="C104" s="14">
        <v>13</v>
      </c>
      <c r="D104" s="18">
        <v>20</v>
      </c>
    </row>
    <row r="105" spans="1:4" ht="18" customHeight="1" x14ac:dyDescent="0.15">
      <c r="A105" s="5">
        <v>82</v>
      </c>
      <c r="B105" s="22">
        <v>7</v>
      </c>
      <c r="C105" s="14">
        <v>4</v>
      </c>
      <c r="D105" s="18">
        <v>11</v>
      </c>
    </row>
    <row r="106" spans="1:4" ht="18" customHeight="1" x14ac:dyDescent="0.15">
      <c r="A106" s="5">
        <v>83</v>
      </c>
      <c r="B106" s="22">
        <v>8</v>
      </c>
      <c r="C106" s="14">
        <v>5</v>
      </c>
      <c r="D106" s="18">
        <v>13</v>
      </c>
    </row>
    <row r="107" spans="1:4" ht="18" customHeight="1" x14ac:dyDescent="0.15">
      <c r="A107" s="5">
        <v>84</v>
      </c>
      <c r="B107" s="22">
        <v>3</v>
      </c>
      <c r="C107" s="14">
        <v>7</v>
      </c>
      <c r="D107" s="18">
        <v>10</v>
      </c>
    </row>
    <row r="108" spans="1:4" ht="18" customHeight="1" x14ac:dyDescent="0.15">
      <c r="A108" s="5" t="s">
        <v>35</v>
      </c>
      <c r="B108" s="22">
        <v>29</v>
      </c>
      <c r="C108" s="14">
        <v>34</v>
      </c>
      <c r="D108" s="18">
        <v>63</v>
      </c>
    </row>
    <row r="109" spans="1:4" ht="18" customHeight="1" x14ac:dyDescent="0.15">
      <c r="A109" s="5">
        <v>85</v>
      </c>
      <c r="B109" s="22">
        <v>3</v>
      </c>
      <c r="C109" s="14">
        <v>5</v>
      </c>
      <c r="D109" s="18">
        <v>8</v>
      </c>
    </row>
    <row r="110" spans="1:4" ht="18" customHeight="1" x14ac:dyDescent="0.15">
      <c r="A110" s="5">
        <v>86</v>
      </c>
      <c r="B110" s="22">
        <v>5</v>
      </c>
      <c r="C110" s="14">
        <v>9</v>
      </c>
      <c r="D110" s="18">
        <v>14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3</v>
      </c>
      <c r="C112" s="14">
        <v>4</v>
      </c>
      <c r="D112" s="18">
        <v>7</v>
      </c>
    </row>
    <row r="113" spans="1:4" ht="18" customHeight="1" x14ac:dyDescent="0.15">
      <c r="A113" s="5">
        <v>89</v>
      </c>
      <c r="B113" s="22">
        <v>1</v>
      </c>
      <c r="C113" s="14">
        <v>4</v>
      </c>
      <c r="D113" s="18">
        <v>5</v>
      </c>
    </row>
    <row r="114" spans="1:4" ht="18" customHeight="1" x14ac:dyDescent="0.15">
      <c r="A114" s="5" t="s">
        <v>37</v>
      </c>
      <c r="B114" s="22">
        <v>15</v>
      </c>
      <c r="C114" s="14">
        <v>28</v>
      </c>
      <c r="D114" s="18">
        <v>43</v>
      </c>
    </row>
    <row r="115" spans="1:4" ht="18" customHeight="1" x14ac:dyDescent="0.15">
      <c r="A115" s="5">
        <v>90</v>
      </c>
      <c r="B115" s="22">
        <v>2</v>
      </c>
      <c r="C115" s="14">
        <v>8</v>
      </c>
      <c r="D115" s="18">
        <v>10</v>
      </c>
    </row>
    <row r="116" spans="1:4" ht="18" customHeight="1" x14ac:dyDescent="0.15">
      <c r="A116" s="5">
        <v>91</v>
      </c>
      <c r="B116" s="22">
        <v>3</v>
      </c>
      <c r="C116" s="14">
        <v>1</v>
      </c>
      <c r="D116" s="18">
        <v>4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6</v>
      </c>
      <c r="C120" s="14">
        <v>22</v>
      </c>
      <c r="D120" s="18">
        <v>28</v>
      </c>
    </row>
    <row r="121" spans="1:4" ht="18" customHeight="1" x14ac:dyDescent="0.15">
      <c r="A121" s="5">
        <v>95</v>
      </c>
      <c r="B121" s="22">
        <v>1</v>
      </c>
      <c r="C121" s="14">
        <v>1</v>
      </c>
      <c r="D121" s="18">
        <v>2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8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94</v>
      </c>
      <c r="C130" s="14">
        <v>253</v>
      </c>
      <c r="D130" s="18">
        <v>447</v>
      </c>
    </row>
    <row r="131" spans="1:4" ht="18" customHeight="1" x14ac:dyDescent="0.15">
      <c r="A131" s="7" t="s">
        <v>45</v>
      </c>
      <c r="B131" s="23">
        <v>836</v>
      </c>
      <c r="C131" s="15">
        <v>829</v>
      </c>
      <c r="D131" s="19">
        <v>166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5</v>
      </c>
      <c r="D5" s="17">
        <v>15</v>
      </c>
    </row>
    <row r="6" spans="1:4" ht="18" customHeight="1" x14ac:dyDescent="0.15">
      <c r="A6" s="5">
        <v>1</v>
      </c>
      <c r="B6" s="22">
        <v>9</v>
      </c>
      <c r="C6" s="14">
        <v>5</v>
      </c>
      <c r="D6" s="18">
        <v>14</v>
      </c>
    </row>
    <row r="7" spans="1:4" ht="18" customHeight="1" x14ac:dyDescent="0.15">
      <c r="A7" s="5">
        <v>2</v>
      </c>
      <c r="B7" s="22">
        <v>5</v>
      </c>
      <c r="C7" s="14">
        <v>9</v>
      </c>
      <c r="D7" s="18">
        <v>14</v>
      </c>
    </row>
    <row r="8" spans="1:4" ht="18" customHeight="1" x14ac:dyDescent="0.15">
      <c r="A8" s="5">
        <v>3</v>
      </c>
      <c r="B8" s="22">
        <v>13</v>
      </c>
      <c r="C8" s="14">
        <v>5</v>
      </c>
      <c r="D8" s="18">
        <v>18</v>
      </c>
    </row>
    <row r="9" spans="1:4" ht="18" customHeight="1" x14ac:dyDescent="0.15">
      <c r="A9" s="5">
        <v>4</v>
      </c>
      <c r="B9" s="22">
        <v>12</v>
      </c>
      <c r="C9" s="14">
        <v>9</v>
      </c>
      <c r="D9" s="18">
        <v>21</v>
      </c>
    </row>
    <row r="10" spans="1:4" ht="18" customHeight="1" x14ac:dyDescent="0.15">
      <c r="A10" s="5" t="s">
        <v>7</v>
      </c>
      <c r="B10" s="22">
        <v>49</v>
      </c>
      <c r="C10" s="14">
        <v>33</v>
      </c>
      <c r="D10" s="18">
        <v>82</v>
      </c>
    </row>
    <row r="11" spans="1:4" ht="18" customHeight="1" x14ac:dyDescent="0.15">
      <c r="A11" s="5">
        <v>5</v>
      </c>
      <c r="B11" s="22">
        <v>6</v>
      </c>
      <c r="C11" s="14">
        <v>9</v>
      </c>
      <c r="D11" s="18">
        <v>15</v>
      </c>
    </row>
    <row r="12" spans="1:4" ht="18" customHeight="1" x14ac:dyDescent="0.15">
      <c r="A12" s="5">
        <v>6</v>
      </c>
      <c r="B12" s="22">
        <v>7</v>
      </c>
      <c r="C12" s="14">
        <v>13</v>
      </c>
      <c r="D12" s="18">
        <v>20</v>
      </c>
    </row>
    <row r="13" spans="1:4" ht="18" customHeight="1" x14ac:dyDescent="0.15">
      <c r="A13" s="5">
        <v>7</v>
      </c>
      <c r="B13" s="22">
        <v>17</v>
      </c>
      <c r="C13" s="14">
        <v>11</v>
      </c>
      <c r="D13" s="18">
        <v>28</v>
      </c>
    </row>
    <row r="14" spans="1:4" ht="18" customHeight="1" x14ac:dyDescent="0.15">
      <c r="A14" s="5">
        <v>8</v>
      </c>
      <c r="B14" s="22">
        <v>9</v>
      </c>
      <c r="C14" s="14">
        <v>15</v>
      </c>
      <c r="D14" s="18">
        <v>24</v>
      </c>
    </row>
    <row r="15" spans="1:4" ht="18" customHeight="1" x14ac:dyDescent="0.15">
      <c r="A15" s="5">
        <v>9</v>
      </c>
      <c r="B15" s="22">
        <v>14</v>
      </c>
      <c r="C15" s="14">
        <v>7</v>
      </c>
      <c r="D15" s="18">
        <v>21</v>
      </c>
    </row>
    <row r="16" spans="1:4" ht="18" customHeight="1" x14ac:dyDescent="0.15">
      <c r="A16" s="5" t="s">
        <v>11</v>
      </c>
      <c r="B16" s="22">
        <v>53</v>
      </c>
      <c r="C16" s="14">
        <v>55</v>
      </c>
      <c r="D16" s="18">
        <v>108</v>
      </c>
    </row>
    <row r="17" spans="1:4" ht="18" customHeight="1" x14ac:dyDescent="0.15">
      <c r="A17" s="5">
        <v>10</v>
      </c>
      <c r="B17" s="22">
        <v>14</v>
      </c>
      <c r="C17" s="14">
        <v>21</v>
      </c>
      <c r="D17" s="18">
        <v>35</v>
      </c>
    </row>
    <row r="18" spans="1:4" ht="18" customHeight="1" x14ac:dyDescent="0.15">
      <c r="A18" s="5">
        <v>11</v>
      </c>
      <c r="B18" s="22">
        <v>7</v>
      </c>
      <c r="C18" s="14">
        <v>16</v>
      </c>
      <c r="D18" s="18">
        <v>23</v>
      </c>
    </row>
    <row r="19" spans="1:4" ht="18" customHeight="1" x14ac:dyDescent="0.15">
      <c r="A19" s="5">
        <v>12</v>
      </c>
      <c r="B19" s="22">
        <v>14</v>
      </c>
      <c r="C19" s="14">
        <v>12</v>
      </c>
      <c r="D19" s="18">
        <v>26</v>
      </c>
    </row>
    <row r="20" spans="1:4" ht="18" customHeight="1" x14ac:dyDescent="0.15">
      <c r="A20" s="5">
        <v>13</v>
      </c>
      <c r="B20" s="22">
        <v>18</v>
      </c>
      <c r="C20" s="14">
        <v>8</v>
      </c>
      <c r="D20" s="18">
        <v>26</v>
      </c>
    </row>
    <row r="21" spans="1:4" ht="18" customHeight="1" x14ac:dyDescent="0.15">
      <c r="A21" s="5">
        <v>14</v>
      </c>
      <c r="B21" s="22">
        <v>12</v>
      </c>
      <c r="C21" s="14">
        <v>13</v>
      </c>
      <c r="D21" s="18">
        <v>25</v>
      </c>
    </row>
    <row r="22" spans="1:4" ht="18" customHeight="1" x14ac:dyDescent="0.15">
      <c r="A22" s="5" t="s">
        <v>12</v>
      </c>
      <c r="B22" s="22">
        <v>65</v>
      </c>
      <c r="C22" s="14">
        <v>70</v>
      </c>
      <c r="D22" s="18">
        <v>135</v>
      </c>
    </row>
    <row r="23" spans="1:4" ht="18" customHeight="1" x14ac:dyDescent="0.15">
      <c r="A23" s="5" t="s">
        <v>6</v>
      </c>
      <c r="B23" s="22">
        <v>167</v>
      </c>
      <c r="C23" s="14">
        <v>158</v>
      </c>
      <c r="D23" s="18">
        <v>325</v>
      </c>
    </row>
    <row r="24" spans="1:4" ht="18" customHeight="1" x14ac:dyDescent="0.15">
      <c r="A24" s="5">
        <v>15</v>
      </c>
      <c r="B24" s="22">
        <v>10</v>
      </c>
      <c r="C24" s="14">
        <v>13</v>
      </c>
      <c r="D24" s="18">
        <v>23</v>
      </c>
    </row>
    <row r="25" spans="1:4" ht="18" customHeight="1" x14ac:dyDescent="0.15">
      <c r="A25" s="5">
        <v>16</v>
      </c>
      <c r="B25" s="22">
        <v>15</v>
      </c>
      <c r="C25" s="14">
        <v>9</v>
      </c>
      <c r="D25" s="18">
        <v>24</v>
      </c>
    </row>
    <row r="26" spans="1:4" ht="18" customHeight="1" x14ac:dyDescent="0.15">
      <c r="A26" s="5">
        <v>17</v>
      </c>
      <c r="B26" s="22">
        <v>18</v>
      </c>
      <c r="C26" s="14">
        <v>17</v>
      </c>
      <c r="D26" s="18">
        <v>35</v>
      </c>
    </row>
    <row r="27" spans="1:4" ht="18" customHeight="1" x14ac:dyDescent="0.15">
      <c r="A27" s="5">
        <v>18</v>
      </c>
      <c r="B27" s="22">
        <v>15</v>
      </c>
      <c r="C27" s="14">
        <v>14</v>
      </c>
      <c r="D27" s="18">
        <v>29</v>
      </c>
    </row>
    <row r="28" spans="1:4" ht="18" customHeight="1" x14ac:dyDescent="0.15">
      <c r="A28" s="5">
        <v>19</v>
      </c>
      <c r="B28" s="22">
        <v>17</v>
      </c>
      <c r="C28" s="14">
        <v>11</v>
      </c>
      <c r="D28" s="18">
        <v>28</v>
      </c>
    </row>
    <row r="29" spans="1:4" ht="18" customHeight="1" x14ac:dyDescent="0.15">
      <c r="A29" s="5" t="s">
        <v>14</v>
      </c>
      <c r="B29" s="22">
        <v>75</v>
      </c>
      <c r="C29" s="14">
        <v>64</v>
      </c>
      <c r="D29" s="18">
        <v>139</v>
      </c>
    </row>
    <row r="30" spans="1:4" ht="18" customHeight="1" x14ac:dyDescent="0.15">
      <c r="A30" s="5">
        <v>20</v>
      </c>
      <c r="B30" s="22">
        <v>17</v>
      </c>
      <c r="C30" s="14">
        <v>16</v>
      </c>
      <c r="D30" s="18">
        <v>33</v>
      </c>
    </row>
    <row r="31" spans="1:4" ht="18" customHeight="1" x14ac:dyDescent="0.15">
      <c r="A31" s="5">
        <v>21</v>
      </c>
      <c r="B31" s="22">
        <v>14</v>
      </c>
      <c r="C31" s="14">
        <v>17</v>
      </c>
      <c r="D31" s="18">
        <v>31</v>
      </c>
    </row>
    <row r="32" spans="1:4" ht="18" customHeight="1" x14ac:dyDescent="0.15">
      <c r="A32" s="5">
        <v>22</v>
      </c>
      <c r="B32" s="22">
        <v>11</v>
      </c>
      <c r="C32" s="14">
        <v>14</v>
      </c>
      <c r="D32" s="18">
        <v>25</v>
      </c>
    </row>
    <row r="33" spans="1:4" ht="18" customHeight="1" x14ac:dyDescent="0.15">
      <c r="A33" s="5">
        <v>23</v>
      </c>
      <c r="B33" s="22">
        <v>14</v>
      </c>
      <c r="C33" s="14">
        <v>17</v>
      </c>
      <c r="D33" s="18">
        <v>31</v>
      </c>
    </row>
    <row r="34" spans="1:4" ht="18" customHeight="1" x14ac:dyDescent="0.15">
      <c r="A34" s="5">
        <v>24</v>
      </c>
      <c r="B34" s="22">
        <v>21</v>
      </c>
      <c r="C34" s="14">
        <v>16</v>
      </c>
      <c r="D34" s="18">
        <v>37</v>
      </c>
    </row>
    <row r="35" spans="1:4" ht="18" customHeight="1" x14ac:dyDescent="0.15">
      <c r="A35" s="5" t="s">
        <v>9</v>
      </c>
      <c r="B35" s="22">
        <v>77</v>
      </c>
      <c r="C35" s="14">
        <v>80</v>
      </c>
      <c r="D35" s="18">
        <v>157</v>
      </c>
    </row>
    <row r="36" spans="1:4" ht="18" customHeight="1" x14ac:dyDescent="0.15">
      <c r="A36" s="5">
        <v>25</v>
      </c>
      <c r="B36" s="22">
        <v>19</v>
      </c>
      <c r="C36" s="14">
        <v>19</v>
      </c>
      <c r="D36" s="18">
        <v>38</v>
      </c>
    </row>
    <row r="37" spans="1:4" ht="18" customHeight="1" x14ac:dyDescent="0.15">
      <c r="A37" s="5">
        <v>26</v>
      </c>
      <c r="B37" s="22">
        <v>18</v>
      </c>
      <c r="C37" s="14">
        <v>20</v>
      </c>
      <c r="D37" s="18">
        <v>38</v>
      </c>
    </row>
    <row r="38" spans="1:4" ht="18" customHeight="1" x14ac:dyDescent="0.15">
      <c r="A38" s="5">
        <v>27</v>
      </c>
      <c r="B38" s="22">
        <v>16</v>
      </c>
      <c r="C38" s="14">
        <v>10</v>
      </c>
      <c r="D38" s="18">
        <v>26</v>
      </c>
    </row>
    <row r="39" spans="1:4" ht="18" customHeight="1" x14ac:dyDescent="0.15">
      <c r="A39" s="5">
        <v>28</v>
      </c>
      <c r="B39" s="22">
        <v>21</v>
      </c>
      <c r="C39" s="14">
        <v>12</v>
      </c>
      <c r="D39" s="18">
        <v>33</v>
      </c>
    </row>
    <row r="40" spans="1:4" ht="18" customHeight="1" x14ac:dyDescent="0.15">
      <c r="A40" s="5">
        <v>29</v>
      </c>
      <c r="B40" s="22">
        <v>21</v>
      </c>
      <c r="C40" s="14">
        <v>15</v>
      </c>
      <c r="D40" s="18">
        <v>36</v>
      </c>
    </row>
    <row r="41" spans="1:4" ht="18" customHeight="1" x14ac:dyDescent="0.15">
      <c r="A41" s="5" t="s">
        <v>2</v>
      </c>
      <c r="B41" s="22">
        <v>95</v>
      </c>
      <c r="C41" s="14">
        <v>76</v>
      </c>
      <c r="D41" s="18">
        <v>171</v>
      </c>
    </row>
    <row r="42" spans="1:4" ht="18" customHeight="1" x14ac:dyDescent="0.15">
      <c r="A42" s="5">
        <v>30</v>
      </c>
      <c r="B42" s="22">
        <v>16</v>
      </c>
      <c r="C42" s="14">
        <v>6</v>
      </c>
      <c r="D42" s="18">
        <v>22</v>
      </c>
    </row>
    <row r="43" spans="1:4" ht="18" customHeight="1" x14ac:dyDescent="0.15">
      <c r="A43" s="5">
        <v>31</v>
      </c>
      <c r="B43" s="22">
        <v>15</v>
      </c>
      <c r="C43" s="14">
        <v>15</v>
      </c>
      <c r="D43" s="18">
        <v>30</v>
      </c>
    </row>
    <row r="44" spans="1:4" ht="18" customHeight="1" x14ac:dyDescent="0.15">
      <c r="A44" s="5">
        <v>32</v>
      </c>
      <c r="B44" s="22">
        <v>13</v>
      </c>
      <c r="C44" s="14">
        <v>14</v>
      </c>
      <c r="D44" s="18">
        <v>27</v>
      </c>
    </row>
    <row r="45" spans="1:4" ht="18" customHeight="1" x14ac:dyDescent="0.15">
      <c r="A45" s="5">
        <v>33</v>
      </c>
      <c r="B45" s="22">
        <v>8</v>
      </c>
      <c r="C45" s="14">
        <v>11</v>
      </c>
      <c r="D45" s="18">
        <v>19</v>
      </c>
    </row>
    <row r="46" spans="1:4" ht="18" customHeight="1" x14ac:dyDescent="0.15">
      <c r="A46" s="5">
        <v>34</v>
      </c>
      <c r="B46" s="22">
        <v>8</v>
      </c>
      <c r="C46" s="14">
        <v>20</v>
      </c>
      <c r="D46" s="18">
        <v>28</v>
      </c>
    </row>
    <row r="47" spans="1:4" ht="18" customHeight="1" x14ac:dyDescent="0.15">
      <c r="A47" s="5" t="s">
        <v>15</v>
      </c>
      <c r="B47" s="22">
        <v>60</v>
      </c>
      <c r="C47" s="14">
        <v>66</v>
      </c>
      <c r="D47" s="18">
        <v>126</v>
      </c>
    </row>
    <row r="48" spans="1:4" ht="18" customHeight="1" x14ac:dyDescent="0.15">
      <c r="A48" s="5">
        <v>35</v>
      </c>
      <c r="B48" s="22">
        <v>16</v>
      </c>
      <c r="C48" s="14">
        <v>15</v>
      </c>
      <c r="D48" s="18">
        <v>31</v>
      </c>
    </row>
    <row r="49" spans="1:4" ht="18" customHeight="1" x14ac:dyDescent="0.15">
      <c r="A49" s="5">
        <v>36</v>
      </c>
      <c r="B49" s="22">
        <v>15</v>
      </c>
      <c r="C49" s="14">
        <v>13</v>
      </c>
      <c r="D49" s="18">
        <v>28</v>
      </c>
    </row>
    <row r="50" spans="1:4" ht="18" customHeight="1" x14ac:dyDescent="0.15">
      <c r="A50" s="5">
        <v>37</v>
      </c>
      <c r="B50" s="22">
        <v>15</v>
      </c>
      <c r="C50" s="14">
        <v>7</v>
      </c>
      <c r="D50" s="18">
        <v>22</v>
      </c>
    </row>
    <row r="51" spans="1:4" ht="18" customHeight="1" x14ac:dyDescent="0.15">
      <c r="A51" s="5">
        <v>38</v>
      </c>
      <c r="B51" s="22">
        <v>24</v>
      </c>
      <c r="C51" s="14">
        <v>16</v>
      </c>
      <c r="D51" s="18">
        <v>40</v>
      </c>
    </row>
    <row r="52" spans="1:4" ht="18" customHeight="1" x14ac:dyDescent="0.15">
      <c r="A52" s="5">
        <v>39</v>
      </c>
      <c r="B52" s="22">
        <v>28</v>
      </c>
      <c r="C52" s="14">
        <v>14</v>
      </c>
      <c r="D52" s="18">
        <v>42</v>
      </c>
    </row>
    <row r="53" spans="1:4" ht="18" customHeight="1" x14ac:dyDescent="0.15">
      <c r="A53" s="5" t="s">
        <v>18</v>
      </c>
      <c r="B53" s="22">
        <v>98</v>
      </c>
      <c r="C53" s="14">
        <v>65</v>
      </c>
      <c r="D53" s="18">
        <v>163</v>
      </c>
    </row>
    <row r="54" spans="1:4" ht="18" customHeight="1" x14ac:dyDescent="0.15">
      <c r="A54" s="5">
        <v>40</v>
      </c>
      <c r="B54" s="22">
        <v>25</v>
      </c>
      <c r="C54" s="14">
        <v>24</v>
      </c>
      <c r="D54" s="18">
        <v>49</v>
      </c>
    </row>
    <row r="55" spans="1:4" ht="18" customHeight="1" x14ac:dyDescent="0.15">
      <c r="A55" s="5">
        <v>41</v>
      </c>
      <c r="B55" s="22">
        <v>19</v>
      </c>
      <c r="C55" s="14">
        <v>14</v>
      </c>
      <c r="D55" s="18">
        <v>33</v>
      </c>
    </row>
    <row r="56" spans="1:4" ht="18" customHeight="1" x14ac:dyDescent="0.15">
      <c r="A56" s="5">
        <v>42</v>
      </c>
      <c r="B56" s="22">
        <v>18</v>
      </c>
      <c r="C56" s="14">
        <v>18</v>
      </c>
      <c r="D56" s="18">
        <v>36</v>
      </c>
    </row>
    <row r="57" spans="1:4" ht="18" customHeight="1" x14ac:dyDescent="0.15">
      <c r="A57" s="5">
        <v>43</v>
      </c>
      <c r="B57" s="22">
        <v>20</v>
      </c>
      <c r="C57" s="14">
        <v>22</v>
      </c>
      <c r="D57" s="18">
        <v>42</v>
      </c>
    </row>
    <row r="58" spans="1:4" ht="18" customHeight="1" x14ac:dyDescent="0.15">
      <c r="A58" s="5">
        <v>44</v>
      </c>
      <c r="B58" s="22">
        <v>19</v>
      </c>
      <c r="C58" s="14">
        <v>14</v>
      </c>
      <c r="D58" s="18">
        <v>33</v>
      </c>
    </row>
    <row r="59" spans="1:4" ht="18" customHeight="1" x14ac:dyDescent="0.15">
      <c r="A59" s="5" t="s">
        <v>21</v>
      </c>
      <c r="B59" s="22">
        <v>101</v>
      </c>
      <c r="C59" s="14">
        <v>92</v>
      </c>
      <c r="D59" s="18">
        <v>193</v>
      </c>
    </row>
    <row r="60" spans="1:4" ht="18" customHeight="1" x14ac:dyDescent="0.15">
      <c r="A60" s="5">
        <v>45</v>
      </c>
      <c r="B60" s="22">
        <v>23</v>
      </c>
      <c r="C60" s="14">
        <v>25</v>
      </c>
      <c r="D60" s="18">
        <v>48</v>
      </c>
    </row>
    <row r="61" spans="1:4" ht="18" customHeight="1" x14ac:dyDescent="0.15">
      <c r="A61" s="5">
        <v>46</v>
      </c>
      <c r="B61" s="22">
        <v>18</v>
      </c>
      <c r="C61" s="14">
        <v>14</v>
      </c>
      <c r="D61" s="18">
        <v>32</v>
      </c>
    </row>
    <row r="62" spans="1:4" ht="18" customHeight="1" x14ac:dyDescent="0.15">
      <c r="A62" s="5">
        <v>47</v>
      </c>
      <c r="B62" s="22">
        <v>16</v>
      </c>
      <c r="C62" s="14">
        <v>19</v>
      </c>
      <c r="D62" s="18">
        <v>35</v>
      </c>
    </row>
    <row r="63" spans="1:4" ht="18" customHeight="1" x14ac:dyDescent="0.15">
      <c r="A63" s="5">
        <v>48</v>
      </c>
      <c r="B63" s="22">
        <v>21</v>
      </c>
      <c r="C63" s="14">
        <v>20</v>
      </c>
      <c r="D63" s="18">
        <v>41</v>
      </c>
    </row>
    <row r="64" spans="1:4" ht="18" customHeight="1" x14ac:dyDescent="0.15">
      <c r="A64" s="5">
        <v>49</v>
      </c>
      <c r="B64" s="22">
        <v>23</v>
      </c>
      <c r="C64" s="14">
        <v>26</v>
      </c>
      <c r="D64" s="18">
        <v>49</v>
      </c>
    </row>
    <row r="65" spans="1:4" ht="18" customHeight="1" x14ac:dyDescent="0.15">
      <c r="A65" s="5" t="s">
        <v>17</v>
      </c>
      <c r="B65" s="22">
        <v>101</v>
      </c>
      <c r="C65" s="14">
        <v>104</v>
      </c>
      <c r="D65" s="18">
        <v>205</v>
      </c>
    </row>
    <row r="66" spans="1:4" ht="18" customHeight="1" x14ac:dyDescent="0.15">
      <c r="A66" s="5">
        <v>50</v>
      </c>
      <c r="B66" s="22">
        <v>34</v>
      </c>
      <c r="C66" s="14">
        <v>18</v>
      </c>
      <c r="D66" s="18">
        <v>52</v>
      </c>
    </row>
    <row r="67" spans="1:4" ht="18" customHeight="1" x14ac:dyDescent="0.15">
      <c r="A67" s="5">
        <v>51</v>
      </c>
      <c r="B67" s="22">
        <v>21</v>
      </c>
      <c r="C67" s="14">
        <v>20</v>
      </c>
      <c r="D67" s="18">
        <v>41</v>
      </c>
    </row>
    <row r="68" spans="1:4" ht="18" customHeight="1" x14ac:dyDescent="0.15">
      <c r="A68" s="5">
        <v>52</v>
      </c>
      <c r="B68" s="22">
        <v>31</v>
      </c>
      <c r="C68" s="14">
        <v>22</v>
      </c>
      <c r="D68" s="18">
        <v>53</v>
      </c>
    </row>
    <row r="69" spans="1:4" ht="18" customHeight="1" x14ac:dyDescent="0.15">
      <c r="A69" s="5">
        <v>53</v>
      </c>
      <c r="B69" s="22">
        <v>23</v>
      </c>
      <c r="C69" s="14">
        <v>26</v>
      </c>
      <c r="D69" s="18">
        <v>49</v>
      </c>
    </row>
    <row r="70" spans="1:4" ht="18" customHeight="1" x14ac:dyDescent="0.15">
      <c r="A70" s="5">
        <v>54</v>
      </c>
      <c r="B70" s="22">
        <v>25</v>
      </c>
      <c r="C70" s="14">
        <v>18</v>
      </c>
      <c r="D70" s="18">
        <v>43</v>
      </c>
    </row>
    <row r="71" spans="1:4" ht="18" customHeight="1" x14ac:dyDescent="0.15">
      <c r="A71" s="5" t="s">
        <v>22</v>
      </c>
      <c r="B71" s="22">
        <v>134</v>
      </c>
      <c r="C71" s="14">
        <v>104</v>
      </c>
      <c r="D71" s="18">
        <v>238</v>
      </c>
    </row>
    <row r="72" spans="1:4" ht="18" customHeight="1" x14ac:dyDescent="0.15">
      <c r="A72" s="5">
        <v>55</v>
      </c>
      <c r="B72" s="22">
        <v>21</v>
      </c>
      <c r="C72" s="14">
        <v>25</v>
      </c>
      <c r="D72" s="18">
        <v>46</v>
      </c>
    </row>
    <row r="73" spans="1:4" ht="18" customHeight="1" x14ac:dyDescent="0.15">
      <c r="A73" s="5">
        <v>56</v>
      </c>
      <c r="B73" s="22">
        <v>24</v>
      </c>
      <c r="C73" s="14">
        <v>23</v>
      </c>
      <c r="D73" s="18">
        <v>47</v>
      </c>
    </row>
    <row r="74" spans="1:4" ht="18" customHeight="1" x14ac:dyDescent="0.15">
      <c r="A74" s="5">
        <v>57</v>
      </c>
      <c r="B74" s="22">
        <v>23</v>
      </c>
      <c r="C74" s="14">
        <v>19</v>
      </c>
      <c r="D74" s="18">
        <v>42</v>
      </c>
    </row>
    <row r="75" spans="1:4" ht="18" customHeight="1" x14ac:dyDescent="0.15">
      <c r="A75" s="5">
        <v>58</v>
      </c>
      <c r="B75" s="22">
        <v>27</v>
      </c>
      <c r="C75" s="14">
        <v>21</v>
      </c>
      <c r="D75" s="18">
        <v>48</v>
      </c>
    </row>
    <row r="76" spans="1:4" ht="18" customHeight="1" x14ac:dyDescent="0.15">
      <c r="A76" s="5">
        <v>59</v>
      </c>
      <c r="B76" s="22">
        <v>18</v>
      </c>
      <c r="C76" s="14">
        <v>17</v>
      </c>
      <c r="D76" s="18">
        <v>35</v>
      </c>
    </row>
    <row r="77" spans="1:4" ht="18" customHeight="1" x14ac:dyDescent="0.15">
      <c r="A77" s="5" t="s">
        <v>27</v>
      </c>
      <c r="B77" s="22">
        <v>113</v>
      </c>
      <c r="C77" s="14">
        <v>105</v>
      </c>
      <c r="D77" s="18">
        <v>218</v>
      </c>
    </row>
    <row r="78" spans="1:4" ht="18" customHeight="1" x14ac:dyDescent="0.15">
      <c r="A78" s="5">
        <v>60</v>
      </c>
      <c r="B78" s="22">
        <v>13</v>
      </c>
      <c r="C78" s="14">
        <v>17</v>
      </c>
      <c r="D78" s="18">
        <v>30</v>
      </c>
    </row>
    <row r="79" spans="1:4" ht="18" customHeight="1" x14ac:dyDescent="0.15">
      <c r="A79" s="5">
        <v>61</v>
      </c>
      <c r="B79" s="22">
        <v>14</v>
      </c>
      <c r="C79" s="14">
        <v>19</v>
      </c>
      <c r="D79" s="18">
        <v>33</v>
      </c>
    </row>
    <row r="80" spans="1:4" ht="18" customHeight="1" x14ac:dyDescent="0.15">
      <c r="A80" s="5">
        <v>62</v>
      </c>
      <c r="B80" s="22">
        <v>23</v>
      </c>
      <c r="C80" s="14">
        <v>13</v>
      </c>
      <c r="D80" s="18">
        <v>36</v>
      </c>
    </row>
    <row r="81" spans="1:4" ht="18" customHeight="1" x14ac:dyDescent="0.15">
      <c r="A81" s="5">
        <v>63</v>
      </c>
      <c r="B81" s="22">
        <v>18</v>
      </c>
      <c r="C81" s="14">
        <v>23</v>
      </c>
      <c r="D81" s="18">
        <v>41</v>
      </c>
    </row>
    <row r="82" spans="1:4" ht="18" customHeight="1" x14ac:dyDescent="0.15">
      <c r="A82" s="5">
        <v>64</v>
      </c>
      <c r="B82" s="22">
        <v>16</v>
      </c>
      <c r="C82" s="14">
        <v>25</v>
      </c>
      <c r="D82" s="18">
        <v>41</v>
      </c>
    </row>
    <row r="83" spans="1:4" ht="18" customHeight="1" x14ac:dyDescent="0.15">
      <c r="A83" s="5" t="s">
        <v>28</v>
      </c>
      <c r="B83" s="22">
        <v>84</v>
      </c>
      <c r="C83" s="14">
        <v>97</v>
      </c>
      <c r="D83" s="18">
        <v>181</v>
      </c>
    </row>
    <row r="84" spans="1:4" ht="18" customHeight="1" x14ac:dyDescent="0.15">
      <c r="A84" s="5" t="s">
        <v>31</v>
      </c>
      <c r="B84" s="22">
        <v>938</v>
      </c>
      <c r="C84" s="14">
        <v>853</v>
      </c>
      <c r="D84" s="18">
        <v>1791</v>
      </c>
    </row>
    <row r="85" spans="1:4" ht="18" customHeight="1" x14ac:dyDescent="0.15">
      <c r="A85" s="5">
        <v>65</v>
      </c>
      <c r="B85" s="22">
        <v>18</v>
      </c>
      <c r="C85" s="14">
        <v>20</v>
      </c>
      <c r="D85" s="18">
        <v>38</v>
      </c>
    </row>
    <row r="86" spans="1:4" ht="18" customHeight="1" x14ac:dyDescent="0.15">
      <c r="A86" s="5">
        <v>66</v>
      </c>
      <c r="B86" s="22">
        <v>12</v>
      </c>
      <c r="C86" s="14">
        <v>23</v>
      </c>
      <c r="D86" s="18">
        <v>35</v>
      </c>
    </row>
    <row r="87" spans="1:4" ht="18" customHeight="1" x14ac:dyDescent="0.15">
      <c r="A87" s="5">
        <v>67</v>
      </c>
      <c r="B87" s="22">
        <v>18</v>
      </c>
      <c r="C87" s="14">
        <v>14</v>
      </c>
      <c r="D87" s="18">
        <v>32</v>
      </c>
    </row>
    <row r="88" spans="1:4" ht="18" customHeight="1" x14ac:dyDescent="0.15">
      <c r="A88" s="5">
        <v>68</v>
      </c>
      <c r="B88" s="22">
        <v>19</v>
      </c>
      <c r="C88" s="14">
        <v>15</v>
      </c>
      <c r="D88" s="18">
        <v>34</v>
      </c>
    </row>
    <row r="89" spans="1:4" ht="18" customHeight="1" x14ac:dyDescent="0.15">
      <c r="A89" s="5">
        <v>69</v>
      </c>
      <c r="B89" s="22">
        <v>18</v>
      </c>
      <c r="C89" s="14">
        <v>25</v>
      </c>
      <c r="D89" s="18">
        <v>43</v>
      </c>
    </row>
    <row r="90" spans="1:4" ht="18" customHeight="1" x14ac:dyDescent="0.15">
      <c r="A90" s="5" t="s">
        <v>20</v>
      </c>
      <c r="B90" s="22">
        <v>85</v>
      </c>
      <c r="C90" s="14">
        <v>97</v>
      </c>
      <c r="D90" s="18">
        <v>182</v>
      </c>
    </row>
    <row r="91" spans="1:4" ht="18" customHeight="1" x14ac:dyDescent="0.15">
      <c r="A91" s="5">
        <v>70</v>
      </c>
      <c r="B91" s="22">
        <v>26</v>
      </c>
      <c r="C91" s="14">
        <v>26</v>
      </c>
      <c r="D91" s="18">
        <v>52</v>
      </c>
    </row>
    <row r="92" spans="1:4" ht="18" customHeight="1" x14ac:dyDescent="0.15">
      <c r="A92" s="5">
        <v>71</v>
      </c>
      <c r="B92" s="22">
        <v>14</v>
      </c>
      <c r="C92" s="14">
        <v>19</v>
      </c>
      <c r="D92" s="18">
        <v>33</v>
      </c>
    </row>
    <row r="93" spans="1:4" ht="18" customHeight="1" x14ac:dyDescent="0.15">
      <c r="A93" s="5">
        <v>72</v>
      </c>
      <c r="B93" s="22">
        <v>25</v>
      </c>
      <c r="C93" s="14">
        <v>27</v>
      </c>
      <c r="D93" s="18">
        <v>52</v>
      </c>
    </row>
    <row r="94" spans="1:4" ht="18" customHeight="1" x14ac:dyDescent="0.15">
      <c r="A94" s="5">
        <v>73</v>
      </c>
      <c r="B94" s="22">
        <v>23</v>
      </c>
      <c r="C94" s="14">
        <v>39</v>
      </c>
      <c r="D94" s="18">
        <v>62</v>
      </c>
    </row>
    <row r="95" spans="1:4" ht="18" customHeight="1" x14ac:dyDescent="0.15">
      <c r="A95" s="5">
        <v>74</v>
      </c>
      <c r="B95" s="22">
        <v>24</v>
      </c>
      <c r="C95" s="14">
        <v>30</v>
      </c>
      <c r="D95" s="18">
        <v>54</v>
      </c>
    </row>
    <row r="96" spans="1:4" ht="18" customHeight="1" x14ac:dyDescent="0.15">
      <c r="A96" s="5" t="s">
        <v>33</v>
      </c>
      <c r="B96" s="22">
        <v>112</v>
      </c>
      <c r="C96" s="14">
        <v>141</v>
      </c>
      <c r="D96" s="18">
        <v>253</v>
      </c>
    </row>
    <row r="97" spans="1:4" ht="18" customHeight="1" x14ac:dyDescent="0.15">
      <c r="A97" s="5">
        <v>75</v>
      </c>
      <c r="B97" s="22">
        <v>19</v>
      </c>
      <c r="C97" s="14">
        <v>33</v>
      </c>
      <c r="D97" s="18">
        <v>52</v>
      </c>
    </row>
    <row r="98" spans="1:4" ht="18" customHeight="1" x14ac:dyDescent="0.15">
      <c r="A98" s="5">
        <v>76</v>
      </c>
      <c r="B98" s="22">
        <v>38</v>
      </c>
      <c r="C98" s="14">
        <v>39</v>
      </c>
      <c r="D98" s="18">
        <v>77</v>
      </c>
    </row>
    <row r="99" spans="1:4" ht="18" customHeight="1" x14ac:dyDescent="0.15">
      <c r="A99" s="5">
        <v>77</v>
      </c>
      <c r="B99" s="22">
        <v>37</v>
      </c>
      <c r="C99" s="14">
        <v>36</v>
      </c>
      <c r="D99" s="18">
        <v>73</v>
      </c>
    </row>
    <row r="100" spans="1:4" ht="18" customHeight="1" x14ac:dyDescent="0.15">
      <c r="A100" s="5">
        <v>78</v>
      </c>
      <c r="B100" s="22">
        <v>26</v>
      </c>
      <c r="C100" s="14">
        <v>23</v>
      </c>
      <c r="D100" s="18">
        <v>49</v>
      </c>
    </row>
    <row r="101" spans="1:4" ht="18" customHeight="1" x14ac:dyDescent="0.15">
      <c r="A101" s="5">
        <v>79</v>
      </c>
      <c r="B101" s="22">
        <v>24</v>
      </c>
      <c r="C101" s="14">
        <v>31</v>
      </c>
      <c r="D101" s="18">
        <v>55</v>
      </c>
    </row>
    <row r="102" spans="1:4" ht="18" customHeight="1" x14ac:dyDescent="0.15">
      <c r="A102" s="5" t="s">
        <v>0</v>
      </c>
      <c r="B102" s="22">
        <v>144</v>
      </c>
      <c r="C102" s="14">
        <v>162</v>
      </c>
      <c r="D102" s="18">
        <v>306</v>
      </c>
    </row>
    <row r="103" spans="1:4" ht="18" customHeight="1" x14ac:dyDescent="0.15">
      <c r="A103" s="5">
        <v>80</v>
      </c>
      <c r="B103" s="22">
        <v>16</v>
      </c>
      <c r="C103" s="14">
        <v>17</v>
      </c>
      <c r="D103" s="18">
        <v>33</v>
      </c>
    </row>
    <row r="104" spans="1:4" ht="18" customHeight="1" x14ac:dyDescent="0.15">
      <c r="A104" s="5">
        <v>81</v>
      </c>
      <c r="B104" s="22">
        <v>27</v>
      </c>
      <c r="C104" s="14">
        <v>24</v>
      </c>
      <c r="D104" s="18">
        <v>51</v>
      </c>
    </row>
    <row r="105" spans="1:4" ht="18" customHeight="1" x14ac:dyDescent="0.15">
      <c r="A105" s="5">
        <v>82</v>
      </c>
      <c r="B105" s="22">
        <v>18</v>
      </c>
      <c r="C105" s="14">
        <v>20</v>
      </c>
      <c r="D105" s="18">
        <v>38</v>
      </c>
    </row>
    <row r="106" spans="1:4" ht="18" customHeight="1" x14ac:dyDescent="0.15">
      <c r="A106" s="5">
        <v>83</v>
      </c>
      <c r="B106" s="22">
        <v>16</v>
      </c>
      <c r="C106" s="14">
        <v>20</v>
      </c>
      <c r="D106" s="18">
        <v>36</v>
      </c>
    </row>
    <row r="107" spans="1:4" ht="18" customHeight="1" x14ac:dyDescent="0.15">
      <c r="A107" s="5">
        <v>84</v>
      </c>
      <c r="B107" s="22">
        <v>21</v>
      </c>
      <c r="C107" s="14">
        <v>18</v>
      </c>
      <c r="D107" s="18">
        <v>39</v>
      </c>
    </row>
    <row r="108" spans="1:4" ht="18" customHeight="1" x14ac:dyDescent="0.15">
      <c r="A108" s="5" t="s">
        <v>35</v>
      </c>
      <c r="B108" s="22">
        <v>98</v>
      </c>
      <c r="C108" s="14">
        <v>99</v>
      </c>
      <c r="D108" s="18">
        <v>197</v>
      </c>
    </row>
    <row r="109" spans="1:4" ht="18" customHeight="1" x14ac:dyDescent="0.15">
      <c r="A109" s="5">
        <v>85</v>
      </c>
      <c r="B109" s="22">
        <v>14</v>
      </c>
      <c r="C109" s="14">
        <v>17</v>
      </c>
      <c r="D109" s="18">
        <v>31</v>
      </c>
    </row>
    <row r="110" spans="1:4" ht="18" customHeight="1" x14ac:dyDescent="0.15">
      <c r="A110" s="5">
        <v>86</v>
      </c>
      <c r="B110" s="22">
        <v>8</v>
      </c>
      <c r="C110" s="14">
        <v>12</v>
      </c>
      <c r="D110" s="18">
        <v>20</v>
      </c>
    </row>
    <row r="111" spans="1:4" ht="18" customHeight="1" x14ac:dyDescent="0.15">
      <c r="A111" s="5">
        <v>87</v>
      </c>
      <c r="B111" s="22">
        <v>7</v>
      </c>
      <c r="C111" s="14">
        <v>14</v>
      </c>
      <c r="D111" s="18">
        <v>21</v>
      </c>
    </row>
    <row r="112" spans="1:4" ht="18" customHeight="1" x14ac:dyDescent="0.15">
      <c r="A112" s="5">
        <v>88</v>
      </c>
      <c r="B112" s="22">
        <v>6</v>
      </c>
      <c r="C112" s="14">
        <v>22</v>
      </c>
      <c r="D112" s="18">
        <v>28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41</v>
      </c>
      <c r="C114" s="14">
        <v>78</v>
      </c>
      <c r="D114" s="18">
        <v>119</v>
      </c>
    </row>
    <row r="115" spans="1:4" ht="18" customHeight="1" x14ac:dyDescent="0.15">
      <c r="A115" s="5">
        <v>90</v>
      </c>
      <c r="B115" s="22">
        <v>7</v>
      </c>
      <c r="C115" s="14">
        <v>8</v>
      </c>
      <c r="D115" s="18">
        <v>15</v>
      </c>
    </row>
    <row r="116" spans="1:4" ht="18" customHeight="1" x14ac:dyDescent="0.15">
      <c r="A116" s="5">
        <v>91</v>
      </c>
      <c r="B116" s="22">
        <v>4</v>
      </c>
      <c r="C116" s="14">
        <v>9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10</v>
      </c>
      <c r="D118" s="18">
        <v>12</v>
      </c>
    </row>
    <row r="119" spans="1:4" ht="18" customHeight="1" x14ac:dyDescent="0.15">
      <c r="A119" s="5">
        <v>94</v>
      </c>
      <c r="B119" s="22">
        <v>3</v>
      </c>
      <c r="C119" s="14">
        <v>5</v>
      </c>
      <c r="D119" s="18">
        <v>8</v>
      </c>
    </row>
    <row r="120" spans="1:4" ht="18" customHeight="1" x14ac:dyDescent="0.15">
      <c r="A120" s="5" t="s">
        <v>39</v>
      </c>
      <c r="B120" s="22">
        <v>19</v>
      </c>
      <c r="C120" s="14">
        <v>42</v>
      </c>
      <c r="D120" s="18">
        <v>61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2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14</v>
      </c>
      <c r="D126" s="18">
        <v>1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02</v>
      </c>
      <c r="C130" s="14">
        <v>635</v>
      </c>
      <c r="D130" s="18">
        <v>1137</v>
      </c>
    </row>
    <row r="131" spans="1:4" ht="18" customHeight="1" x14ac:dyDescent="0.15">
      <c r="A131" s="7" t="s">
        <v>45</v>
      </c>
      <c r="B131" s="23">
        <v>1607</v>
      </c>
      <c r="C131" s="15">
        <v>1646</v>
      </c>
      <c r="D131" s="19">
        <v>32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2</v>
      </c>
      <c r="D5" s="17">
        <v>3</v>
      </c>
    </row>
    <row r="6" spans="1:4" ht="18" customHeight="1" x14ac:dyDescent="0.15">
      <c r="A6" s="5">
        <v>1</v>
      </c>
      <c r="B6" s="22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2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2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2">
        <v>1</v>
      </c>
      <c r="C9" s="14">
        <v>1</v>
      </c>
      <c r="D9" s="18">
        <v>2</v>
      </c>
    </row>
    <row r="10" spans="1:4" ht="18" customHeight="1" x14ac:dyDescent="0.15">
      <c r="A10" s="5" t="s">
        <v>7</v>
      </c>
      <c r="B10" s="22">
        <v>4</v>
      </c>
      <c r="C10" s="14">
        <v>5</v>
      </c>
      <c r="D10" s="18">
        <v>9</v>
      </c>
    </row>
    <row r="11" spans="1:4" ht="18" customHeight="1" x14ac:dyDescent="0.15">
      <c r="A11" s="5">
        <v>5</v>
      </c>
      <c r="B11" s="22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2">
        <v>4</v>
      </c>
      <c r="C12" s="14">
        <v>0</v>
      </c>
      <c r="D12" s="18">
        <v>4</v>
      </c>
    </row>
    <row r="13" spans="1:4" ht="18" customHeight="1" x14ac:dyDescent="0.15">
      <c r="A13" s="5">
        <v>7</v>
      </c>
      <c r="B13" s="22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2">
        <v>4</v>
      </c>
      <c r="C14" s="14">
        <v>3</v>
      </c>
      <c r="D14" s="18">
        <v>7</v>
      </c>
    </row>
    <row r="15" spans="1:4" ht="18" customHeight="1" x14ac:dyDescent="0.15">
      <c r="A15" s="5">
        <v>9</v>
      </c>
      <c r="B15" s="22">
        <v>3</v>
      </c>
      <c r="C15" s="14">
        <v>5</v>
      </c>
      <c r="D15" s="18">
        <v>8</v>
      </c>
    </row>
    <row r="16" spans="1:4" ht="18" customHeight="1" x14ac:dyDescent="0.15">
      <c r="A16" s="5" t="s">
        <v>11</v>
      </c>
      <c r="B16" s="22">
        <v>14</v>
      </c>
      <c r="C16" s="14">
        <v>11</v>
      </c>
      <c r="D16" s="18">
        <v>25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2</v>
      </c>
      <c r="C18" s="14">
        <v>8</v>
      </c>
      <c r="D18" s="18">
        <v>10</v>
      </c>
    </row>
    <row r="19" spans="1:4" ht="18" customHeight="1" x14ac:dyDescent="0.15">
      <c r="A19" s="5">
        <v>12</v>
      </c>
      <c r="B19" s="22">
        <v>5</v>
      </c>
      <c r="C19" s="14">
        <v>5</v>
      </c>
      <c r="D19" s="18">
        <v>10</v>
      </c>
    </row>
    <row r="20" spans="1:4" ht="18" customHeight="1" x14ac:dyDescent="0.15">
      <c r="A20" s="5">
        <v>13</v>
      </c>
      <c r="B20" s="22">
        <v>4</v>
      </c>
      <c r="C20" s="14">
        <v>3</v>
      </c>
      <c r="D20" s="18">
        <v>7</v>
      </c>
    </row>
    <row r="21" spans="1:4" ht="18" customHeight="1" x14ac:dyDescent="0.15">
      <c r="A21" s="5">
        <v>14</v>
      </c>
      <c r="B21" s="22">
        <v>3</v>
      </c>
      <c r="C21" s="14">
        <v>5</v>
      </c>
      <c r="D21" s="18">
        <v>8</v>
      </c>
    </row>
    <row r="22" spans="1:4" ht="18" customHeight="1" x14ac:dyDescent="0.15">
      <c r="A22" s="5" t="s">
        <v>12</v>
      </c>
      <c r="B22" s="22">
        <v>18</v>
      </c>
      <c r="C22" s="14">
        <v>23</v>
      </c>
      <c r="D22" s="18">
        <v>41</v>
      </c>
    </row>
    <row r="23" spans="1:4" ht="18" customHeight="1" x14ac:dyDescent="0.15">
      <c r="A23" s="5" t="s">
        <v>6</v>
      </c>
      <c r="B23" s="22">
        <v>36</v>
      </c>
      <c r="C23" s="14">
        <v>39</v>
      </c>
      <c r="D23" s="18">
        <v>75</v>
      </c>
    </row>
    <row r="24" spans="1:4" ht="18" customHeight="1" x14ac:dyDescent="0.15">
      <c r="A24" s="5">
        <v>15</v>
      </c>
      <c r="B24" s="22">
        <v>4</v>
      </c>
      <c r="C24" s="14">
        <v>3</v>
      </c>
      <c r="D24" s="18">
        <v>7</v>
      </c>
    </row>
    <row r="25" spans="1:4" ht="18" customHeight="1" x14ac:dyDescent="0.15">
      <c r="A25" s="5">
        <v>16</v>
      </c>
      <c r="B25" s="22">
        <v>3</v>
      </c>
      <c r="C25" s="14">
        <v>3</v>
      </c>
      <c r="D25" s="18">
        <v>6</v>
      </c>
    </row>
    <row r="26" spans="1:4" ht="18" customHeight="1" x14ac:dyDescent="0.15">
      <c r="A26" s="5">
        <v>17</v>
      </c>
      <c r="B26" s="22">
        <v>2</v>
      </c>
      <c r="C26" s="14">
        <v>6</v>
      </c>
      <c r="D26" s="18">
        <v>8</v>
      </c>
    </row>
    <row r="27" spans="1:4" ht="18" customHeight="1" x14ac:dyDescent="0.15">
      <c r="A27" s="5">
        <v>18</v>
      </c>
      <c r="B27" s="22">
        <v>8</v>
      </c>
      <c r="C27" s="14">
        <v>5</v>
      </c>
      <c r="D27" s="18">
        <v>13</v>
      </c>
    </row>
    <row r="28" spans="1:4" ht="18" customHeight="1" x14ac:dyDescent="0.15">
      <c r="A28" s="5">
        <v>19</v>
      </c>
      <c r="B28" s="22">
        <v>6</v>
      </c>
      <c r="C28" s="14">
        <v>0</v>
      </c>
      <c r="D28" s="18">
        <v>6</v>
      </c>
    </row>
    <row r="29" spans="1:4" ht="18" customHeight="1" x14ac:dyDescent="0.15">
      <c r="A29" s="5" t="s">
        <v>14</v>
      </c>
      <c r="B29" s="22">
        <v>23</v>
      </c>
      <c r="C29" s="14">
        <v>17</v>
      </c>
      <c r="D29" s="18">
        <v>40</v>
      </c>
    </row>
    <row r="30" spans="1:4" ht="18" customHeight="1" x14ac:dyDescent="0.15">
      <c r="A30" s="5">
        <v>20</v>
      </c>
      <c r="B30" s="22">
        <v>3</v>
      </c>
      <c r="C30" s="14">
        <v>4</v>
      </c>
      <c r="D30" s="18">
        <v>7</v>
      </c>
    </row>
    <row r="31" spans="1:4" ht="18" customHeight="1" x14ac:dyDescent="0.15">
      <c r="A31" s="5">
        <v>21</v>
      </c>
      <c r="B31" s="22">
        <v>2</v>
      </c>
      <c r="C31" s="14">
        <v>4</v>
      </c>
      <c r="D31" s="18">
        <v>6</v>
      </c>
    </row>
    <row r="32" spans="1:4" ht="18" customHeight="1" x14ac:dyDescent="0.15">
      <c r="A32" s="5">
        <v>22</v>
      </c>
      <c r="B32" s="22">
        <v>3</v>
      </c>
      <c r="C32" s="14">
        <v>8</v>
      </c>
      <c r="D32" s="18">
        <v>11</v>
      </c>
    </row>
    <row r="33" spans="1:4" ht="18" customHeight="1" x14ac:dyDescent="0.15">
      <c r="A33" s="5">
        <v>23</v>
      </c>
      <c r="B33" s="22">
        <v>4</v>
      </c>
      <c r="C33" s="14">
        <v>3</v>
      </c>
      <c r="D33" s="18">
        <v>7</v>
      </c>
    </row>
    <row r="34" spans="1:4" ht="18" customHeight="1" x14ac:dyDescent="0.15">
      <c r="A34" s="5">
        <v>24</v>
      </c>
      <c r="B34" s="22">
        <v>4</v>
      </c>
      <c r="C34" s="14">
        <v>2</v>
      </c>
      <c r="D34" s="18">
        <v>6</v>
      </c>
    </row>
    <row r="35" spans="1:4" ht="18" customHeight="1" x14ac:dyDescent="0.15">
      <c r="A35" s="5" t="s">
        <v>9</v>
      </c>
      <c r="B35" s="22">
        <v>16</v>
      </c>
      <c r="C35" s="14">
        <v>21</v>
      </c>
      <c r="D35" s="18">
        <v>37</v>
      </c>
    </row>
    <row r="36" spans="1:4" ht="18" customHeight="1" x14ac:dyDescent="0.15">
      <c r="A36" s="5">
        <v>25</v>
      </c>
      <c r="B36" s="22">
        <v>3</v>
      </c>
      <c r="C36" s="14">
        <v>6</v>
      </c>
      <c r="D36" s="18">
        <v>9</v>
      </c>
    </row>
    <row r="37" spans="1:4" ht="18" customHeight="1" x14ac:dyDescent="0.15">
      <c r="A37" s="5">
        <v>26</v>
      </c>
      <c r="B37" s="22">
        <v>3</v>
      </c>
      <c r="C37" s="14">
        <v>2</v>
      </c>
      <c r="D37" s="18">
        <v>5</v>
      </c>
    </row>
    <row r="38" spans="1:4" ht="18" customHeight="1" x14ac:dyDescent="0.15">
      <c r="A38" s="5">
        <v>27</v>
      </c>
      <c r="B38" s="22">
        <v>1</v>
      </c>
      <c r="C38" s="14">
        <v>2</v>
      </c>
      <c r="D38" s="18">
        <v>3</v>
      </c>
    </row>
    <row r="39" spans="1:4" ht="18" customHeight="1" x14ac:dyDescent="0.15">
      <c r="A39" s="5">
        <v>28</v>
      </c>
      <c r="B39" s="22">
        <v>5</v>
      </c>
      <c r="C39" s="14">
        <v>3</v>
      </c>
      <c r="D39" s="18">
        <v>8</v>
      </c>
    </row>
    <row r="40" spans="1:4" ht="18" customHeight="1" x14ac:dyDescent="0.15">
      <c r="A40" s="5">
        <v>29</v>
      </c>
      <c r="B40" s="22">
        <v>1</v>
      </c>
      <c r="C40" s="14">
        <v>4</v>
      </c>
      <c r="D40" s="18">
        <v>5</v>
      </c>
    </row>
    <row r="41" spans="1:4" ht="18" customHeight="1" x14ac:dyDescent="0.15">
      <c r="A41" s="5" t="s">
        <v>2</v>
      </c>
      <c r="B41" s="22">
        <v>13</v>
      </c>
      <c r="C41" s="14">
        <v>17</v>
      </c>
      <c r="D41" s="18">
        <v>30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6</v>
      </c>
      <c r="C43" s="14">
        <v>2</v>
      </c>
      <c r="D43" s="18">
        <v>8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7</v>
      </c>
      <c r="C47" s="14">
        <v>9</v>
      </c>
      <c r="D47" s="18">
        <v>26</v>
      </c>
    </row>
    <row r="48" spans="1:4" ht="18" customHeight="1" x14ac:dyDescent="0.15">
      <c r="A48" s="5">
        <v>35</v>
      </c>
      <c r="B48" s="22">
        <v>3</v>
      </c>
      <c r="C48" s="14">
        <v>2</v>
      </c>
      <c r="D48" s="18">
        <v>5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7</v>
      </c>
      <c r="C52" s="14">
        <v>2</v>
      </c>
      <c r="D52" s="18">
        <v>9</v>
      </c>
    </row>
    <row r="53" spans="1:4" ht="18" customHeight="1" x14ac:dyDescent="0.15">
      <c r="A53" s="5" t="s">
        <v>18</v>
      </c>
      <c r="B53" s="22">
        <v>16</v>
      </c>
      <c r="C53" s="14">
        <v>12</v>
      </c>
      <c r="D53" s="18">
        <v>28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7</v>
      </c>
      <c r="C55" s="14">
        <v>8</v>
      </c>
      <c r="D55" s="18">
        <v>15</v>
      </c>
    </row>
    <row r="56" spans="1:4" ht="18" customHeight="1" x14ac:dyDescent="0.15">
      <c r="A56" s="5">
        <v>42</v>
      </c>
      <c r="B56" s="22">
        <v>3</v>
      </c>
      <c r="C56" s="14">
        <v>8</v>
      </c>
      <c r="D56" s="18">
        <v>11</v>
      </c>
    </row>
    <row r="57" spans="1:4" ht="18" customHeight="1" x14ac:dyDescent="0.15">
      <c r="A57" s="5">
        <v>43</v>
      </c>
      <c r="B57" s="22">
        <v>7</v>
      </c>
      <c r="C57" s="14">
        <v>6</v>
      </c>
      <c r="D57" s="18">
        <v>13</v>
      </c>
    </row>
    <row r="58" spans="1:4" ht="18" customHeight="1" x14ac:dyDescent="0.15">
      <c r="A58" s="5">
        <v>44</v>
      </c>
      <c r="B58" s="22">
        <v>3</v>
      </c>
      <c r="C58" s="14">
        <v>7</v>
      </c>
      <c r="D58" s="18">
        <v>10</v>
      </c>
    </row>
    <row r="59" spans="1:4" ht="18" customHeight="1" x14ac:dyDescent="0.15">
      <c r="A59" s="5" t="s">
        <v>21</v>
      </c>
      <c r="B59" s="22">
        <v>23</v>
      </c>
      <c r="C59" s="14">
        <v>30</v>
      </c>
      <c r="D59" s="18">
        <v>53</v>
      </c>
    </row>
    <row r="60" spans="1:4" ht="18" customHeight="1" x14ac:dyDescent="0.15">
      <c r="A60" s="5">
        <v>45</v>
      </c>
      <c r="B60" s="22">
        <v>6</v>
      </c>
      <c r="C60" s="14">
        <v>8</v>
      </c>
      <c r="D60" s="18">
        <v>14</v>
      </c>
    </row>
    <row r="61" spans="1:4" ht="18" customHeight="1" x14ac:dyDescent="0.15">
      <c r="A61" s="5">
        <v>46</v>
      </c>
      <c r="B61" s="22">
        <v>6</v>
      </c>
      <c r="C61" s="14">
        <v>5</v>
      </c>
      <c r="D61" s="18">
        <v>11</v>
      </c>
    </row>
    <row r="62" spans="1:4" ht="18" customHeight="1" x14ac:dyDescent="0.15">
      <c r="A62" s="5">
        <v>47</v>
      </c>
      <c r="B62" s="22">
        <v>7</v>
      </c>
      <c r="C62" s="14">
        <v>13</v>
      </c>
      <c r="D62" s="18">
        <v>20</v>
      </c>
    </row>
    <row r="63" spans="1:4" ht="18" customHeight="1" x14ac:dyDescent="0.15">
      <c r="A63" s="5">
        <v>48</v>
      </c>
      <c r="B63" s="22">
        <v>6</v>
      </c>
      <c r="C63" s="14">
        <v>6</v>
      </c>
      <c r="D63" s="18">
        <v>12</v>
      </c>
    </row>
    <row r="64" spans="1:4" ht="18" customHeight="1" x14ac:dyDescent="0.15">
      <c r="A64" s="5">
        <v>49</v>
      </c>
      <c r="B64" s="22">
        <v>5</v>
      </c>
      <c r="C64" s="14">
        <v>5</v>
      </c>
      <c r="D64" s="18">
        <v>10</v>
      </c>
    </row>
    <row r="65" spans="1:4" ht="18" customHeight="1" x14ac:dyDescent="0.15">
      <c r="A65" s="5" t="s">
        <v>17</v>
      </c>
      <c r="B65" s="22">
        <v>30</v>
      </c>
      <c r="C65" s="14">
        <v>37</v>
      </c>
      <c r="D65" s="18">
        <v>67</v>
      </c>
    </row>
    <row r="66" spans="1:4" ht="18" customHeight="1" x14ac:dyDescent="0.15">
      <c r="A66" s="5">
        <v>50</v>
      </c>
      <c r="B66" s="22">
        <v>12</v>
      </c>
      <c r="C66" s="14">
        <v>8</v>
      </c>
      <c r="D66" s="18">
        <v>20</v>
      </c>
    </row>
    <row r="67" spans="1:4" ht="18" customHeight="1" x14ac:dyDescent="0.15">
      <c r="A67" s="5">
        <v>51</v>
      </c>
      <c r="B67" s="22">
        <v>5</v>
      </c>
      <c r="C67" s="14">
        <v>6</v>
      </c>
      <c r="D67" s="18">
        <v>11</v>
      </c>
    </row>
    <row r="68" spans="1:4" ht="18" customHeight="1" x14ac:dyDescent="0.15">
      <c r="A68" s="5">
        <v>52</v>
      </c>
      <c r="B68" s="22">
        <v>9</v>
      </c>
      <c r="C68" s="14">
        <v>9</v>
      </c>
      <c r="D68" s="18">
        <v>18</v>
      </c>
    </row>
    <row r="69" spans="1:4" ht="18" customHeight="1" x14ac:dyDescent="0.15">
      <c r="A69" s="5">
        <v>53</v>
      </c>
      <c r="B69" s="22">
        <v>16</v>
      </c>
      <c r="C69" s="14">
        <v>13</v>
      </c>
      <c r="D69" s="18">
        <v>29</v>
      </c>
    </row>
    <row r="70" spans="1:4" ht="18" customHeight="1" x14ac:dyDescent="0.15">
      <c r="A70" s="5">
        <v>54</v>
      </c>
      <c r="B70" s="22">
        <v>6</v>
      </c>
      <c r="C70" s="14">
        <v>9</v>
      </c>
      <c r="D70" s="18">
        <v>15</v>
      </c>
    </row>
    <row r="71" spans="1:4" ht="18" customHeight="1" x14ac:dyDescent="0.15">
      <c r="A71" s="5" t="s">
        <v>22</v>
      </c>
      <c r="B71" s="22">
        <v>48</v>
      </c>
      <c r="C71" s="14">
        <v>45</v>
      </c>
      <c r="D71" s="18">
        <v>93</v>
      </c>
    </row>
    <row r="72" spans="1:4" ht="18" customHeight="1" x14ac:dyDescent="0.15">
      <c r="A72" s="5">
        <v>55</v>
      </c>
      <c r="B72" s="22">
        <v>4</v>
      </c>
      <c r="C72" s="14">
        <v>7</v>
      </c>
      <c r="D72" s="18">
        <v>11</v>
      </c>
    </row>
    <row r="73" spans="1:4" ht="18" customHeight="1" x14ac:dyDescent="0.15">
      <c r="A73" s="5">
        <v>56</v>
      </c>
      <c r="B73" s="22">
        <v>11</v>
      </c>
      <c r="C73" s="14">
        <v>3</v>
      </c>
      <c r="D73" s="18">
        <v>14</v>
      </c>
    </row>
    <row r="74" spans="1:4" ht="18" customHeight="1" x14ac:dyDescent="0.15">
      <c r="A74" s="5">
        <v>57</v>
      </c>
      <c r="B74" s="22">
        <v>7</v>
      </c>
      <c r="C74" s="14">
        <v>4</v>
      </c>
      <c r="D74" s="18">
        <v>11</v>
      </c>
    </row>
    <row r="75" spans="1:4" ht="18" customHeight="1" x14ac:dyDescent="0.15">
      <c r="A75" s="5">
        <v>58</v>
      </c>
      <c r="B75" s="22">
        <v>2</v>
      </c>
      <c r="C75" s="14">
        <v>5</v>
      </c>
      <c r="D75" s="18">
        <v>7</v>
      </c>
    </row>
    <row r="76" spans="1:4" ht="18" customHeight="1" x14ac:dyDescent="0.15">
      <c r="A76" s="5">
        <v>59</v>
      </c>
      <c r="B76" s="22">
        <v>4</v>
      </c>
      <c r="C76" s="14">
        <v>8</v>
      </c>
      <c r="D76" s="18">
        <v>12</v>
      </c>
    </row>
    <row r="77" spans="1:4" ht="18" customHeight="1" x14ac:dyDescent="0.15">
      <c r="A77" s="5" t="s">
        <v>27</v>
      </c>
      <c r="B77" s="22">
        <v>28</v>
      </c>
      <c r="C77" s="14">
        <v>27</v>
      </c>
      <c r="D77" s="18">
        <v>55</v>
      </c>
    </row>
    <row r="78" spans="1:4" ht="18" customHeight="1" x14ac:dyDescent="0.15">
      <c r="A78" s="5">
        <v>60</v>
      </c>
      <c r="B78" s="22">
        <v>6</v>
      </c>
      <c r="C78" s="14">
        <v>4</v>
      </c>
      <c r="D78" s="18">
        <v>10</v>
      </c>
    </row>
    <row r="79" spans="1:4" ht="18" customHeight="1" x14ac:dyDescent="0.15">
      <c r="A79" s="5">
        <v>61</v>
      </c>
      <c r="B79" s="22">
        <v>4</v>
      </c>
      <c r="C79" s="14">
        <v>8</v>
      </c>
      <c r="D79" s="18">
        <v>12</v>
      </c>
    </row>
    <row r="80" spans="1:4" ht="18" customHeight="1" x14ac:dyDescent="0.15">
      <c r="A80" s="5">
        <v>62</v>
      </c>
      <c r="B80" s="22">
        <v>5</v>
      </c>
      <c r="C80" s="14">
        <v>6</v>
      </c>
      <c r="D80" s="18">
        <v>11</v>
      </c>
    </row>
    <row r="81" spans="1:4" ht="18" customHeight="1" x14ac:dyDescent="0.15">
      <c r="A81" s="5">
        <v>63</v>
      </c>
      <c r="B81" s="22">
        <v>5</v>
      </c>
      <c r="C81" s="14">
        <v>8</v>
      </c>
      <c r="D81" s="18">
        <v>13</v>
      </c>
    </row>
    <row r="82" spans="1:4" ht="18" customHeight="1" x14ac:dyDescent="0.15">
      <c r="A82" s="5">
        <v>64</v>
      </c>
      <c r="B82" s="22">
        <v>8</v>
      </c>
      <c r="C82" s="14">
        <v>11</v>
      </c>
      <c r="D82" s="18">
        <v>19</v>
      </c>
    </row>
    <row r="83" spans="1:4" ht="18" customHeight="1" x14ac:dyDescent="0.15">
      <c r="A83" s="5" t="s">
        <v>28</v>
      </c>
      <c r="B83" s="22">
        <v>28</v>
      </c>
      <c r="C83" s="14">
        <v>37</v>
      </c>
      <c r="D83" s="18">
        <v>65</v>
      </c>
    </row>
    <row r="84" spans="1:4" ht="18" customHeight="1" x14ac:dyDescent="0.15">
      <c r="A84" s="5" t="s">
        <v>31</v>
      </c>
      <c r="B84" s="22">
        <v>242</v>
      </c>
      <c r="C84" s="14">
        <v>252</v>
      </c>
      <c r="D84" s="18">
        <v>494</v>
      </c>
    </row>
    <row r="85" spans="1:4" ht="18" customHeight="1" x14ac:dyDescent="0.15">
      <c r="A85" s="5">
        <v>65</v>
      </c>
      <c r="B85" s="22">
        <v>9</v>
      </c>
      <c r="C85" s="14">
        <v>9</v>
      </c>
      <c r="D85" s="18">
        <v>18</v>
      </c>
    </row>
    <row r="86" spans="1:4" ht="18" customHeight="1" x14ac:dyDescent="0.15">
      <c r="A86" s="5">
        <v>66</v>
      </c>
      <c r="B86" s="22">
        <v>4</v>
      </c>
      <c r="C86" s="14">
        <v>6</v>
      </c>
      <c r="D86" s="18">
        <v>10</v>
      </c>
    </row>
    <row r="87" spans="1:4" ht="18" customHeight="1" x14ac:dyDescent="0.15">
      <c r="A87" s="5">
        <v>67</v>
      </c>
      <c r="B87" s="22">
        <v>7</v>
      </c>
      <c r="C87" s="14">
        <v>5</v>
      </c>
      <c r="D87" s="18">
        <v>12</v>
      </c>
    </row>
    <row r="88" spans="1:4" ht="18" customHeight="1" x14ac:dyDescent="0.15">
      <c r="A88" s="5">
        <v>68</v>
      </c>
      <c r="B88" s="22">
        <v>5</v>
      </c>
      <c r="C88" s="14">
        <v>6</v>
      </c>
      <c r="D88" s="18">
        <v>11</v>
      </c>
    </row>
    <row r="89" spans="1:4" ht="18" customHeight="1" x14ac:dyDescent="0.15">
      <c r="A89" s="5">
        <v>69</v>
      </c>
      <c r="B89" s="22">
        <v>7</v>
      </c>
      <c r="C89" s="14">
        <v>6</v>
      </c>
      <c r="D89" s="18">
        <v>13</v>
      </c>
    </row>
    <row r="90" spans="1:4" ht="18" customHeight="1" x14ac:dyDescent="0.15">
      <c r="A90" s="5" t="s">
        <v>20</v>
      </c>
      <c r="B90" s="22">
        <v>32</v>
      </c>
      <c r="C90" s="14">
        <v>32</v>
      </c>
      <c r="D90" s="18">
        <v>64</v>
      </c>
    </row>
    <row r="91" spans="1:4" ht="18" customHeight="1" x14ac:dyDescent="0.15">
      <c r="A91" s="5">
        <v>70</v>
      </c>
      <c r="B91" s="22">
        <v>5</v>
      </c>
      <c r="C91" s="14">
        <v>7</v>
      </c>
      <c r="D91" s="18">
        <v>12</v>
      </c>
    </row>
    <row r="92" spans="1:4" ht="18" customHeight="1" x14ac:dyDescent="0.15">
      <c r="A92" s="5">
        <v>71</v>
      </c>
      <c r="B92" s="22">
        <v>8</v>
      </c>
      <c r="C92" s="14">
        <v>8</v>
      </c>
      <c r="D92" s="18">
        <v>16</v>
      </c>
    </row>
    <row r="93" spans="1:4" ht="18" customHeight="1" x14ac:dyDescent="0.15">
      <c r="A93" s="5">
        <v>72</v>
      </c>
      <c r="B93" s="22">
        <v>5</v>
      </c>
      <c r="C93" s="14">
        <v>11</v>
      </c>
      <c r="D93" s="18">
        <v>16</v>
      </c>
    </row>
    <row r="94" spans="1:4" ht="18" customHeight="1" x14ac:dyDescent="0.15">
      <c r="A94" s="5">
        <v>73</v>
      </c>
      <c r="B94" s="22">
        <v>6</v>
      </c>
      <c r="C94" s="14">
        <v>7</v>
      </c>
      <c r="D94" s="18">
        <v>13</v>
      </c>
    </row>
    <row r="95" spans="1:4" ht="18" customHeight="1" x14ac:dyDescent="0.15">
      <c r="A95" s="5">
        <v>74</v>
      </c>
      <c r="B95" s="22">
        <v>9</v>
      </c>
      <c r="C95" s="14">
        <v>7</v>
      </c>
      <c r="D95" s="18">
        <v>16</v>
      </c>
    </row>
    <row r="96" spans="1:4" ht="18" customHeight="1" x14ac:dyDescent="0.15">
      <c r="A96" s="5" t="s">
        <v>33</v>
      </c>
      <c r="B96" s="22">
        <v>33</v>
      </c>
      <c r="C96" s="14">
        <v>40</v>
      </c>
      <c r="D96" s="18">
        <v>73</v>
      </c>
    </row>
    <row r="97" spans="1:4" ht="18" customHeight="1" x14ac:dyDescent="0.15">
      <c r="A97" s="5">
        <v>75</v>
      </c>
      <c r="B97" s="22">
        <v>14</v>
      </c>
      <c r="C97" s="14">
        <v>14</v>
      </c>
      <c r="D97" s="18">
        <v>28</v>
      </c>
    </row>
    <row r="98" spans="1:4" ht="18" customHeight="1" x14ac:dyDescent="0.15">
      <c r="A98" s="5">
        <v>76</v>
      </c>
      <c r="B98" s="22">
        <v>10</v>
      </c>
      <c r="C98" s="14">
        <v>12</v>
      </c>
      <c r="D98" s="18">
        <v>22</v>
      </c>
    </row>
    <row r="99" spans="1:4" ht="18" customHeight="1" x14ac:dyDescent="0.15">
      <c r="A99" s="5">
        <v>77</v>
      </c>
      <c r="B99" s="22">
        <v>13</v>
      </c>
      <c r="C99" s="14">
        <v>12</v>
      </c>
      <c r="D99" s="18">
        <v>25</v>
      </c>
    </row>
    <row r="100" spans="1:4" ht="18" customHeight="1" x14ac:dyDescent="0.15">
      <c r="A100" s="5">
        <v>78</v>
      </c>
      <c r="B100" s="22">
        <v>10</v>
      </c>
      <c r="C100" s="14">
        <v>17</v>
      </c>
      <c r="D100" s="18">
        <v>27</v>
      </c>
    </row>
    <row r="101" spans="1:4" ht="18" customHeight="1" x14ac:dyDescent="0.15">
      <c r="A101" s="5">
        <v>79</v>
      </c>
      <c r="B101" s="22">
        <v>2</v>
      </c>
      <c r="C101" s="14">
        <v>8</v>
      </c>
      <c r="D101" s="18">
        <v>10</v>
      </c>
    </row>
    <row r="102" spans="1:4" ht="18" customHeight="1" x14ac:dyDescent="0.15">
      <c r="A102" s="5" t="s">
        <v>0</v>
      </c>
      <c r="B102" s="22">
        <v>49</v>
      </c>
      <c r="C102" s="14">
        <v>63</v>
      </c>
      <c r="D102" s="18">
        <v>112</v>
      </c>
    </row>
    <row r="103" spans="1:4" ht="18" customHeight="1" x14ac:dyDescent="0.15">
      <c r="A103" s="5">
        <v>80</v>
      </c>
      <c r="B103" s="22">
        <v>5</v>
      </c>
      <c r="C103" s="14">
        <v>2</v>
      </c>
      <c r="D103" s="18">
        <v>7</v>
      </c>
    </row>
    <row r="104" spans="1:4" ht="18" customHeight="1" x14ac:dyDescent="0.15">
      <c r="A104" s="5">
        <v>81</v>
      </c>
      <c r="B104" s="22">
        <v>11</v>
      </c>
      <c r="C104" s="14">
        <v>5</v>
      </c>
      <c r="D104" s="18">
        <v>16</v>
      </c>
    </row>
    <row r="105" spans="1:4" ht="18" customHeight="1" x14ac:dyDescent="0.15">
      <c r="A105" s="5">
        <v>82</v>
      </c>
      <c r="B105" s="22">
        <v>5</v>
      </c>
      <c r="C105" s="14">
        <v>4</v>
      </c>
      <c r="D105" s="18">
        <v>9</v>
      </c>
    </row>
    <row r="106" spans="1:4" ht="18" customHeight="1" x14ac:dyDescent="0.15">
      <c r="A106" s="5">
        <v>83</v>
      </c>
      <c r="B106" s="22">
        <v>9</v>
      </c>
      <c r="C106" s="14">
        <v>2</v>
      </c>
      <c r="D106" s="18">
        <v>11</v>
      </c>
    </row>
    <row r="107" spans="1:4" ht="18" customHeight="1" x14ac:dyDescent="0.15">
      <c r="A107" s="5">
        <v>84</v>
      </c>
      <c r="B107" s="22">
        <v>3</v>
      </c>
      <c r="C107" s="14">
        <v>7</v>
      </c>
      <c r="D107" s="18">
        <v>10</v>
      </c>
    </row>
    <row r="108" spans="1:4" ht="18" customHeight="1" x14ac:dyDescent="0.15">
      <c r="A108" s="5" t="s">
        <v>35</v>
      </c>
      <c r="B108" s="22">
        <v>33</v>
      </c>
      <c r="C108" s="14">
        <v>20</v>
      </c>
      <c r="D108" s="18">
        <v>53</v>
      </c>
    </row>
    <row r="109" spans="1:4" ht="18" customHeight="1" x14ac:dyDescent="0.15">
      <c r="A109" s="5">
        <v>85</v>
      </c>
      <c r="B109" s="22">
        <v>4</v>
      </c>
      <c r="C109" s="14">
        <v>5</v>
      </c>
      <c r="D109" s="18">
        <v>9</v>
      </c>
    </row>
    <row r="110" spans="1:4" ht="18" customHeight="1" x14ac:dyDescent="0.15">
      <c r="A110" s="5">
        <v>86</v>
      </c>
      <c r="B110" s="22">
        <v>1</v>
      </c>
      <c r="C110" s="14">
        <v>7</v>
      </c>
      <c r="D110" s="18">
        <v>8</v>
      </c>
    </row>
    <row r="111" spans="1:4" ht="18" customHeight="1" x14ac:dyDescent="0.15">
      <c r="A111" s="5">
        <v>87</v>
      </c>
      <c r="B111" s="22">
        <v>1</v>
      </c>
      <c r="C111" s="14">
        <v>5</v>
      </c>
      <c r="D111" s="18">
        <v>6</v>
      </c>
    </row>
    <row r="112" spans="1:4" ht="18" customHeight="1" x14ac:dyDescent="0.15">
      <c r="A112" s="5">
        <v>88</v>
      </c>
      <c r="B112" s="22">
        <v>3</v>
      </c>
      <c r="C112" s="14">
        <v>4</v>
      </c>
      <c r="D112" s="18">
        <v>7</v>
      </c>
    </row>
    <row r="113" spans="1:4" ht="18" customHeight="1" x14ac:dyDescent="0.15">
      <c r="A113" s="5">
        <v>89</v>
      </c>
      <c r="B113" s="22">
        <v>1</v>
      </c>
      <c r="C113" s="14">
        <v>6</v>
      </c>
      <c r="D113" s="18">
        <v>7</v>
      </c>
    </row>
    <row r="114" spans="1:4" ht="18" customHeight="1" x14ac:dyDescent="0.15">
      <c r="A114" s="5" t="s">
        <v>37</v>
      </c>
      <c r="B114" s="22">
        <v>10</v>
      </c>
      <c r="C114" s="14">
        <v>27</v>
      </c>
      <c r="D114" s="18">
        <v>37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3</v>
      </c>
      <c r="C116" s="14">
        <v>6</v>
      </c>
      <c r="D116" s="18">
        <v>9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7</v>
      </c>
      <c r="C120" s="14">
        <v>18</v>
      </c>
      <c r="D120" s="18">
        <v>2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0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4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6</v>
      </c>
      <c r="C130" s="14">
        <v>205</v>
      </c>
      <c r="D130" s="18">
        <v>371</v>
      </c>
    </row>
    <row r="131" spans="1:4" ht="18" customHeight="1" x14ac:dyDescent="0.15">
      <c r="A131" s="7" t="s">
        <v>45</v>
      </c>
      <c r="B131" s="23">
        <v>444</v>
      </c>
      <c r="C131" s="15">
        <v>496</v>
      </c>
      <c r="D131" s="19">
        <v>9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4</v>
      </c>
      <c r="D5" s="17">
        <v>6</v>
      </c>
    </row>
    <row r="6" spans="1:4" ht="18" customHeight="1" x14ac:dyDescent="0.15">
      <c r="A6" s="5">
        <v>1</v>
      </c>
      <c r="B6" s="22">
        <v>4</v>
      </c>
      <c r="C6" s="14">
        <v>5</v>
      </c>
      <c r="D6" s="18">
        <v>9</v>
      </c>
    </row>
    <row r="7" spans="1:4" ht="18" customHeight="1" x14ac:dyDescent="0.15">
      <c r="A7" s="5">
        <v>2</v>
      </c>
      <c r="B7" s="22">
        <v>8</v>
      </c>
      <c r="C7" s="14">
        <v>9</v>
      </c>
      <c r="D7" s="18">
        <v>17</v>
      </c>
    </row>
    <row r="8" spans="1:4" ht="18" customHeight="1" x14ac:dyDescent="0.15">
      <c r="A8" s="5">
        <v>3</v>
      </c>
      <c r="B8" s="22">
        <v>5</v>
      </c>
      <c r="C8" s="14">
        <v>3</v>
      </c>
      <c r="D8" s="18">
        <v>8</v>
      </c>
    </row>
    <row r="9" spans="1:4" ht="18" customHeight="1" x14ac:dyDescent="0.15">
      <c r="A9" s="5">
        <v>4</v>
      </c>
      <c r="B9" s="22">
        <v>5</v>
      </c>
      <c r="C9" s="14">
        <v>13</v>
      </c>
      <c r="D9" s="18">
        <v>18</v>
      </c>
    </row>
    <row r="10" spans="1:4" ht="18" customHeight="1" x14ac:dyDescent="0.15">
      <c r="A10" s="5" t="s">
        <v>7</v>
      </c>
      <c r="B10" s="22">
        <v>24</v>
      </c>
      <c r="C10" s="14">
        <v>34</v>
      </c>
      <c r="D10" s="18">
        <v>58</v>
      </c>
    </row>
    <row r="11" spans="1:4" ht="18" customHeight="1" x14ac:dyDescent="0.15">
      <c r="A11" s="5">
        <v>5</v>
      </c>
      <c r="B11" s="22">
        <v>11</v>
      </c>
      <c r="C11" s="14">
        <v>6</v>
      </c>
      <c r="D11" s="18">
        <v>17</v>
      </c>
    </row>
    <row r="12" spans="1:4" ht="18" customHeight="1" x14ac:dyDescent="0.15">
      <c r="A12" s="5">
        <v>6</v>
      </c>
      <c r="B12" s="22">
        <v>9</v>
      </c>
      <c r="C12" s="14">
        <v>5</v>
      </c>
      <c r="D12" s="18">
        <v>14</v>
      </c>
    </row>
    <row r="13" spans="1:4" ht="18" customHeight="1" x14ac:dyDescent="0.15">
      <c r="A13" s="5">
        <v>7</v>
      </c>
      <c r="B13" s="22">
        <v>8</v>
      </c>
      <c r="C13" s="14">
        <v>7</v>
      </c>
      <c r="D13" s="18">
        <v>15</v>
      </c>
    </row>
    <row r="14" spans="1:4" ht="18" customHeight="1" x14ac:dyDescent="0.15">
      <c r="A14" s="5">
        <v>8</v>
      </c>
      <c r="B14" s="22">
        <v>11</v>
      </c>
      <c r="C14" s="14">
        <v>7</v>
      </c>
      <c r="D14" s="18">
        <v>18</v>
      </c>
    </row>
    <row r="15" spans="1:4" ht="18" customHeight="1" x14ac:dyDescent="0.15">
      <c r="A15" s="5">
        <v>9</v>
      </c>
      <c r="B15" s="22">
        <v>7</v>
      </c>
      <c r="C15" s="14">
        <v>17</v>
      </c>
      <c r="D15" s="18">
        <v>24</v>
      </c>
    </row>
    <row r="16" spans="1:4" ht="18" customHeight="1" x14ac:dyDescent="0.15">
      <c r="A16" s="5" t="s">
        <v>11</v>
      </c>
      <c r="B16" s="22">
        <v>46</v>
      </c>
      <c r="C16" s="14">
        <v>42</v>
      </c>
      <c r="D16" s="18">
        <v>88</v>
      </c>
    </row>
    <row r="17" spans="1:4" ht="18" customHeight="1" x14ac:dyDescent="0.15">
      <c r="A17" s="5">
        <v>10</v>
      </c>
      <c r="B17" s="22">
        <v>9</v>
      </c>
      <c r="C17" s="14">
        <v>6</v>
      </c>
      <c r="D17" s="18">
        <v>15</v>
      </c>
    </row>
    <row r="18" spans="1:4" ht="18" customHeight="1" x14ac:dyDescent="0.15">
      <c r="A18" s="5">
        <v>11</v>
      </c>
      <c r="B18" s="22">
        <v>14</v>
      </c>
      <c r="C18" s="14">
        <v>8</v>
      </c>
      <c r="D18" s="18">
        <v>22</v>
      </c>
    </row>
    <row r="19" spans="1:4" ht="18" customHeight="1" x14ac:dyDescent="0.15">
      <c r="A19" s="5">
        <v>12</v>
      </c>
      <c r="B19" s="22">
        <v>19</v>
      </c>
      <c r="C19" s="14">
        <v>8</v>
      </c>
      <c r="D19" s="18">
        <v>27</v>
      </c>
    </row>
    <row r="20" spans="1:4" ht="18" customHeight="1" x14ac:dyDescent="0.15">
      <c r="A20" s="5">
        <v>13</v>
      </c>
      <c r="B20" s="22">
        <v>10</v>
      </c>
      <c r="C20" s="14">
        <v>10</v>
      </c>
      <c r="D20" s="18">
        <v>20</v>
      </c>
    </row>
    <row r="21" spans="1:4" ht="18" customHeight="1" x14ac:dyDescent="0.15">
      <c r="A21" s="5">
        <v>14</v>
      </c>
      <c r="B21" s="22">
        <v>12</v>
      </c>
      <c r="C21" s="14">
        <v>8</v>
      </c>
      <c r="D21" s="18">
        <v>20</v>
      </c>
    </row>
    <row r="22" spans="1:4" ht="18" customHeight="1" x14ac:dyDescent="0.15">
      <c r="A22" s="5" t="s">
        <v>12</v>
      </c>
      <c r="B22" s="22">
        <v>64</v>
      </c>
      <c r="C22" s="14">
        <v>40</v>
      </c>
      <c r="D22" s="18">
        <v>104</v>
      </c>
    </row>
    <row r="23" spans="1:4" ht="18" customHeight="1" x14ac:dyDescent="0.15">
      <c r="A23" s="5" t="s">
        <v>6</v>
      </c>
      <c r="B23" s="22">
        <v>134</v>
      </c>
      <c r="C23" s="14">
        <v>116</v>
      </c>
      <c r="D23" s="18">
        <v>250</v>
      </c>
    </row>
    <row r="24" spans="1:4" ht="18" customHeight="1" x14ac:dyDescent="0.15">
      <c r="A24" s="5">
        <v>15</v>
      </c>
      <c r="B24" s="22">
        <v>11</v>
      </c>
      <c r="C24" s="14">
        <v>12</v>
      </c>
      <c r="D24" s="18">
        <v>23</v>
      </c>
    </row>
    <row r="25" spans="1:4" ht="18" customHeight="1" x14ac:dyDescent="0.15">
      <c r="A25" s="5">
        <v>16</v>
      </c>
      <c r="B25" s="22">
        <v>18</v>
      </c>
      <c r="C25" s="14">
        <v>10</v>
      </c>
      <c r="D25" s="18">
        <v>28</v>
      </c>
    </row>
    <row r="26" spans="1:4" ht="18" customHeight="1" x14ac:dyDescent="0.15">
      <c r="A26" s="5">
        <v>17</v>
      </c>
      <c r="B26" s="22">
        <v>6</v>
      </c>
      <c r="C26" s="14">
        <v>14</v>
      </c>
      <c r="D26" s="18">
        <v>20</v>
      </c>
    </row>
    <row r="27" spans="1:4" ht="18" customHeight="1" x14ac:dyDescent="0.15">
      <c r="A27" s="5">
        <v>18</v>
      </c>
      <c r="B27" s="22">
        <v>14</v>
      </c>
      <c r="C27" s="14">
        <v>13</v>
      </c>
      <c r="D27" s="18">
        <v>27</v>
      </c>
    </row>
    <row r="28" spans="1:4" ht="18" customHeight="1" x14ac:dyDescent="0.15">
      <c r="A28" s="5">
        <v>19</v>
      </c>
      <c r="B28" s="22">
        <v>14</v>
      </c>
      <c r="C28" s="14">
        <v>7</v>
      </c>
      <c r="D28" s="18">
        <v>21</v>
      </c>
    </row>
    <row r="29" spans="1:4" ht="18" customHeight="1" x14ac:dyDescent="0.15">
      <c r="A29" s="5" t="s">
        <v>14</v>
      </c>
      <c r="B29" s="22">
        <v>63</v>
      </c>
      <c r="C29" s="14">
        <v>56</v>
      </c>
      <c r="D29" s="18">
        <v>119</v>
      </c>
    </row>
    <row r="30" spans="1:4" ht="18" customHeight="1" x14ac:dyDescent="0.15">
      <c r="A30" s="5">
        <v>20</v>
      </c>
      <c r="B30" s="22">
        <v>5</v>
      </c>
      <c r="C30" s="14">
        <v>10</v>
      </c>
      <c r="D30" s="18">
        <v>15</v>
      </c>
    </row>
    <row r="31" spans="1:4" ht="18" customHeight="1" x14ac:dyDescent="0.15">
      <c r="A31" s="5">
        <v>21</v>
      </c>
      <c r="B31" s="22">
        <v>14</v>
      </c>
      <c r="C31" s="14">
        <v>8</v>
      </c>
      <c r="D31" s="18">
        <v>22</v>
      </c>
    </row>
    <row r="32" spans="1:4" ht="18" customHeight="1" x14ac:dyDescent="0.15">
      <c r="A32" s="5">
        <v>22</v>
      </c>
      <c r="B32" s="22">
        <v>11</v>
      </c>
      <c r="C32" s="14">
        <v>13</v>
      </c>
      <c r="D32" s="18">
        <v>24</v>
      </c>
    </row>
    <row r="33" spans="1:4" ht="18" customHeight="1" x14ac:dyDescent="0.15">
      <c r="A33" s="5">
        <v>23</v>
      </c>
      <c r="B33" s="22">
        <v>16</v>
      </c>
      <c r="C33" s="14">
        <v>14</v>
      </c>
      <c r="D33" s="18">
        <v>30</v>
      </c>
    </row>
    <row r="34" spans="1:4" ht="18" customHeight="1" x14ac:dyDescent="0.15">
      <c r="A34" s="5">
        <v>24</v>
      </c>
      <c r="B34" s="22">
        <v>15</v>
      </c>
      <c r="C34" s="14">
        <v>10</v>
      </c>
      <c r="D34" s="18">
        <v>25</v>
      </c>
    </row>
    <row r="35" spans="1:4" ht="18" customHeight="1" x14ac:dyDescent="0.15">
      <c r="A35" s="5" t="s">
        <v>9</v>
      </c>
      <c r="B35" s="22">
        <v>61</v>
      </c>
      <c r="C35" s="14">
        <v>55</v>
      </c>
      <c r="D35" s="18">
        <v>116</v>
      </c>
    </row>
    <row r="36" spans="1:4" ht="18" customHeight="1" x14ac:dyDescent="0.15">
      <c r="A36" s="5">
        <v>25</v>
      </c>
      <c r="B36" s="22">
        <v>12</v>
      </c>
      <c r="C36" s="14">
        <v>12</v>
      </c>
      <c r="D36" s="18">
        <v>24</v>
      </c>
    </row>
    <row r="37" spans="1:4" ht="18" customHeight="1" x14ac:dyDescent="0.15">
      <c r="A37" s="5">
        <v>26</v>
      </c>
      <c r="B37" s="22">
        <v>2</v>
      </c>
      <c r="C37" s="14">
        <v>9</v>
      </c>
      <c r="D37" s="18">
        <v>11</v>
      </c>
    </row>
    <row r="38" spans="1:4" ht="18" customHeight="1" x14ac:dyDescent="0.15">
      <c r="A38" s="5">
        <v>27</v>
      </c>
      <c r="B38" s="22">
        <v>12</v>
      </c>
      <c r="C38" s="14">
        <v>10</v>
      </c>
      <c r="D38" s="18">
        <v>22</v>
      </c>
    </row>
    <row r="39" spans="1:4" ht="18" customHeight="1" x14ac:dyDescent="0.15">
      <c r="A39" s="5">
        <v>28</v>
      </c>
      <c r="B39" s="22">
        <v>12</v>
      </c>
      <c r="C39" s="14">
        <v>9</v>
      </c>
      <c r="D39" s="18">
        <v>21</v>
      </c>
    </row>
    <row r="40" spans="1:4" ht="18" customHeight="1" x14ac:dyDescent="0.15">
      <c r="A40" s="5">
        <v>29</v>
      </c>
      <c r="B40" s="22">
        <v>9</v>
      </c>
      <c r="C40" s="14">
        <v>14</v>
      </c>
      <c r="D40" s="18">
        <v>23</v>
      </c>
    </row>
    <row r="41" spans="1:4" ht="18" customHeight="1" x14ac:dyDescent="0.15">
      <c r="A41" s="5" t="s">
        <v>2</v>
      </c>
      <c r="B41" s="22">
        <v>47</v>
      </c>
      <c r="C41" s="14">
        <v>54</v>
      </c>
      <c r="D41" s="18">
        <v>101</v>
      </c>
    </row>
    <row r="42" spans="1:4" ht="18" customHeight="1" x14ac:dyDescent="0.15">
      <c r="A42" s="5">
        <v>30</v>
      </c>
      <c r="B42" s="22">
        <v>17</v>
      </c>
      <c r="C42" s="14">
        <v>11</v>
      </c>
      <c r="D42" s="18">
        <v>28</v>
      </c>
    </row>
    <row r="43" spans="1:4" ht="18" customHeight="1" x14ac:dyDescent="0.15">
      <c r="A43" s="5">
        <v>31</v>
      </c>
      <c r="B43" s="22">
        <v>11</v>
      </c>
      <c r="C43" s="14">
        <v>9</v>
      </c>
      <c r="D43" s="18">
        <v>20</v>
      </c>
    </row>
    <row r="44" spans="1:4" ht="18" customHeight="1" x14ac:dyDescent="0.15">
      <c r="A44" s="5">
        <v>32</v>
      </c>
      <c r="B44" s="22">
        <v>10</v>
      </c>
      <c r="C44" s="14">
        <v>6</v>
      </c>
      <c r="D44" s="18">
        <v>16</v>
      </c>
    </row>
    <row r="45" spans="1:4" ht="18" customHeight="1" x14ac:dyDescent="0.15">
      <c r="A45" s="5">
        <v>33</v>
      </c>
      <c r="B45" s="22">
        <v>6</v>
      </c>
      <c r="C45" s="14">
        <v>9</v>
      </c>
      <c r="D45" s="18">
        <v>15</v>
      </c>
    </row>
    <row r="46" spans="1:4" ht="18" customHeight="1" x14ac:dyDescent="0.15">
      <c r="A46" s="5">
        <v>34</v>
      </c>
      <c r="B46" s="22">
        <v>8</v>
      </c>
      <c r="C46" s="14">
        <v>11</v>
      </c>
      <c r="D46" s="18">
        <v>19</v>
      </c>
    </row>
    <row r="47" spans="1:4" ht="18" customHeight="1" x14ac:dyDescent="0.15">
      <c r="A47" s="5" t="s">
        <v>15</v>
      </c>
      <c r="B47" s="22">
        <v>52</v>
      </c>
      <c r="C47" s="14">
        <v>46</v>
      </c>
      <c r="D47" s="18">
        <v>98</v>
      </c>
    </row>
    <row r="48" spans="1:4" ht="18" customHeight="1" x14ac:dyDescent="0.15">
      <c r="A48" s="5">
        <v>35</v>
      </c>
      <c r="B48" s="22">
        <v>12</v>
      </c>
      <c r="C48" s="14">
        <v>8</v>
      </c>
      <c r="D48" s="18">
        <v>20</v>
      </c>
    </row>
    <row r="49" spans="1:4" ht="18" customHeight="1" x14ac:dyDescent="0.15">
      <c r="A49" s="5">
        <v>36</v>
      </c>
      <c r="B49" s="22">
        <v>12</v>
      </c>
      <c r="C49" s="14">
        <v>10</v>
      </c>
      <c r="D49" s="18">
        <v>22</v>
      </c>
    </row>
    <row r="50" spans="1:4" ht="18" customHeight="1" x14ac:dyDescent="0.15">
      <c r="A50" s="5">
        <v>37</v>
      </c>
      <c r="B50" s="22">
        <v>13</v>
      </c>
      <c r="C50" s="14">
        <v>11</v>
      </c>
      <c r="D50" s="18">
        <v>24</v>
      </c>
    </row>
    <row r="51" spans="1:4" ht="18" customHeight="1" x14ac:dyDescent="0.15">
      <c r="A51" s="5">
        <v>38</v>
      </c>
      <c r="B51" s="22">
        <v>11</v>
      </c>
      <c r="C51" s="14">
        <v>12</v>
      </c>
      <c r="D51" s="18">
        <v>23</v>
      </c>
    </row>
    <row r="52" spans="1:4" ht="18" customHeight="1" x14ac:dyDescent="0.15">
      <c r="A52" s="5">
        <v>39</v>
      </c>
      <c r="B52" s="22">
        <v>6</v>
      </c>
      <c r="C52" s="14">
        <v>6</v>
      </c>
      <c r="D52" s="18">
        <v>12</v>
      </c>
    </row>
    <row r="53" spans="1:4" ht="18" customHeight="1" x14ac:dyDescent="0.15">
      <c r="A53" s="5" t="s">
        <v>18</v>
      </c>
      <c r="B53" s="22">
        <v>54</v>
      </c>
      <c r="C53" s="14">
        <v>47</v>
      </c>
      <c r="D53" s="18">
        <v>101</v>
      </c>
    </row>
    <row r="54" spans="1:4" ht="18" customHeight="1" x14ac:dyDescent="0.15">
      <c r="A54" s="5">
        <v>40</v>
      </c>
      <c r="B54" s="22">
        <v>12</v>
      </c>
      <c r="C54" s="14">
        <v>13</v>
      </c>
      <c r="D54" s="18">
        <v>25</v>
      </c>
    </row>
    <row r="55" spans="1:4" ht="18" customHeight="1" x14ac:dyDescent="0.15">
      <c r="A55" s="5">
        <v>41</v>
      </c>
      <c r="B55" s="22">
        <v>14</v>
      </c>
      <c r="C55" s="14">
        <v>14</v>
      </c>
      <c r="D55" s="18">
        <v>28</v>
      </c>
    </row>
    <row r="56" spans="1:4" ht="18" customHeight="1" x14ac:dyDescent="0.15">
      <c r="A56" s="5">
        <v>42</v>
      </c>
      <c r="B56" s="22">
        <v>18</v>
      </c>
      <c r="C56" s="14">
        <v>8</v>
      </c>
      <c r="D56" s="18">
        <v>26</v>
      </c>
    </row>
    <row r="57" spans="1:4" ht="18" customHeight="1" x14ac:dyDescent="0.15">
      <c r="A57" s="5">
        <v>43</v>
      </c>
      <c r="B57" s="22">
        <v>9</v>
      </c>
      <c r="C57" s="14">
        <v>16</v>
      </c>
      <c r="D57" s="18">
        <v>25</v>
      </c>
    </row>
    <row r="58" spans="1:4" ht="18" customHeight="1" x14ac:dyDescent="0.15">
      <c r="A58" s="5">
        <v>44</v>
      </c>
      <c r="B58" s="22">
        <v>12</v>
      </c>
      <c r="C58" s="14">
        <v>16</v>
      </c>
      <c r="D58" s="18">
        <v>28</v>
      </c>
    </row>
    <row r="59" spans="1:4" ht="18" customHeight="1" x14ac:dyDescent="0.15">
      <c r="A59" s="5" t="s">
        <v>21</v>
      </c>
      <c r="B59" s="22">
        <v>65</v>
      </c>
      <c r="C59" s="14">
        <v>67</v>
      </c>
      <c r="D59" s="18">
        <v>132</v>
      </c>
    </row>
    <row r="60" spans="1:4" ht="18" customHeight="1" x14ac:dyDescent="0.15">
      <c r="A60" s="5">
        <v>45</v>
      </c>
      <c r="B60" s="22">
        <v>15</v>
      </c>
      <c r="C60" s="14">
        <v>19</v>
      </c>
      <c r="D60" s="18">
        <v>34</v>
      </c>
    </row>
    <row r="61" spans="1:4" ht="18" customHeight="1" x14ac:dyDescent="0.15">
      <c r="A61" s="5">
        <v>46</v>
      </c>
      <c r="B61" s="22">
        <v>13</v>
      </c>
      <c r="C61" s="14">
        <v>12</v>
      </c>
      <c r="D61" s="18">
        <v>25</v>
      </c>
    </row>
    <row r="62" spans="1:4" ht="18" customHeight="1" x14ac:dyDescent="0.15">
      <c r="A62" s="5">
        <v>47</v>
      </c>
      <c r="B62" s="22">
        <v>18</v>
      </c>
      <c r="C62" s="14">
        <v>21</v>
      </c>
      <c r="D62" s="18">
        <v>39</v>
      </c>
    </row>
    <row r="63" spans="1:4" ht="18" customHeight="1" x14ac:dyDescent="0.15">
      <c r="A63" s="5">
        <v>48</v>
      </c>
      <c r="B63" s="22">
        <v>16</v>
      </c>
      <c r="C63" s="14">
        <v>16</v>
      </c>
      <c r="D63" s="18">
        <v>32</v>
      </c>
    </row>
    <row r="64" spans="1:4" ht="18" customHeight="1" x14ac:dyDescent="0.15">
      <c r="A64" s="5">
        <v>49</v>
      </c>
      <c r="B64" s="22">
        <v>19</v>
      </c>
      <c r="C64" s="14">
        <v>16</v>
      </c>
      <c r="D64" s="18">
        <v>35</v>
      </c>
    </row>
    <row r="65" spans="1:4" ht="18" customHeight="1" x14ac:dyDescent="0.15">
      <c r="A65" s="5" t="s">
        <v>17</v>
      </c>
      <c r="B65" s="22">
        <v>81</v>
      </c>
      <c r="C65" s="14">
        <v>84</v>
      </c>
      <c r="D65" s="18">
        <v>165</v>
      </c>
    </row>
    <row r="66" spans="1:4" ht="18" customHeight="1" x14ac:dyDescent="0.15">
      <c r="A66" s="5">
        <v>50</v>
      </c>
      <c r="B66" s="22">
        <v>24</v>
      </c>
      <c r="C66" s="14">
        <v>14</v>
      </c>
      <c r="D66" s="18">
        <v>38</v>
      </c>
    </row>
    <row r="67" spans="1:4" ht="18" customHeight="1" x14ac:dyDescent="0.15">
      <c r="A67" s="5">
        <v>51</v>
      </c>
      <c r="B67" s="22">
        <v>31</v>
      </c>
      <c r="C67" s="14">
        <v>21</v>
      </c>
      <c r="D67" s="18">
        <v>52</v>
      </c>
    </row>
    <row r="68" spans="1:4" ht="18" customHeight="1" x14ac:dyDescent="0.15">
      <c r="A68" s="5">
        <v>52</v>
      </c>
      <c r="B68" s="22">
        <v>23</v>
      </c>
      <c r="C68" s="14">
        <v>17</v>
      </c>
      <c r="D68" s="18">
        <v>40</v>
      </c>
    </row>
    <row r="69" spans="1:4" ht="18" customHeight="1" x14ac:dyDescent="0.15">
      <c r="A69" s="5">
        <v>53</v>
      </c>
      <c r="B69" s="22">
        <v>21</v>
      </c>
      <c r="C69" s="14">
        <v>25</v>
      </c>
      <c r="D69" s="18">
        <v>46</v>
      </c>
    </row>
    <row r="70" spans="1:4" ht="18" customHeight="1" x14ac:dyDescent="0.15">
      <c r="A70" s="5">
        <v>54</v>
      </c>
      <c r="B70" s="22">
        <v>40</v>
      </c>
      <c r="C70" s="14">
        <v>27</v>
      </c>
      <c r="D70" s="18">
        <v>67</v>
      </c>
    </row>
    <row r="71" spans="1:4" ht="18" customHeight="1" x14ac:dyDescent="0.15">
      <c r="A71" s="5" t="s">
        <v>22</v>
      </c>
      <c r="B71" s="22">
        <v>139</v>
      </c>
      <c r="C71" s="14">
        <v>104</v>
      </c>
      <c r="D71" s="18">
        <v>243</v>
      </c>
    </row>
    <row r="72" spans="1:4" ht="18" customHeight="1" x14ac:dyDescent="0.15">
      <c r="A72" s="5">
        <v>55</v>
      </c>
      <c r="B72" s="22">
        <v>21</v>
      </c>
      <c r="C72" s="14">
        <v>27</v>
      </c>
      <c r="D72" s="18">
        <v>48</v>
      </c>
    </row>
    <row r="73" spans="1:4" ht="18" customHeight="1" x14ac:dyDescent="0.15">
      <c r="A73" s="5">
        <v>56</v>
      </c>
      <c r="B73" s="22">
        <v>31</v>
      </c>
      <c r="C73" s="14">
        <v>28</v>
      </c>
      <c r="D73" s="18">
        <v>59</v>
      </c>
    </row>
    <row r="74" spans="1:4" ht="18" customHeight="1" x14ac:dyDescent="0.15">
      <c r="A74" s="5">
        <v>57</v>
      </c>
      <c r="B74" s="22">
        <v>25</v>
      </c>
      <c r="C74" s="14">
        <v>17</v>
      </c>
      <c r="D74" s="18">
        <v>42</v>
      </c>
    </row>
    <row r="75" spans="1:4" ht="18" customHeight="1" x14ac:dyDescent="0.15">
      <c r="A75" s="5">
        <v>58</v>
      </c>
      <c r="B75" s="22">
        <v>27</v>
      </c>
      <c r="C75" s="14">
        <v>25</v>
      </c>
      <c r="D75" s="18">
        <v>52</v>
      </c>
    </row>
    <row r="76" spans="1:4" ht="18" customHeight="1" x14ac:dyDescent="0.15">
      <c r="A76" s="5">
        <v>59</v>
      </c>
      <c r="B76" s="22">
        <v>20</v>
      </c>
      <c r="C76" s="14">
        <v>17</v>
      </c>
      <c r="D76" s="18">
        <v>37</v>
      </c>
    </row>
    <row r="77" spans="1:4" ht="18" customHeight="1" x14ac:dyDescent="0.15">
      <c r="A77" s="5" t="s">
        <v>27</v>
      </c>
      <c r="B77" s="22">
        <v>124</v>
      </c>
      <c r="C77" s="14">
        <v>114</v>
      </c>
      <c r="D77" s="18">
        <v>238</v>
      </c>
    </row>
    <row r="78" spans="1:4" ht="18" customHeight="1" x14ac:dyDescent="0.15">
      <c r="A78" s="5">
        <v>60</v>
      </c>
      <c r="B78" s="22">
        <v>13</v>
      </c>
      <c r="C78" s="14">
        <v>19</v>
      </c>
      <c r="D78" s="18">
        <v>32</v>
      </c>
    </row>
    <row r="79" spans="1:4" ht="18" customHeight="1" x14ac:dyDescent="0.15">
      <c r="A79" s="5">
        <v>61</v>
      </c>
      <c r="B79" s="22">
        <v>21</v>
      </c>
      <c r="C79" s="14">
        <v>22</v>
      </c>
      <c r="D79" s="18">
        <v>43</v>
      </c>
    </row>
    <row r="80" spans="1:4" ht="18" customHeight="1" x14ac:dyDescent="0.15">
      <c r="A80" s="5">
        <v>62</v>
      </c>
      <c r="B80" s="22">
        <v>15</v>
      </c>
      <c r="C80" s="14">
        <v>10</v>
      </c>
      <c r="D80" s="18">
        <v>25</v>
      </c>
    </row>
    <row r="81" spans="1:4" ht="18" customHeight="1" x14ac:dyDescent="0.15">
      <c r="A81" s="5">
        <v>63</v>
      </c>
      <c r="B81" s="22">
        <v>15</v>
      </c>
      <c r="C81" s="14">
        <v>14</v>
      </c>
      <c r="D81" s="18">
        <v>29</v>
      </c>
    </row>
    <row r="82" spans="1:4" ht="18" customHeight="1" x14ac:dyDescent="0.15">
      <c r="A82" s="5">
        <v>64</v>
      </c>
      <c r="B82" s="22">
        <v>13</v>
      </c>
      <c r="C82" s="14">
        <v>17</v>
      </c>
      <c r="D82" s="18">
        <v>30</v>
      </c>
    </row>
    <row r="83" spans="1:4" ht="18" customHeight="1" x14ac:dyDescent="0.15">
      <c r="A83" s="5" t="s">
        <v>28</v>
      </c>
      <c r="B83" s="22">
        <v>77</v>
      </c>
      <c r="C83" s="14">
        <v>82</v>
      </c>
      <c r="D83" s="18">
        <v>159</v>
      </c>
    </row>
    <row r="84" spans="1:4" ht="18" customHeight="1" x14ac:dyDescent="0.15">
      <c r="A84" s="5" t="s">
        <v>31</v>
      </c>
      <c r="B84" s="22">
        <v>763</v>
      </c>
      <c r="C84" s="14">
        <v>709</v>
      </c>
      <c r="D84" s="18">
        <v>1472</v>
      </c>
    </row>
    <row r="85" spans="1:4" ht="18" customHeight="1" x14ac:dyDescent="0.15">
      <c r="A85" s="5">
        <v>65</v>
      </c>
      <c r="B85" s="22">
        <v>14</v>
      </c>
      <c r="C85" s="14">
        <v>23</v>
      </c>
      <c r="D85" s="18">
        <v>37</v>
      </c>
    </row>
    <row r="86" spans="1:4" ht="18" customHeight="1" x14ac:dyDescent="0.15">
      <c r="A86" s="5">
        <v>66</v>
      </c>
      <c r="B86" s="22">
        <v>10</v>
      </c>
      <c r="C86" s="14">
        <v>23</v>
      </c>
      <c r="D86" s="18">
        <v>33</v>
      </c>
    </row>
    <row r="87" spans="1:4" ht="18" customHeight="1" x14ac:dyDescent="0.15">
      <c r="A87" s="5">
        <v>67</v>
      </c>
      <c r="B87" s="22">
        <v>27</v>
      </c>
      <c r="C87" s="14">
        <v>27</v>
      </c>
      <c r="D87" s="18">
        <v>54</v>
      </c>
    </row>
    <row r="88" spans="1:4" ht="18" customHeight="1" x14ac:dyDescent="0.15">
      <c r="A88" s="5">
        <v>68</v>
      </c>
      <c r="B88" s="22">
        <v>17</v>
      </c>
      <c r="C88" s="14">
        <v>18</v>
      </c>
      <c r="D88" s="18">
        <v>35</v>
      </c>
    </row>
    <row r="89" spans="1:4" ht="18" customHeight="1" x14ac:dyDescent="0.15">
      <c r="A89" s="5">
        <v>69</v>
      </c>
      <c r="B89" s="22">
        <v>24</v>
      </c>
      <c r="C89" s="14">
        <v>21</v>
      </c>
      <c r="D89" s="18">
        <v>45</v>
      </c>
    </row>
    <row r="90" spans="1:4" ht="18" customHeight="1" x14ac:dyDescent="0.15">
      <c r="A90" s="5" t="s">
        <v>20</v>
      </c>
      <c r="B90" s="22">
        <v>92</v>
      </c>
      <c r="C90" s="14">
        <v>112</v>
      </c>
      <c r="D90" s="18">
        <v>204</v>
      </c>
    </row>
    <row r="91" spans="1:4" ht="18" customHeight="1" x14ac:dyDescent="0.15">
      <c r="A91" s="5">
        <v>70</v>
      </c>
      <c r="B91" s="22">
        <v>23</v>
      </c>
      <c r="C91" s="14">
        <v>31</v>
      </c>
      <c r="D91" s="18">
        <v>54</v>
      </c>
    </row>
    <row r="92" spans="1:4" ht="18" customHeight="1" x14ac:dyDescent="0.15">
      <c r="A92" s="5">
        <v>71</v>
      </c>
      <c r="B92" s="22">
        <v>27</v>
      </c>
      <c r="C92" s="14">
        <v>32</v>
      </c>
      <c r="D92" s="18">
        <v>59</v>
      </c>
    </row>
    <row r="93" spans="1:4" ht="18" customHeight="1" x14ac:dyDescent="0.15">
      <c r="A93" s="5">
        <v>72</v>
      </c>
      <c r="B93" s="22">
        <v>25</v>
      </c>
      <c r="C93" s="14">
        <v>25</v>
      </c>
      <c r="D93" s="18">
        <v>50</v>
      </c>
    </row>
    <row r="94" spans="1:4" ht="18" customHeight="1" x14ac:dyDescent="0.15">
      <c r="A94" s="5">
        <v>73</v>
      </c>
      <c r="B94" s="22">
        <v>23</v>
      </c>
      <c r="C94" s="14">
        <v>27</v>
      </c>
      <c r="D94" s="18">
        <v>50</v>
      </c>
    </row>
    <row r="95" spans="1:4" ht="18" customHeight="1" x14ac:dyDescent="0.15">
      <c r="A95" s="5">
        <v>74</v>
      </c>
      <c r="B95" s="22">
        <v>18</v>
      </c>
      <c r="C95" s="14">
        <v>31</v>
      </c>
      <c r="D95" s="18">
        <v>49</v>
      </c>
    </row>
    <row r="96" spans="1:4" ht="18" customHeight="1" x14ac:dyDescent="0.15">
      <c r="A96" s="5" t="s">
        <v>33</v>
      </c>
      <c r="B96" s="22">
        <v>116</v>
      </c>
      <c r="C96" s="14">
        <v>146</v>
      </c>
      <c r="D96" s="18">
        <v>262</v>
      </c>
    </row>
    <row r="97" spans="1:4" ht="18" customHeight="1" x14ac:dyDescent="0.15">
      <c r="A97" s="5">
        <v>75</v>
      </c>
      <c r="B97" s="22">
        <v>35</v>
      </c>
      <c r="C97" s="14">
        <v>35</v>
      </c>
      <c r="D97" s="18">
        <v>70</v>
      </c>
    </row>
    <row r="98" spans="1:4" ht="18" customHeight="1" x14ac:dyDescent="0.15">
      <c r="A98" s="5">
        <v>76</v>
      </c>
      <c r="B98" s="22">
        <v>38</v>
      </c>
      <c r="C98" s="14">
        <v>46</v>
      </c>
      <c r="D98" s="18">
        <v>84</v>
      </c>
    </row>
    <row r="99" spans="1:4" ht="18" customHeight="1" x14ac:dyDescent="0.15">
      <c r="A99" s="5">
        <v>77</v>
      </c>
      <c r="B99" s="22">
        <v>30</v>
      </c>
      <c r="C99" s="14">
        <v>47</v>
      </c>
      <c r="D99" s="18">
        <v>77</v>
      </c>
    </row>
    <row r="100" spans="1:4" ht="18" customHeight="1" x14ac:dyDescent="0.15">
      <c r="A100" s="5">
        <v>78</v>
      </c>
      <c r="B100" s="22">
        <v>47</v>
      </c>
      <c r="C100" s="14">
        <v>63</v>
      </c>
      <c r="D100" s="18">
        <v>110</v>
      </c>
    </row>
    <row r="101" spans="1:4" ht="18" customHeight="1" x14ac:dyDescent="0.15">
      <c r="A101" s="5">
        <v>79</v>
      </c>
      <c r="B101" s="22">
        <v>26</v>
      </c>
      <c r="C101" s="14">
        <v>20</v>
      </c>
      <c r="D101" s="18">
        <v>46</v>
      </c>
    </row>
    <row r="102" spans="1:4" ht="18" customHeight="1" x14ac:dyDescent="0.15">
      <c r="A102" s="5" t="s">
        <v>0</v>
      </c>
      <c r="B102" s="22">
        <v>176</v>
      </c>
      <c r="C102" s="14">
        <v>211</v>
      </c>
      <c r="D102" s="18">
        <v>387</v>
      </c>
    </row>
    <row r="103" spans="1:4" ht="18" customHeight="1" x14ac:dyDescent="0.15">
      <c r="A103" s="5">
        <v>80</v>
      </c>
      <c r="B103" s="22">
        <v>15</v>
      </c>
      <c r="C103" s="14">
        <v>24</v>
      </c>
      <c r="D103" s="18">
        <v>39</v>
      </c>
    </row>
    <row r="104" spans="1:4" ht="18" customHeight="1" x14ac:dyDescent="0.15">
      <c r="A104" s="5">
        <v>81</v>
      </c>
      <c r="B104" s="22">
        <v>33</v>
      </c>
      <c r="C104" s="14">
        <v>32</v>
      </c>
      <c r="D104" s="18">
        <v>65</v>
      </c>
    </row>
    <row r="105" spans="1:4" ht="18" customHeight="1" x14ac:dyDescent="0.15">
      <c r="A105" s="5">
        <v>82</v>
      </c>
      <c r="B105" s="22">
        <v>29</v>
      </c>
      <c r="C105" s="14">
        <v>35</v>
      </c>
      <c r="D105" s="18">
        <v>64</v>
      </c>
    </row>
    <row r="106" spans="1:4" ht="18" customHeight="1" x14ac:dyDescent="0.15">
      <c r="A106" s="5">
        <v>83</v>
      </c>
      <c r="B106" s="22">
        <v>20</v>
      </c>
      <c r="C106" s="14">
        <v>25</v>
      </c>
      <c r="D106" s="18">
        <v>45</v>
      </c>
    </row>
    <row r="107" spans="1:4" ht="18" customHeight="1" x14ac:dyDescent="0.15">
      <c r="A107" s="5">
        <v>84</v>
      </c>
      <c r="B107" s="22">
        <v>18</v>
      </c>
      <c r="C107" s="14">
        <v>47</v>
      </c>
      <c r="D107" s="18">
        <v>65</v>
      </c>
    </row>
    <row r="108" spans="1:4" ht="18" customHeight="1" x14ac:dyDescent="0.15">
      <c r="A108" s="5" t="s">
        <v>35</v>
      </c>
      <c r="B108" s="22">
        <v>115</v>
      </c>
      <c r="C108" s="14">
        <v>163</v>
      </c>
      <c r="D108" s="18">
        <v>278</v>
      </c>
    </row>
    <row r="109" spans="1:4" ht="18" customHeight="1" x14ac:dyDescent="0.15">
      <c r="A109" s="5">
        <v>85</v>
      </c>
      <c r="B109" s="22">
        <v>22</v>
      </c>
      <c r="C109" s="14">
        <v>29</v>
      </c>
      <c r="D109" s="18">
        <v>51</v>
      </c>
    </row>
    <row r="110" spans="1:4" ht="18" customHeight="1" x14ac:dyDescent="0.15">
      <c r="A110" s="5">
        <v>86</v>
      </c>
      <c r="B110" s="22">
        <v>12</v>
      </c>
      <c r="C110" s="14">
        <v>29</v>
      </c>
      <c r="D110" s="18">
        <v>41</v>
      </c>
    </row>
    <row r="111" spans="1:4" ht="18" customHeight="1" x14ac:dyDescent="0.15">
      <c r="A111" s="5">
        <v>87</v>
      </c>
      <c r="B111" s="22">
        <v>4</v>
      </c>
      <c r="C111" s="14">
        <v>24</v>
      </c>
      <c r="D111" s="18">
        <v>28</v>
      </c>
    </row>
    <row r="112" spans="1:4" ht="18" customHeight="1" x14ac:dyDescent="0.15">
      <c r="A112" s="5">
        <v>88</v>
      </c>
      <c r="B112" s="22">
        <v>12</v>
      </c>
      <c r="C112" s="14">
        <v>16</v>
      </c>
      <c r="D112" s="18">
        <v>28</v>
      </c>
    </row>
    <row r="113" spans="1:4" ht="18" customHeight="1" x14ac:dyDescent="0.15">
      <c r="A113" s="5">
        <v>89</v>
      </c>
      <c r="B113" s="22">
        <v>12</v>
      </c>
      <c r="C113" s="14">
        <v>15</v>
      </c>
      <c r="D113" s="18">
        <v>27</v>
      </c>
    </row>
    <row r="114" spans="1:4" ht="18" customHeight="1" x14ac:dyDescent="0.15">
      <c r="A114" s="5" t="s">
        <v>37</v>
      </c>
      <c r="B114" s="22">
        <v>62</v>
      </c>
      <c r="C114" s="14">
        <v>113</v>
      </c>
      <c r="D114" s="18">
        <v>175</v>
      </c>
    </row>
    <row r="115" spans="1:4" ht="18" customHeight="1" x14ac:dyDescent="0.15">
      <c r="A115" s="5">
        <v>90</v>
      </c>
      <c r="B115" s="22">
        <v>4</v>
      </c>
      <c r="C115" s="14">
        <v>24</v>
      </c>
      <c r="D115" s="18">
        <v>28</v>
      </c>
    </row>
    <row r="116" spans="1:4" ht="18" customHeight="1" x14ac:dyDescent="0.15">
      <c r="A116" s="5">
        <v>91</v>
      </c>
      <c r="B116" s="22">
        <v>3</v>
      </c>
      <c r="C116" s="14">
        <v>6</v>
      </c>
      <c r="D116" s="18">
        <v>9</v>
      </c>
    </row>
    <row r="117" spans="1:4" ht="18" customHeight="1" x14ac:dyDescent="0.15">
      <c r="A117" s="5">
        <v>92</v>
      </c>
      <c r="B117" s="22">
        <v>5</v>
      </c>
      <c r="C117" s="14">
        <v>17</v>
      </c>
      <c r="D117" s="18">
        <v>22</v>
      </c>
    </row>
    <row r="118" spans="1:4" ht="18" customHeight="1" x14ac:dyDescent="0.15">
      <c r="A118" s="5">
        <v>93</v>
      </c>
      <c r="B118" s="22">
        <v>2</v>
      </c>
      <c r="C118" s="14">
        <v>15</v>
      </c>
      <c r="D118" s="18">
        <v>17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4</v>
      </c>
      <c r="C120" s="14">
        <v>66</v>
      </c>
      <c r="D120" s="18">
        <v>80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4</v>
      </c>
      <c r="C126" s="14">
        <v>18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79</v>
      </c>
      <c r="C130" s="14">
        <v>833</v>
      </c>
      <c r="D130" s="18">
        <v>1412</v>
      </c>
    </row>
    <row r="131" spans="1:4" ht="18" customHeight="1" x14ac:dyDescent="0.15">
      <c r="A131" s="7" t="s">
        <v>45</v>
      </c>
      <c r="B131" s="23">
        <v>1476</v>
      </c>
      <c r="C131" s="15">
        <v>1658</v>
      </c>
      <c r="D131" s="19">
        <v>313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11</v>
      </c>
      <c r="D5" s="17">
        <v>15</v>
      </c>
    </row>
    <row r="6" spans="1:4" ht="18" customHeight="1" x14ac:dyDescent="0.15">
      <c r="A6" s="5">
        <v>1</v>
      </c>
      <c r="B6" s="22">
        <v>9</v>
      </c>
      <c r="C6" s="14">
        <v>9</v>
      </c>
      <c r="D6" s="18">
        <v>18</v>
      </c>
    </row>
    <row r="7" spans="1:4" ht="18" customHeight="1" x14ac:dyDescent="0.15">
      <c r="A7" s="5">
        <v>2</v>
      </c>
      <c r="B7" s="22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22">
        <v>11</v>
      </c>
      <c r="C8" s="14">
        <v>11</v>
      </c>
      <c r="D8" s="18">
        <v>22</v>
      </c>
    </row>
    <row r="9" spans="1:4" ht="18" customHeight="1" x14ac:dyDescent="0.15">
      <c r="A9" s="5">
        <v>4</v>
      </c>
      <c r="B9" s="22">
        <v>11</v>
      </c>
      <c r="C9" s="14">
        <v>8</v>
      </c>
      <c r="D9" s="18">
        <v>19</v>
      </c>
    </row>
    <row r="10" spans="1:4" ht="18" customHeight="1" x14ac:dyDescent="0.15">
      <c r="A10" s="5" t="s">
        <v>7</v>
      </c>
      <c r="B10" s="22">
        <v>43</v>
      </c>
      <c r="C10" s="14">
        <v>49</v>
      </c>
      <c r="D10" s="18">
        <v>92</v>
      </c>
    </row>
    <row r="11" spans="1:4" ht="18" customHeight="1" x14ac:dyDescent="0.15">
      <c r="A11" s="5">
        <v>5</v>
      </c>
      <c r="B11" s="22">
        <v>14</v>
      </c>
      <c r="C11" s="14">
        <v>5</v>
      </c>
      <c r="D11" s="18">
        <v>19</v>
      </c>
    </row>
    <row r="12" spans="1:4" ht="18" customHeight="1" x14ac:dyDescent="0.15">
      <c r="A12" s="5">
        <v>6</v>
      </c>
      <c r="B12" s="22">
        <v>13</v>
      </c>
      <c r="C12" s="14">
        <v>13</v>
      </c>
      <c r="D12" s="18">
        <v>26</v>
      </c>
    </row>
    <row r="13" spans="1:4" ht="18" customHeight="1" x14ac:dyDescent="0.15">
      <c r="A13" s="5">
        <v>7</v>
      </c>
      <c r="B13" s="22">
        <v>10</v>
      </c>
      <c r="C13" s="14">
        <v>12</v>
      </c>
      <c r="D13" s="18">
        <v>22</v>
      </c>
    </row>
    <row r="14" spans="1:4" ht="18" customHeight="1" x14ac:dyDescent="0.15">
      <c r="A14" s="5">
        <v>8</v>
      </c>
      <c r="B14" s="22">
        <v>9</v>
      </c>
      <c r="C14" s="14">
        <v>6</v>
      </c>
      <c r="D14" s="18">
        <v>15</v>
      </c>
    </row>
    <row r="15" spans="1:4" ht="18" customHeight="1" x14ac:dyDescent="0.15">
      <c r="A15" s="5">
        <v>9</v>
      </c>
      <c r="B15" s="22">
        <v>18</v>
      </c>
      <c r="C15" s="14">
        <v>9</v>
      </c>
      <c r="D15" s="18">
        <v>27</v>
      </c>
    </row>
    <row r="16" spans="1:4" ht="18" customHeight="1" x14ac:dyDescent="0.15">
      <c r="A16" s="5" t="s">
        <v>11</v>
      </c>
      <c r="B16" s="22">
        <v>64</v>
      </c>
      <c r="C16" s="14">
        <v>45</v>
      </c>
      <c r="D16" s="18">
        <v>109</v>
      </c>
    </row>
    <row r="17" spans="1:4" ht="18" customHeight="1" x14ac:dyDescent="0.15">
      <c r="A17" s="5">
        <v>10</v>
      </c>
      <c r="B17" s="22">
        <v>10</v>
      </c>
      <c r="C17" s="14">
        <v>10</v>
      </c>
      <c r="D17" s="18">
        <v>20</v>
      </c>
    </row>
    <row r="18" spans="1:4" ht="18" customHeight="1" x14ac:dyDescent="0.15">
      <c r="A18" s="5">
        <v>11</v>
      </c>
      <c r="B18" s="22">
        <v>11</v>
      </c>
      <c r="C18" s="14">
        <v>7</v>
      </c>
      <c r="D18" s="18">
        <v>18</v>
      </c>
    </row>
    <row r="19" spans="1:4" ht="18" customHeight="1" x14ac:dyDescent="0.15">
      <c r="A19" s="5">
        <v>12</v>
      </c>
      <c r="B19" s="22">
        <v>8</v>
      </c>
      <c r="C19" s="14">
        <v>10</v>
      </c>
      <c r="D19" s="18">
        <v>18</v>
      </c>
    </row>
    <row r="20" spans="1:4" ht="18" customHeight="1" x14ac:dyDescent="0.15">
      <c r="A20" s="5">
        <v>13</v>
      </c>
      <c r="B20" s="22">
        <v>20</v>
      </c>
      <c r="C20" s="14">
        <v>7</v>
      </c>
      <c r="D20" s="18">
        <v>27</v>
      </c>
    </row>
    <row r="21" spans="1:4" ht="18" customHeight="1" x14ac:dyDescent="0.15">
      <c r="A21" s="5">
        <v>14</v>
      </c>
      <c r="B21" s="22">
        <v>11</v>
      </c>
      <c r="C21" s="14">
        <v>13</v>
      </c>
      <c r="D21" s="18">
        <v>24</v>
      </c>
    </row>
    <row r="22" spans="1:4" ht="18" customHeight="1" x14ac:dyDescent="0.15">
      <c r="A22" s="5" t="s">
        <v>12</v>
      </c>
      <c r="B22" s="22">
        <v>60</v>
      </c>
      <c r="C22" s="14">
        <v>47</v>
      </c>
      <c r="D22" s="18">
        <v>107</v>
      </c>
    </row>
    <row r="23" spans="1:4" ht="18" customHeight="1" x14ac:dyDescent="0.15">
      <c r="A23" s="5" t="s">
        <v>6</v>
      </c>
      <c r="B23" s="22">
        <v>167</v>
      </c>
      <c r="C23" s="14">
        <v>141</v>
      </c>
      <c r="D23" s="18">
        <v>308</v>
      </c>
    </row>
    <row r="24" spans="1:4" ht="18" customHeight="1" x14ac:dyDescent="0.15">
      <c r="A24" s="5">
        <v>15</v>
      </c>
      <c r="B24" s="22">
        <v>13</v>
      </c>
      <c r="C24" s="14">
        <v>14</v>
      </c>
      <c r="D24" s="18">
        <v>27</v>
      </c>
    </row>
    <row r="25" spans="1:4" ht="18" customHeight="1" x14ac:dyDescent="0.15">
      <c r="A25" s="5">
        <v>16</v>
      </c>
      <c r="B25" s="22">
        <v>14</v>
      </c>
      <c r="C25" s="14">
        <v>13</v>
      </c>
      <c r="D25" s="18">
        <v>27</v>
      </c>
    </row>
    <row r="26" spans="1:4" ht="18" customHeight="1" x14ac:dyDescent="0.15">
      <c r="A26" s="5">
        <v>17</v>
      </c>
      <c r="B26" s="22">
        <v>18</v>
      </c>
      <c r="C26" s="14">
        <v>9</v>
      </c>
      <c r="D26" s="18">
        <v>27</v>
      </c>
    </row>
    <row r="27" spans="1:4" ht="18" customHeight="1" x14ac:dyDescent="0.15">
      <c r="A27" s="5">
        <v>18</v>
      </c>
      <c r="B27" s="22">
        <v>11</v>
      </c>
      <c r="C27" s="14">
        <v>12</v>
      </c>
      <c r="D27" s="18">
        <v>23</v>
      </c>
    </row>
    <row r="28" spans="1:4" ht="18" customHeight="1" x14ac:dyDescent="0.15">
      <c r="A28" s="5">
        <v>19</v>
      </c>
      <c r="B28" s="22">
        <v>11</v>
      </c>
      <c r="C28" s="14">
        <v>19</v>
      </c>
      <c r="D28" s="18">
        <v>30</v>
      </c>
    </row>
    <row r="29" spans="1:4" ht="18" customHeight="1" x14ac:dyDescent="0.15">
      <c r="A29" s="5" t="s">
        <v>14</v>
      </c>
      <c r="B29" s="22">
        <v>67</v>
      </c>
      <c r="C29" s="14">
        <v>67</v>
      </c>
      <c r="D29" s="18">
        <v>134</v>
      </c>
    </row>
    <row r="30" spans="1:4" ht="18" customHeight="1" x14ac:dyDescent="0.15">
      <c r="A30" s="5">
        <v>20</v>
      </c>
      <c r="B30" s="22">
        <v>22</v>
      </c>
      <c r="C30" s="14">
        <v>14</v>
      </c>
      <c r="D30" s="18">
        <v>36</v>
      </c>
    </row>
    <row r="31" spans="1:4" ht="18" customHeight="1" x14ac:dyDescent="0.15">
      <c r="A31" s="5">
        <v>21</v>
      </c>
      <c r="B31" s="22">
        <v>16</v>
      </c>
      <c r="C31" s="14">
        <v>14</v>
      </c>
      <c r="D31" s="18">
        <v>30</v>
      </c>
    </row>
    <row r="32" spans="1:4" ht="18" customHeight="1" x14ac:dyDescent="0.15">
      <c r="A32" s="5">
        <v>22</v>
      </c>
      <c r="B32" s="22">
        <v>15</v>
      </c>
      <c r="C32" s="14">
        <v>14</v>
      </c>
      <c r="D32" s="18">
        <v>29</v>
      </c>
    </row>
    <row r="33" spans="1:4" ht="18" customHeight="1" x14ac:dyDescent="0.15">
      <c r="A33" s="5">
        <v>23</v>
      </c>
      <c r="B33" s="22">
        <v>21</v>
      </c>
      <c r="C33" s="14">
        <v>24</v>
      </c>
      <c r="D33" s="18">
        <v>45</v>
      </c>
    </row>
    <row r="34" spans="1:4" ht="18" customHeight="1" x14ac:dyDescent="0.15">
      <c r="A34" s="5">
        <v>24</v>
      </c>
      <c r="B34" s="22">
        <v>18</v>
      </c>
      <c r="C34" s="14">
        <v>23</v>
      </c>
      <c r="D34" s="18">
        <v>41</v>
      </c>
    </row>
    <row r="35" spans="1:4" ht="18" customHeight="1" x14ac:dyDescent="0.15">
      <c r="A35" s="5" t="s">
        <v>9</v>
      </c>
      <c r="B35" s="22">
        <v>92</v>
      </c>
      <c r="C35" s="14">
        <v>89</v>
      </c>
      <c r="D35" s="18">
        <v>181</v>
      </c>
    </row>
    <row r="36" spans="1:4" ht="18" customHeight="1" x14ac:dyDescent="0.15">
      <c r="A36" s="5">
        <v>25</v>
      </c>
      <c r="B36" s="22">
        <v>22</v>
      </c>
      <c r="C36" s="14">
        <v>21</v>
      </c>
      <c r="D36" s="18">
        <v>43</v>
      </c>
    </row>
    <row r="37" spans="1:4" ht="18" customHeight="1" x14ac:dyDescent="0.15">
      <c r="A37" s="5">
        <v>26</v>
      </c>
      <c r="B37" s="22">
        <v>19</v>
      </c>
      <c r="C37" s="14">
        <v>20</v>
      </c>
      <c r="D37" s="18">
        <v>39</v>
      </c>
    </row>
    <row r="38" spans="1:4" ht="18" customHeight="1" x14ac:dyDescent="0.15">
      <c r="A38" s="5">
        <v>27</v>
      </c>
      <c r="B38" s="22">
        <v>22</v>
      </c>
      <c r="C38" s="14">
        <v>15</v>
      </c>
      <c r="D38" s="18">
        <v>37</v>
      </c>
    </row>
    <row r="39" spans="1:4" ht="18" customHeight="1" x14ac:dyDescent="0.15">
      <c r="A39" s="5">
        <v>28</v>
      </c>
      <c r="B39" s="22">
        <v>15</v>
      </c>
      <c r="C39" s="14">
        <v>17</v>
      </c>
      <c r="D39" s="18">
        <v>32</v>
      </c>
    </row>
    <row r="40" spans="1:4" ht="18" customHeight="1" x14ac:dyDescent="0.15">
      <c r="A40" s="5">
        <v>29</v>
      </c>
      <c r="B40" s="22">
        <v>32</v>
      </c>
      <c r="C40" s="14">
        <v>30</v>
      </c>
      <c r="D40" s="18">
        <v>62</v>
      </c>
    </row>
    <row r="41" spans="1:4" ht="18" customHeight="1" x14ac:dyDescent="0.15">
      <c r="A41" s="5" t="s">
        <v>2</v>
      </c>
      <c r="B41" s="22">
        <v>110</v>
      </c>
      <c r="C41" s="14">
        <v>103</v>
      </c>
      <c r="D41" s="18">
        <v>213</v>
      </c>
    </row>
    <row r="42" spans="1:4" ht="18" customHeight="1" x14ac:dyDescent="0.15">
      <c r="A42" s="5">
        <v>30</v>
      </c>
      <c r="B42" s="22">
        <v>18</v>
      </c>
      <c r="C42" s="14">
        <v>20</v>
      </c>
      <c r="D42" s="18">
        <v>38</v>
      </c>
    </row>
    <row r="43" spans="1:4" ht="18" customHeight="1" x14ac:dyDescent="0.15">
      <c r="A43" s="5">
        <v>31</v>
      </c>
      <c r="B43" s="22">
        <v>25</v>
      </c>
      <c r="C43" s="14">
        <v>19</v>
      </c>
      <c r="D43" s="18">
        <v>44</v>
      </c>
    </row>
    <row r="44" spans="1:4" ht="18" customHeight="1" x14ac:dyDescent="0.15">
      <c r="A44" s="5">
        <v>32</v>
      </c>
      <c r="B44" s="22">
        <v>21</v>
      </c>
      <c r="C44" s="14">
        <v>16</v>
      </c>
      <c r="D44" s="18">
        <v>37</v>
      </c>
    </row>
    <row r="45" spans="1:4" ht="18" customHeight="1" x14ac:dyDescent="0.15">
      <c r="A45" s="5">
        <v>33</v>
      </c>
      <c r="B45" s="22">
        <v>20</v>
      </c>
      <c r="C45" s="14">
        <v>13</v>
      </c>
      <c r="D45" s="18">
        <v>33</v>
      </c>
    </row>
    <row r="46" spans="1:4" ht="18" customHeight="1" x14ac:dyDescent="0.15">
      <c r="A46" s="5">
        <v>34</v>
      </c>
      <c r="B46" s="22">
        <v>21</v>
      </c>
      <c r="C46" s="14">
        <v>14</v>
      </c>
      <c r="D46" s="18">
        <v>35</v>
      </c>
    </row>
    <row r="47" spans="1:4" ht="18" customHeight="1" x14ac:dyDescent="0.15">
      <c r="A47" s="5" t="s">
        <v>15</v>
      </c>
      <c r="B47" s="22">
        <v>105</v>
      </c>
      <c r="C47" s="14">
        <v>82</v>
      </c>
      <c r="D47" s="18">
        <v>187</v>
      </c>
    </row>
    <row r="48" spans="1:4" ht="18" customHeight="1" x14ac:dyDescent="0.15">
      <c r="A48" s="5">
        <v>35</v>
      </c>
      <c r="B48" s="22">
        <v>16</v>
      </c>
      <c r="C48" s="14">
        <v>11</v>
      </c>
      <c r="D48" s="18">
        <v>27</v>
      </c>
    </row>
    <row r="49" spans="1:4" ht="18" customHeight="1" x14ac:dyDescent="0.15">
      <c r="A49" s="5">
        <v>36</v>
      </c>
      <c r="B49" s="22">
        <v>18</v>
      </c>
      <c r="C49" s="14">
        <v>11</v>
      </c>
      <c r="D49" s="18">
        <v>29</v>
      </c>
    </row>
    <row r="50" spans="1:4" ht="18" customHeight="1" x14ac:dyDescent="0.15">
      <c r="A50" s="5">
        <v>37</v>
      </c>
      <c r="B50" s="22">
        <v>22</v>
      </c>
      <c r="C50" s="14">
        <v>12</v>
      </c>
      <c r="D50" s="18">
        <v>34</v>
      </c>
    </row>
    <row r="51" spans="1:4" ht="18" customHeight="1" x14ac:dyDescent="0.15">
      <c r="A51" s="5">
        <v>38</v>
      </c>
      <c r="B51" s="22">
        <v>16</v>
      </c>
      <c r="C51" s="14">
        <v>14</v>
      </c>
      <c r="D51" s="18">
        <v>30</v>
      </c>
    </row>
    <row r="52" spans="1:4" ht="18" customHeight="1" x14ac:dyDescent="0.15">
      <c r="A52" s="5">
        <v>39</v>
      </c>
      <c r="B52" s="22">
        <v>21</v>
      </c>
      <c r="C52" s="14">
        <v>17</v>
      </c>
      <c r="D52" s="18">
        <v>38</v>
      </c>
    </row>
    <row r="53" spans="1:4" ht="18" customHeight="1" x14ac:dyDescent="0.15">
      <c r="A53" s="5" t="s">
        <v>18</v>
      </c>
      <c r="B53" s="22">
        <v>93</v>
      </c>
      <c r="C53" s="14">
        <v>65</v>
      </c>
      <c r="D53" s="18">
        <v>158</v>
      </c>
    </row>
    <row r="54" spans="1:4" ht="18" customHeight="1" x14ac:dyDescent="0.15">
      <c r="A54" s="5">
        <v>40</v>
      </c>
      <c r="B54" s="22">
        <v>17</v>
      </c>
      <c r="C54" s="14">
        <v>17</v>
      </c>
      <c r="D54" s="18">
        <v>34</v>
      </c>
    </row>
    <row r="55" spans="1:4" ht="18" customHeight="1" x14ac:dyDescent="0.15">
      <c r="A55" s="5">
        <v>41</v>
      </c>
      <c r="B55" s="22">
        <v>17</v>
      </c>
      <c r="C55" s="14">
        <v>20</v>
      </c>
      <c r="D55" s="18">
        <v>37</v>
      </c>
    </row>
    <row r="56" spans="1:4" ht="18" customHeight="1" x14ac:dyDescent="0.15">
      <c r="A56" s="5">
        <v>42</v>
      </c>
      <c r="B56" s="22">
        <v>17</v>
      </c>
      <c r="C56" s="14">
        <v>12</v>
      </c>
      <c r="D56" s="18">
        <v>29</v>
      </c>
    </row>
    <row r="57" spans="1:4" ht="18" customHeight="1" x14ac:dyDescent="0.15">
      <c r="A57" s="5">
        <v>43</v>
      </c>
      <c r="B57" s="22">
        <v>22</v>
      </c>
      <c r="C57" s="14">
        <v>16</v>
      </c>
      <c r="D57" s="18">
        <v>38</v>
      </c>
    </row>
    <row r="58" spans="1:4" ht="18" customHeight="1" x14ac:dyDescent="0.15">
      <c r="A58" s="5">
        <v>44</v>
      </c>
      <c r="B58" s="22">
        <v>20</v>
      </c>
      <c r="C58" s="14">
        <v>18</v>
      </c>
      <c r="D58" s="18">
        <v>38</v>
      </c>
    </row>
    <row r="59" spans="1:4" ht="18" customHeight="1" x14ac:dyDescent="0.15">
      <c r="A59" s="5" t="s">
        <v>21</v>
      </c>
      <c r="B59" s="22">
        <v>93</v>
      </c>
      <c r="C59" s="14">
        <v>83</v>
      </c>
      <c r="D59" s="18">
        <v>176</v>
      </c>
    </row>
    <row r="60" spans="1:4" ht="18" customHeight="1" x14ac:dyDescent="0.15">
      <c r="A60" s="5">
        <v>45</v>
      </c>
      <c r="B60" s="22">
        <v>17</v>
      </c>
      <c r="C60" s="14">
        <v>13</v>
      </c>
      <c r="D60" s="18">
        <v>30</v>
      </c>
    </row>
    <row r="61" spans="1:4" ht="18" customHeight="1" x14ac:dyDescent="0.15">
      <c r="A61" s="5">
        <v>46</v>
      </c>
      <c r="B61" s="22">
        <v>17</v>
      </c>
      <c r="C61" s="14">
        <v>25</v>
      </c>
      <c r="D61" s="18">
        <v>42</v>
      </c>
    </row>
    <row r="62" spans="1:4" ht="18" customHeight="1" x14ac:dyDescent="0.15">
      <c r="A62" s="5">
        <v>47</v>
      </c>
      <c r="B62" s="22">
        <v>32</v>
      </c>
      <c r="C62" s="14">
        <v>27</v>
      </c>
      <c r="D62" s="18">
        <v>59</v>
      </c>
    </row>
    <row r="63" spans="1:4" ht="18" customHeight="1" x14ac:dyDescent="0.15">
      <c r="A63" s="5">
        <v>48</v>
      </c>
      <c r="B63" s="22">
        <v>27</v>
      </c>
      <c r="C63" s="14">
        <v>22</v>
      </c>
      <c r="D63" s="18">
        <v>49</v>
      </c>
    </row>
    <row r="64" spans="1:4" ht="18" customHeight="1" x14ac:dyDescent="0.15">
      <c r="A64" s="5">
        <v>49</v>
      </c>
      <c r="B64" s="22">
        <v>36</v>
      </c>
      <c r="C64" s="14">
        <v>20</v>
      </c>
      <c r="D64" s="18">
        <v>56</v>
      </c>
    </row>
    <row r="65" spans="1:4" ht="18" customHeight="1" x14ac:dyDescent="0.15">
      <c r="A65" s="5" t="s">
        <v>17</v>
      </c>
      <c r="B65" s="22">
        <v>129</v>
      </c>
      <c r="C65" s="14">
        <v>107</v>
      </c>
      <c r="D65" s="18">
        <v>236</v>
      </c>
    </row>
    <row r="66" spans="1:4" ht="18" customHeight="1" x14ac:dyDescent="0.15">
      <c r="A66" s="5">
        <v>50</v>
      </c>
      <c r="B66" s="22">
        <v>30</v>
      </c>
      <c r="C66" s="14">
        <v>26</v>
      </c>
      <c r="D66" s="18">
        <v>56</v>
      </c>
    </row>
    <row r="67" spans="1:4" ht="18" customHeight="1" x14ac:dyDescent="0.15">
      <c r="A67" s="5">
        <v>51</v>
      </c>
      <c r="B67" s="22">
        <v>28</v>
      </c>
      <c r="C67" s="14">
        <v>27</v>
      </c>
      <c r="D67" s="18">
        <v>55</v>
      </c>
    </row>
    <row r="68" spans="1:4" ht="18" customHeight="1" x14ac:dyDescent="0.15">
      <c r="A68" s="5">
        <v>52</v>
      </c>
      <c r="B68" s="22">
        <v>37</v>
      </c>
      <c r="C68" s="14">
        <v>40</v>
      </c>
      <c r="D68" s="18">
        <v>77</v>
      </c>
    </row>
    <row r="69" spans="1:4" ht="18" customHeight="1" x14ac:dyDescent="0.15">
      <c r="A69" s="5">
        <v>53</v>
      </c>
      <c r="B69" s="22">
        <v>36</v>
      </c>
      <c r="C69" s="14">
        <v>35</v>
      </c>
      <c r="D69" s="18">
        <v>71</v>
      </c>
    </row>
    <row r="70" spans="1:4" ht="18" customHeight="1" x14ac:dyDescent="0.15">
      <c r="A70" s="5">
        <v>54</v>
      </c>
      <c r="B70" s="22">
        <v>45</v>
      </c>
      <c r="C70" s="14">
        <v>36</v>
      </c>
      <c r="D70" s="18">
        <v>81</v>
      </c>
    </row>
    <row r="71" spans="1:4" ht="18" customHeight="1" x14ac:dyDescent="0.15">
      <c r="A71" s="5" t="s">
        <v>22</v>
      </c>
      <c r="B71" s="22">
        <v>176</v>
      </c>
      <c r="C71" s="14">
        <v>164</v>
      </c>
      <c r="D71" s="18">
        <v>340</v>
      </c>
    </row>
    <row r="72" spans="1:4" ht="18" customHeight="1" x14ac:dyDescent="0.15">
      <c r="A72" s="5">
        <v>55</v>
      </c>
      <c r="B72" s="22">
        <v>24</v>
      </c>
      <c r="C72" s="14">
        <v>33</v>
      </c>
      <c r="D72" s="18">
        <v>57</v>
      </c>
    </row>
    <row r="73" spans="1:4" ht="18" customHeight="1" x14ac:dyDescent="0.15">
      <c r="A73" s="5">
        <v>56</v>
      </c>
      <c r="B73" s="22">
        <v>36</v>
      </c>
      <c r="C73" s="14">
        <v>29</v>
      </c>
      <c r="D73" s="18">
        <v>65</v>
      </c>
    </row>
    <row r="74" spans="1:4" ht="18" customHeight="1" x14ac:dyDescent="0.15">
      <c r="A74" s="5">
        <v>57</v>
      </c>
      <c r="B74" s="22">
        <v>36</v>
      </c>
      <c r="C74" s="14">
        <v>30</v>
      </c>
      <c r="D74" s="18">
        <v>66</v>
      </c>
    </row>
    <row r="75" spans="1:4" ht="18" customHeight="1" x14ac:dyDescent="0.15">
      <c r="A75" s="5">
        <v>58</v>
      </c>
      <c r="B75" s="22">
        <v>32</v>
      </c>
      <c r="C75" s="14">
        <v>24</v>
      </c>
      <c r="D75" s="18">
        <v>56</v>
      </c>
    </row>
    <row r="76" spans="1:4" ht="18" customHeight="1" x14ac:dyDescent="0.15">
      <c r="A76" s="5">
        <v>59</v>
      </c>
      <c r="B76" s="22">
        <v>15</v>
      </c>
      <c r="C76" s="14">
        <v>14</v>
      </c>
      <c r="D76" s="18">
        <v>29</v>
      </c>
    </row>
    <row r="77" spans="1:4" ht="18" customHeight="1" x14ac:dyDescent="0.15">
      <c r="A77" s="5" t="s">
        <v>27</v>
      </c>
      <c r="B77" s="22">
        <v>143</v>
      </c>
      <c r="C77" s="14">
        <v>130</v>
      </c>
      <c r="D77" s="18">
        <v>273</v>
      </c>
    </row>
    <row r="78" spans="1:4" ht="18" customHeight="1" x14ac:dyDescent="0.15">
      <c r="A78" s="5">
        <v>60</v>
      </c>
      <c r="B78" s="22">
        <v>24</v>
      </c>
      <c r="C78" s="14">
        <v>21</v>
      </c>
      <c r="D78" s="18">
        <v>45</v>
      </c>
    </row>
    <row r="79" spans="1:4" ht="18" customHeight="1" x14ac:dyDescent="0.15">
      <c r="A79" s="5">
        <v>61</v>
      </c>
      <c r="B79" s="22">
        <v>21</v>
      </c>
      <c r="C79" s="14">
        <v>26</v>
      </c>
      <c r="D79" s="18">
        <v>47</v>
      </c>
    </row>
    <row r="80" spans="1:4" ht="18" customHeight="1" x14ac:dyDescent="0.15">
      <c r="A80" s="5">
        <v>62</v>
      </c>
      <c r="B80" s="22">
        <v>22</v>
      </c>
      <c r="C80" s="14">
        <v>19</v>
      </c>
      <c r="D80" s="18">
        <v>41</v>
      </c>
    </row>
    <row r="81" spans="1:4" ht="18" customHeight="1" x14ac:dyDescent="0.15">
      <c r="A81" s="5">
        <v>63</v>
      </c>
      <c r="B81" s="22">
        <v>14</v>
      </c>
      <c r="C81" s="14">
        <v>24</v>
      </c>
      <c r="D81" s="18">
        <v>38</v>
      </c>
    </row>
    <row r="82" spans="1:4" ht="18" customHeight="1" x14ac:dyDescent="0.15">
      <c r="A82" s="5">
        <v>64</v>
      </c>
      <c r="B82" s="22">
        <v>25</v>
      </c>
      <c r="C82" s="14">
        <v>19</v>
      </c>
      <c r="D82" s="18">
        <v>44</v>
      </c>
    </row>
    <row r="83" spans="1:4" ht="18" customHeight="1" x14ac:dyDescent="0.15">
      <c r="A83" s="5" t="s">
        <v>28</v>
      </c>
      <c r="B83" s="22">
        <v>106</v>
      </c>
      <c r="C83" s="14">
        <v>109</v>
      </c>
      <c r="D83" s="18">
        <v>215</v>
      </c>
    </row>
    <row r="84" spans="1:4" ht="18" customHeight="1" x14ac:dyDescent="0.15">
      <c r="A84" s="5" t="s">
        <v>31</v>
      </c>
      <c r="B84" s="22">
        <v>1114</v>
      </c>
      <c r="C84" s="14">
        <v>999</v>
      </c>
      <c r="D84" s="18">
        <v>2113</v>
      </c>
    </row>
    <row r="85" spans="1:4" ht="18" customHeight="1" x14ac:dyDescent="0.15">
      <c r="A85" s="5">
        <v>65</v>
      </c>
      <c r="B85" s="22">
        <v>25</v>
      </c>
      <c r="C85" s="14">
        <v>24</v>
      </c>
      <c r="D85" s="18">
        <v>49</v>
      </c>
    </row>
    <row r="86" spans="1:4" ht="18" customHeight="1" x14ac:dyDescent="0.15">
      <c r="A86" s="5">
        <v>66</v>
      </c>
      <c r="B86" s="22">
        <v>17</v>
      </c>
      <c r="C86" s="14">
        <v>24</v>
      </c>
      <c r="D86" s="18">
        <v>41</v>
      </c>
    </row>
    <row r="87" spans="1:4" ht="18" customHeight="1" x14ac:dyDescent="0.15">
      <c r="A87" s="5">
        <v>67</v>
      </c>
      <c r="B87" s="22">
        <v>18</v>
      </c>
      <c r="C87" s="14">
        <v>24</v>
      </c>
      <c r="D87" s="18">
        <v>42</v>
      </c>
    </row>
    <row r="88" spans="1:4" ht="18" customHeight="1" x14ac:dyDescent="0.15">
      <c r="A88" s="5">
        <v>68</v>
      </c>
      <c r="B88" s="22">
        <v>18</v>
      </c>
      <c r="C88" s="14">
        <v>30</v>
      </c>
      <c r="D88" s="18">
        <v>48</v>
      </c>
    </row>
    <row r="89" spans="1:4" ht="18" customHeight="1" x14ac:dyDescent="0.15">
      <c r="A89" s="5">
        <v>69</v>
      </c>
      <c r="B89" s="22">
        <v>24</v>
      </c>
      <c r="C89" s="14">
        <v>22</v>
      </c>
      <c r="D89" s="18">
        <v>46</v>
      </c>
    </row>
    <row r="90" spans="1:4" ht="18" customHeight="1" x14ac:dyDescent="0.15">
      <c r="A90" s="5" t="s">
        <v>20</v>
      </c>
      <c r="B90" s="22">
        <v>102</v>
      </c>
      <c r="C90" s="14">
        <v>124</v>
      </c>
      <c r="D90" s="18">
        <v>226</v>
      </c>
    </row>
    <row r="91" spans="1:4" ht="18" customHeight="1" x14ac:dyDescent="0.15">
      <c r="A91" s="5">
        <v>70</v>
      </c>
      <c r="B91" s="22">
        <v>26</v>
      </c>
      <c r="C91" s="14">
        <v>31</v>
      </c>
      <c r="D91" s="18">
        <v>57</v>
      </c>
    </row>
    <row r="92" spans="1:4" ht="18" customHeight="1" x14ac:dyDescent="0.15">
      <c r="A92" s="5">
        <v>71</v>
      </c>
      <c r="B92" s="22">
        <v>30</v>
      </c>
      <c r="C92" s="14">
        <v>18</v>
      </c>
      <c r="D92" s="18">
        <v>48</v>
      </c>
    </row>
    <row r="93" spans="1:4" ht="18" customHeight="1" x14ac:dyDescent="0.15">
      <c r="A93" s="5">
        <v>72</v>
      </c>
      <c r="B93" s="22">
        <v>21</v>
      </c>
      <c r="C93" s="14">
        <v>29</v>
      </c>
      <c r="D93" s="18">
        <v>50</v>
      </c>
    </row>
    <row r="94" spans="1:4" ht="18" customHeight="1" x14ac:dyDescent="0.15">
      <c r="A94" s="5">
        <v>73</v>
      </c>
      <c r="B94" s="22">
        <v>31</v>
      </c>
      <c r="C94" s="14">
        <v>22</v>
      </c>
      <c r="D94" s="18">
        <v>53</v>
      </c>
    </row>
    <row r="95" spans="1:4" ht="18" customHeight="1" x14ac:dyDescent="0.15">
      <c r="A95" s="5">
        <v>74</v>
      </c>
      <c r="B95" s="22">
        <v>23</v>
      </c>
      <c r="C95" s="14">
        <v>37</v>
      </c>
      <c r="D95" s="18">
        <v>60</v>
      </c>
    </row>
    <row r="96" spans="1:4" ht="18" customHeight="1" x14ac:dyDescent="0.15">
      <c r="A96" s="5" t="s">
        <v>33</v>
      </c>
      <c r="B96" s="22">
        <v>131</v>
      </c>
      <c r="C96" s="14">
        <v>137</v>
      </c>
      <c r="D96" s="18">
        <v>268</v>
      </c>
    </row>
    <row r="97" spans="1:4" ht="18" customHeight="1" x14ac:dyDescent="0.15">
      <c r="A97" s="5">
        <v>75</v>
      </c>
      <c r="B97" s="22">
        <v>29</v>
      </c>
      <c r="C97" s="14">
        <v>42</v>
      </c>
      <c r="D97" s="18">
        <v>71</v>
      </c>
    </row>
    <row r="98" spans="1:4" ht="18" customHeight="1" x14ac:dyDescent="0.15">
      <c r="A98" s="5">
        <v>76</v>
      </c>
      <c r="B98" s="22">
        <v>32</v>
      </c>
      <c r="C98" s="14">
        <v>44</v>
      </c>
      <c r="D98" s="18">
        <v>76</v>
      </c>
    </row>
    <row r="99" spans="1:4" ht="18" customHeight="1" x14ac:dyDescent="0.15">
      <c r="A99" s="5">
        <v>77</v>
      </c>
      <c r="B99" s="22">
        <v>32</v>
      </c>
      <c r="C99" s="14">
        <v>43</v>
      </c>
      <c r="D99" s="18">
        <v>75</v>
      </c>
    </row>
    <row r="100" spans="1:4" ht="18" customHeight="1" x14ac:dyDescent="0.15">
      <c r="A100" s="5">
        <v>78</v>
      </c>
      <c r="B100" s="22">
        <v>37</v>
      </c>
      <c r="C100" s="14">
        <v>52</v>
      </c>
      <c r="D100" s="18">
        <v>89</v>
      </c>
    </row>
    <row r="101" spans="1:4" ht="18" customHeight="1" x14ac:dyDescent="0.15">
      <c r="A101" s="5">
        <v>79</v>
      </c>
      <c r="B101" s="22">
        <v>37</v>
      </c>
      <c r="C101" s="14">
        <v>30</v>
      </c>
      <c r="D101" s="18">
        <v>67</v>
      </c>
    </row>
    <row r="102" spans="1:4" ht="18" customHeight="1" x14ac:dyDescent="0.15">
      <c r="A102" s="5" t="s">
        <v>0</v>
      </c>
      <c r="B102" s="22">
        <v>167</v>
      </c>
      <c r="C102" s="14">
        <v>211</v>
      </c>
      <c r="D102" s="18">
        <v>378</v>
      </c>
    </row>
    <row r="103" spans="1:4" ht="18" customHeight="1" x14ac:dyDescent="0.15">
      <c r="A103" s="5">
        <v>80</v>
      </c>
      <c r="B103" s="22">
        <v>18</v>
      </c>
      <c r="C103" s="14">
        <v>25</v>
      </c>
      <c r="D103" s="18">
        <v>43</v>
      </c>
    </row>
    <row r="104" spans="1:4" ht="18" customHeight="1" x14ac:dyDescent="0.15">
      <c r="A104" s="5">
        <v>81</v>
      </c>
      <c r="B104" s="22">
        <v>25</v>
      </c>
      <c r="C104" s="14">
        <v>33</v>
      </c>
      <c r="D104" s="18">
        <v>58</v>
      </c>
    </row>
    <row r="105" spans="1:4" ht="18" customHeight="1" x14ac:dyDescent="0.15">
      <c r="A105" s="5">
        <v>82</v>
      </c>
      <c r="B105" s="22">
        <v>22</v>
      </c>
      <c r="C105" s="14">
        <v>28</v>
      </c>
      <c r="D105" s="18">
        <v>50</v>
      </c>
    </row>
    <row r="106" spans="1:4" ht="18" customHeight="1" x14ac:dyDescent="0.15">
      <c r="A106" s="5">
        <v>83</v>
      </c>
      <c r="B106" s="22">
        <v>34</v>
      </c>
      <c r="C106" s="14">
        <v>30</v>
      </c>
      <c r="D106" s="18">
        <v>64</v>
      </c>
    </row>
    <row r="107" spans="1:4" ht="18" customHeight="1" x14ac:dyDescent="0.15">
      <c r="A107" s="5">
        <v>84</v>
      </c>
      <c r="B107" s="22">
        <v>25</v>
      </c>
      <c r="C107" s="14">
        <v>33</v>
      </c>
      <c r="D107" s="18">
        <v>58</v>
      </c>
    </row>
    <row r="108" spans="1:4" ht="18" customHeight="1" x14ac:dyDescent="0.15">
      <c r="A108" s="5" t="s">
        <v>35</v>
      </c>
      <c r="B108" s="22">
        <v>124</v>
      </c>
      <c r="C108" s="14">
        <v>149</v>
      </c>
      <c r="D108" s="18">
        <v>273</v>
      </c>
    </row>
    <row r="109" spans="1:4" ht="18" customHeight="1" x14ac:dyDescent="0.15">
      <c r="A109" s="5">
        <v>85</v>
      </c>
      <c r="B109" s="22">
        <v>11</v>
      </c>
      <c r="C109" s="14">
        <v>23</v>
      </c>
      <c r="D109" s="18">
        <v>34</v>
      </c>
    </row>
    <row r="110" spans="1:4" ht="18" customHeight="1" x14ac:dyDescent="0.15">
      <c r="A110" s="5">
        <v>86</v>
      </c>
      <c r="B110" s="22">
        <v>11</v>
      </c>
      <c r="C110" s="14">
        <v>22</v>
      </c>
      <c r="D110" s="18">
        <v>33</v>
      </c>
    </row>
    <row r="111" spans="1:4" ht="18" customHeight="1" x14ac:dyDescent="0.15">
      <c r="A111" s="5">
        <v>87</v>
      </c>
      <c r="B111" s="22">
        <v>11</v>
      </c>
      <c r="C111" s="14">
        <v>18</v>
      </c>
      <c r="D111" s="18">
        <v>29</v>
      </c>
    </row>
    <row r="112" spans="1:4" ht="18" customHeight="1" x14ac:dyDescent="0.15">
      <c r="A112" s="5">
        <v>88</v>
      </c>
      <c r="B112" s="22">
        <v>14</v>
      </c>
      <c r="C112" s="14">
        <v>23</v>
      </c>
      <c r="D112" s="18">
        <v>37</v>
      </c>
    </row>
    <row r="113" spans="1:4" ht="18" customHeight="1" x14ac:dyDescent="0.15">
      <c r="A113" s="5">
        <v>89</v>
      </c>
      <c r="B113" s="22">
        <v>4</v>
      </c>
      <c r="C113" s="14">
        <v>19</v>
      </c>
      <c r="D113" s="18">
        <v>23</v>
      </c>
    </row>
    <row r="114" spans="1:4" ht="18" customHeight="1" x14ac:dyDescent="0.15">
      <c r="A114" s="5" t="s">
        <v>37</v>
      </c>
      <c r="B114" s="22">
        <v>51</v>
      </c>
      <c r="C114" s="14">
        <v>105</v>
      </c>
      <c r="D114" s="18">
        <v>156</v>
      </c>
    </row>
    <row r="115" spans="1:4" ht="18" customHeight="1" x14ac:dyDescent="0.15">
      <c r="A115" s="5">
        <v>90</v>
      </c>
      <c r="B115" s="22">
        <v>7</v>
      </c>
      <c r="C115" s="14">
        <v>15</v>
      </c>
      <c r="D115" s="18">
        <v>22</v>
      </c>
    </row>
    <row r="116" spans="1:4" ht="18" customHeight="1" x14ac:dyDescent="0.15">
      <c r="A116" s="5">
        <v>91</v>
      </c>
      <c r="B116" s="22">
        <v>6</v>
      </c>
      <c r="C116" s="14">
        <v>10</v>
      </c>
      <c r="D116" s="18">
        <v>16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13</v>
      </c>
      <c r="D119" s="18">
        <v>15</v>
      </c>
    </row>
    <row r="120" spans="1:4" ht="18" customHeight="1" x14ac:dyDescent="0.15">
      <c r="A120" s="5" t="s">
        <v>39</v>
      </c>
      <c r="B120" s="22">
        <v>18</v>
      </c>
      <c r="C120" s="14">
        <v>51</v>
      </c>
      <c r="D120" s="18">
        <v>69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2</v>
      </c>
      <c r="C124" s="14">
        <v>0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7</v>
      </c>
      <c r="C126" s="14">
        <v>14</v>
      </c>
      <c r="D126" s="18">
        <v>21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4</v>
      </c>
      <c r="D129" s="18">
        <v>5</v>
      </c>
    </row>
    <row r="130" spans="1:4" ht="18" customHeight="1" x14ac:dyDescent="0.15">
      <c r="A130" s="5" t="s">
        <v>46</v>
      </c>
      <c r="B130" s="22">
        <v>601</v>
      </c>
      <c r="C130" s="14">
        <v>795</v>
      </c>
      <c r="D130" s="18">
        <v>1396</v>
      </c>
    </row>
    <row r="131" spans="1:4" ht="18" customHeight="1" x14ac:dyDescent="0.15">
      <c r="A131" s="7" t="s">
        <v>45</v>
      </c>
      <c r="B131" s="23">
        <v>1882</v>
      </c>
      <c r="C131" s="15">
        <v>1935</v>
      </c>
      <c r="D131" s="19">
        <v>38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2</v>
      </c>
      <c r="D5" s="17">
        <v>2</v>
      </c>
    </row>
    <row r="6" spans="1:4" ht="18" customHeight="1" x14ac:dyDescent="0.15">
      <c r="A6" s="5">
        <v>1</v>
      </c>
      <c r="B6" s="22">
        <v>4</v>
      </c>
      <c r="C6" s="14">
        <v>2</v>
      </c>
      <c r="D6" s="18">
        <v>6</v>
      </c>
    </row>
    <row r="7" spans="1:4" ht="18" customHeight="1" x14ac:dyDescent="0.15">
      <c r="A7" s="5">
        <v>2</v>
      </c>
      <c r="B7" s="22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2">
        <v>4</v>
      </c>
      <c r="C8" s="14">
        <v>6</v>
      </c>
      <c r="D8" s="18">
        <v>10</v>
      </c>
    </row>
    <row r="9" spans="1:4" ht="18" customHeight="1" x14ac:dyDescent="0.15">
      <c r="A9" s="5">
        <v>4</v>
      </c>
      <c r="B9" s="22">
        <v>4</v>
      </c>
      <c r="C9" s="14">
        <v>4</v>
      </c>
      <c r="D9" s="18">
        <v>8</v>
      </c>
    </row>
    <row r="10" spans="1:4" ht="18" customHeight="1" x14ac:dyDescent="0.15">
      <c r="A10" s="5" t="s">
        <v>7</v>
      </c>
      <c r="B10" s="22">
        <v>15</v>
      </c>
      <c r="C10" s="14">
        <v>16</v>
      </c>
      <c r="D10" s="18">
        <v>31</v>
      </c>
    </row>
    <row r="11" spans="1:4" ht="18" customHeight="1" x14ac:dyDescent="0.15">
      <c r="A11" s="5">
        <v>5</v>
      </c>
      <c r="B11" s="22">
        <v>3</v>
      </c>
      <c r="C11" s="14">
        <v>6</v>
      </c>
      <c r="D11" s="18">
        <v>9</v>
      </c>
    </row>
    <row r="12" spans="1:4" ht="18" customHeight="1" x14ac:dyDescent="0.15">
      <c r="A12" s="5">
        <v>6</v>
      </c>
      <c r="B12" s="22">
        <v>4</v>
      </c>
      <c r="C12" s="14">
        <v>2</v>
      </c>
      <c r="D12" s="18">
        <v>6</v>
      </c>
    </row>
    <row r="13" spans="1:4" ht="18" customHeight="1" x14ac:dyDescent="0.15">
      <c r="A13" s="5">
        <v>7</v>
      </c>
      <c r="B13" s="22">
        <v>4</v>
      </c>
      <c r="C13" s="14">
        <v>1</v>
      </c>
      <c r="D13" s="18">
        <v>5</v>
      </c>
    </row>
    <row r="14" spans="1:4" ht="18" customHeight="1" x14ac:dyDescent="0.15">
      <c r="A14" s="5">
        <v>8</v>
      </c>
      <c r="B14" s="22">
        <v>4</v>
      </c>
      <c r="C14" s="14">
        <v>0</v>
      </c>
      <c r="D14" s="18">
        <v>4</v>
      </c>
    </row>
    <row r="15" spans="1:4" ht="18" customHeight="1" x14ac:dyDescent="0.15">
      <c r="A15" s="5">
        <v>9</v>
      </c>
      <c r="B15" s="22">
        <v>5</v>
      </c>
      <c r="C15" s="14">
        <v>4</v>
      </c>
      <c r="D15" s="18">
        <v>9</v>
      </c>
    </row>
    <row r="16" spans="1:4" ht="18" customHeight="1" x14ac:dyDescent="0.15">
      <c r="A16" s="5" t="s">
        <v>11</v>
      </c>
      <c r="B16" s="22">
        <v>20</v>
      </c>
      <c r="C16" s="14">
        <v>13</v>
      </c>
      <c r="D16" s="18">
        <v>33</v>
      </c>
    </row>
    <row r="17" spans="1:4" ht="18" customHeight="1" x14ac:dyDescent="0.15">
      <c r="A17" s="5">
        <v>10</v>
      </c>
      <c r="B17" s="22">
        <v>5</v>
      </c>
      <c r="C17" s="14">
        <v>10</v>
      </c>
      <c r="D17" s="18">
        <v>15</v>
      </c>
    </row>
    <row r="18" spans="1:4" ht="18" customHeight="1" x14ac:dyDescent="0.15">
      <c r="A18" s="5">
        <v>11</v>
      </c>
      <c r="B18" s="22">
        <v>1</v>
      </c>
      <c r="C18" s="14">
        <v>3</v>
      </c>
      <c r="D18" s="18">
        <v>4</v>
      </c>
    </row>
    <row r="19" spans="1:4" ht="18" customHeight="1" x14ac:dyDescent="0.15">
      <c r="A19" s="5">
        <v>12</v>
      </c>
      <c r="B19" s="22">
        <v>8</v>
      </c>
      <c r="C19" s="14">
        <v>9</v>
      </c>
      <c r="D19" s="18">
        <v>17</v>
      </c>
    </row>
    <row r="20" spans="1:4" ht="18" customHeight="1" x14ac:dyDescent="0.15">
      <c r="A20" s="5">
        <v>13</v>
      </c>
      <c r="B20" s="22">
        <v>3</v>
      </c>
      <c r="C20" s="14">
        <v>6</v>
      </c>
      <c r="D20" s="18">
        <v>9</v>
      </c>
    </row>
    <row r="21" spans="1:4" ht="18" customHeight="1" x14ac:dyDescent="0.15">
      <c r="A21" s="5">
        <v>14</v>
      </c>
      <c r="B21" s="22">
        <v>8</v>
      </c>
      <c r="C21" s="14">
        <v>4</v>
      </c>
      <c r="D21" s="18">
        <v>12</v>
      </c>
    </row>
    <row r="22" spans="1:4" ht="18" customHeight="1" x14ac:dyDescent="0.15">
      <c r="A22" s="5" t="s">
        <v>12</v>
      </c>
      <c r="B22" s="22">
        <v>25</v>
      </c>
      <c r="C22" s="14">
        <v>32</v>
      </c>
      <c r="D22" s="18">
        <v>57</v>
      </c>
    </row>
    <row r="23" spans="1:4" ht="18" customHeight="1" x14ac:dyDescent="0.15">
      <c r="A23" s="5" t="s">
        <v>6</v>
      </c>
      <c r="B23" s="22">
        <v>60</v>
      </c>
      <c r="C23" s="14">
        <v>61</v>
      </c>
      <c r="D23" s="18">
        <v>121</v>
      </c>
    </row>
    <row r="24" spans="1:4" ht="18" customHeight="1" x14ac:dyDescent="0.15">
      <c r="A24" s="5">
        <v>15</v>
      </c>
      <c r="B24" s="22">
        <v>7</v>
      </c>
      <c r="C24" s="14">
        <v>5</v>
      </c>
      <c r="D24" s="18">
        <v>12</v>
      </c>
    </row>
    <row r="25" spans="1:4" ht="18" customHeight="1" x14ac:dyDescent="0.15">
      <c r="A25" s="5">
        <v>16</v>
      </c>
      <c r="B25" s="22">
        <v>7</v>
      </c>
      <c r="C25" s="14">
        <v>9</v>
      </c>
      <c r="D25" s="18">
        <v>16</v>
      </c>
    </row>
    <row r="26" spans="1:4" ht="18" customHeight="1" x14ac:dyDescent="0.15">
      <c r="A26" s="5">
        <v>17</v>
      </c>
      <c r="B26" s="22">
        <v>8</v>
      </c>
      <c r="C26" s="14">
        <v>4</v>
      </c>
      <c r="D26" s="18">
        <v>12</v>
      </c>
    </row>
    <row r="27" spans="1:4" ht="18" customHeight="1" x14ac:dyDescent="0.15">
      <c r="A27" s="5">
        <v>18</v>
      </c>
      <c r="B27" s="22">
        <v>5</v>
      </c>
      <c r="C27" s="14">
        <v>3</v>
      </c>
      <c r="D27" s="18">
        <v>8</v>
      </c>
    </row>
    <row r="28" spans="1:4" ht="18" customHeight="1" x14ac:dyDescent="0.15">
      <c r="A28" s="5">
        <v>19</v>
      </c>
      <c r="B28" s="22">
        <v>12</v>
      </c>
      <c r="C28" s="14">
        <v>4</v>
      </c>
      <c r="D28" s="18">
        <v>16</v>
      </c>
    </row>
    <row r="29" spans="1:4" ht="18" customHeight="1" x14ac:dyDescent="0.15">
      <c r="A29" s="5" t="s">
        <v>14</v>
      </c>
      <c r="B29" s="22">
        <v>39</v>
      </c>
      <c r="C29" s="14">
        <v>25</v>
      </c>
      <c r="D29" s="18">
        <v>64</v>
      </c>
    </row>
    <row r="30" spans="1:4" ht="18" customHeight="1" x14ac:dyDescent="0.15">
      <c r="A30" s="5">
        <v>20</v>
      </c>
      <c r="B30" s="22">
        <v>9</v>
      </c>
      <c r="C30" s="14">
        <v>4</v>
      </c>
      <c r="D30" s="18">
        <v>13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6</v>
      </c>
      <c r="C32" s="14">
        <v>4</v>
      </c>
      <c r="D32" s="18">
        <v>10</v>
      </c>
    </row>
    <row r="33" spans="1:4" ht="18" customHeight="1" x14ac:dyDescent="0.15">
      <c r="A33" s="5">
        <v>23</v>
      </c>
      <c r="B33" s="22">
        <v>5</v>
      </c>
      <c r="C33" s="14">
        <v>7</v>
      </c>
      <c r="D33" s="18">
        <v>12</v>
      </c>
    </row>
    <row r="34" spans="1:4" ht="18" customHeight="1" x14ac:dyDescent="0.15">
      <c r="A34" s="5">
        <v>24</v>
      </c>
      <c r="B34" s="22">
        <v>7</v>
      </c>
      <c r="C34" s="14">
        <v>3</v>
      </c>
      <c r="D34" s="18">
        <v>10</v>
      </c>
    </row>
    <row r="35" spans="1:4" ht="18" customHeight="1" x14ac:dyDescent="0.15">
      <c r="A35" s="5" t="s">
        <v>9</v>
      </c>
      <c r="B35" s="22">
        <v>32</v>
      </c>
      <c r="C35" s="14">
        <v>22</v>
      </c>
      <c r="D35" s="18">
        <v>54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6</v>
      </c>
      <c r="C37" s="14">
        <v>4</v>
      </c>
      <c r="D37" s="18">
        <v>10</v>
      </c>
    </row>
    <row r="38" spans="1:4" ht="18" customHeight="1" x14ac:dyDescent="0.15">
      <c r="A38" s="5">
        <v>27</v>
      </c>
      <c r="B38" s="22">
        <v>3</v>
      </c>
      <c r="C38" s="14">
        <v>1</v>
      </c>
      <c r="D38" s="18">
        <v>4</v>
      </c>
    </row>
    <row r="39" spans="1:4" ht="18" customHeight="1" x14ac:dyDescent="0.15">
      <c r="A39" s="5">
        <v>28</v>
      </c>
      <c r="B39" s="22">
        <v>4</v>
      </c>
      <c r="C39" s="14">
        <v>5</v>
      </c>
      <c r="D39" s="18">
        <v>9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20</v>
      </c>
      <c r="C41" s="14">
        <v>14</v>
      </c>
      <c r="D41" s="18">
        <v>34</v>
      </c>
    </row>
    <row r="42" spans="1:4" ht="18" customHeight="1" x14ac:dyDescent="0.15">
      <c r="A42" s="5">
        <v>30</v>
      </c>
      <c r="B42" s="22">
        <v>9</v>
      </c>
      <c r="C42" s="14">
        <v>6</v>
      </c>
      <c r="D42" s="18">
        <v>15</v>
      </c>
    </row>
    <row r="43" spans="1:4" ht="18" customHeight="1" x14ac:dyDescent="0.15">
      <c r="A43" s="5">
        <v>31</v>
      </c>
      <c r="B43" s="22">
        <v>3</v>
      </c>
      <c r="C43" s="14">
        <v>3</v>
      </c>
      <c r="D43" s="18">
        <v>6</v>
      </c>
    </row>
    <row r="44" spans="1:4" ht="18" customHeight="1" x14ac:dyDescent="0.15">
      <c r="A44" s="5">
        <v>32</v>
      </c>
      <c r="B44" s="22">
        <v>6</v>
      </c>
      <c r="C44" s="14">
        <v>3</v>
      </c>
      <c r="D44" s="18">
        <v>9</v>
      </c>
    </row>
    <row r="45" spans="1:4" ht="18" customHeight="1" x14ac:dyDescent="0.15">
      <c r="A45" s="5">
        <v>33</v>
      </c>
      <c r="B45" s="22">
        <v>6</v>
      </c>
      <c r="C45" s="14">
        <v>8</v>
      </c>
      <c r="D45" s="18">
        <v>14</v>
      </c>
    </row>
    <row r="46" spans="1:4" ht="18" customHeight="1" x14ac:dyDescent="0.15">
      <c r="A46" s="5">
        <v>34</v>
      </c>
      <c r="B46" s="22">
        <v>4</v>
      </c>
      <c r="C46" s="14">
        <v>8</v>
      </c>
      <c r="D46" s="18">
        <v>12</v>
      </c>
    </row>
    <row r="47" spans="1:4" ht="18" customHeight="1" x14ac:dyDescent="0.15">
      <c r="A47" s="5" t="s">
        <v>15</v>
      </c>
      <c r="B47" s="22">
        <v>28</v>
      </c>
      <c r="C47" s="14">
        <v>28</v>
      </c>
      <c r="D47" s="18">
        <v>56</v>
      </c>
    </row>
    <row r="48" spans="1:4" ht="18" customHeight="1" x14ac:dyDescent="0.15">
      <c r="A48" s="5">
        <v>35</v>
      </c>
      <c r="B48" s="22">
        <v>10</v>
      </c>
      <c r="C48" s="14">
        <v>5</v>
      </c>
      <c r="D48" s="18">
        <v>15</v>
      </c>
    </row>
    <row r="49" spans="1:4" ht="18" customHeight="1" x14ac:dyDescent="0.15">
      <c r="A49" s="5">
        <v>36</v>
      </c>
      <c r="B49" s="22">
        <v>5</v>
      </c>
      <c r="C49" s="14">
        <v>7</v>
      </c>
      <c r="D49" s="18">
        <v>12</v>
      </c>
    </row>
    <row r="50" spans="1:4" ht="18" customHeight="1" x14ac:dyDescent="0.15">
      <c r="A50" s="5">
        <v>37</v>
      </c>
      <c r="B50" s="22">
        <v>11</v>
      </c>
      <c r="C50" s="14">
        <v>4</v>
      </c>
      <c r="D50" s="18">
        <v>15</v>
      </c>
    </row>
    <row r="51" spans="1:4" ht="18" customHeight="1" x14ac:dyDescent="0.15">
      <c r="A51" s="5">
        <v>38</v>
      </c>
      <c r="B51" s="22">
        <v>8</v>
      </c>
      <c r="C51" s="14">
        <v>4</v>
      </c>
      <c r="D51" s="18">
        <v>12</v>
      </c>
    </row>
    <row r="52" spans="1:4" ht="18" customHeight="1" x14ac:dyDescent="0.15">
      <c r="A52" s="5">
        <v>39</v>
      </c>
      <c r="B52" s="22">
        <v>11</v>
      </c>
      <c r="C52" s="14">
        <v>7</v>
      </c>
      <c r="D52" s="18">
        <v>18</v>
      </c>
    </row>
    <row r="53" spans="1:4" ht="18" customHeight="1" x14ac:dyDescent="0.15">
      <c r="A53" s="5" t="s">
        <v>18</v>
      </c>
      <c r="B53" s="22">
        <v>45</v>
      </c>
      <c r="C53" s="14">
        <v>27</v>
      </c>
      <c r="D53" s="18">
        <v>72</v>
      </c>
    </row>
    <row r="54" spans="1:4" ht="18" customHeight="1" x14ac:dyDescent="0.15">
      <c r="A54" s="5">
        <v>40</v>
      </c>
      <c r="B54" s="22">
        <v>9</v>
      </c>
      <c r="C54" s="14">
        <v>11</v>
      </c>
      <c r="D54" s="18">
        <v>20</v>
      </c>
    </row>
    <row r="55" spans="1:4" ht="18" customHeight="1" x14ac:dyDescent="0.15">
      <c r="A55" s="5">
        <v>41</v>
      </c>
      <c r="B55" s="22">
        <v>10</v>
      </c>
      <c r="C55" s="14">
        <v>6</v>
      </c>
      <c r="D55" s="18">
        <v>16</v>
      </c>
    </row>
    <row r="56" spans="1:4" ht="18" customHeight="1" x14ac:dyDescent="0.15">
      <c r="A56" s="5">
        <v>42</v>
      </c>
      <c r="B56" s="22">
        <v>7</v>
      </c>
      <c r="C56" s="14">
        <v>9</v>
      </c>
      <c r="D56" s="18">
        <v>16</v>
      </c>
    </row>
    <row r="57" spans="1:4" ht="18" customHeight="1" x14ac:dyDescent="0.15">
      <c r="A57" s="5">
        <v>43</v>
      </c>
      <c r="B57" s="22">
        <v>6</v>
      </c>
      <c r="C57" s="14">
        <v>1</v>
      </c>
      <c r="D57" s="18">
        <v>7</v>
      </c>
    </row>
    <row r="58" spans="1:4" ht="18" customHeight="1" x14ac:dyDescent="0.15">
      <c r="A58" s="5">
        <v>44</v>
      </c>
      <c r="B58" s="22">
        <v>10</v>
      </c>
      <c r="C58" s="14">
        <v>9</v>
      </c>
      <c r="D58" s="18">
        <v>19</v>
      </c>
    </row>
    <row r="59" spans="1:4" ht="18" customHeight="1" x14ac:dyDescent="0.15">
      <c r="A59" s="5" t="s">
        <v>21</v>
      </c>
      <c r="B59" s="22">
        <v>42</v>
      </c>
      <c r="C59" s="14">
        <v>36</v>
      </c>
      <c r="D59" s="18">
        <v>78</v>
      </c>
    </row>
    <row r="60" spans="1:4" ht="18" customHeight="1" x14ac:dyDescent="0.15">
      <c r="A60" s="5">
        <v>45</v>
      </c>
      <c r="B60" s="22">
        <v>6</v>
      </c>
      <c r="C60" s="14">
        <v>3</v>
      </c>
      <c r="D60" s="18">
        <v>9</v>
      </c>
    </row>
    <row r="61" spans="1:4" ht="18" customHeight="1" x14ac:dyDescent="0.15">
      <c r="A61" s="5">
        <v>46</v>
      </c>
      <c r="B61" s="22">
        <v>13</v>
      </c>
      <c r="C61" s="14">
        <v>7</v>
      </c>
      <c r="D61" s="18">
        <v>20</v>
      </c>
    </row>
    <row r="62" spans="1:4" ht="18" customHeight="1" x14ac:dyDescent="0.15">
      <c r="A62" s="5">
        <v>47</v>
      </c>
      <c r="B62" s="22">
        <v>9</v>
      </c>
      <c r="C62" s="14">
        <v>12</v>
      </c>
      <c r="D62" s="18">
        <v>21</v>
      </c>
    </row>
    <row r="63" spans="1:4" ht="18" customHeight="1" x14ac:dyDescent="0.15">
      <c r="A63" s="5">
        <v>48</v>
      </c>
      <c r="B63" s="22">
        <v>13</v>
      </c>
      <c r="C63" s="14">
        <v>10</v>
      </c>
      <c r="D63" s="18">
        <v>23</v>
      </c>
    </row>
    <row r="64" spans="1:4" ht="18" customHeight="1" x14ac:dyDescent="0.15">
      <c r="A64" s="5">
        <v>49</v>
      </c>
      <c r="B64" s="22">
        <v>12</v>
      </c>
      <c r="C64" s="14">
        <v>9</v>
      </c>
      <c r="D64" s="18">
        <v>21</v>
      </c>
    </row>
    <row r="65" spans="1:4" ht="18" customHeight="1" x14ac:dyDescent="0.15">
      <c r="A65" s="5" t="s">
        <v>17</v>
      </c>
      <c r="B65" s="22">
        <v>53</v>
      </c>
      <c r="C65" s="14">
        <v>41</v>
      </c>
      <c r="D65" s="18">
        <v>94</v>
      </c>
    </row>
    <row r="66" spans="1:4" ht="18" customHeight="1" x14ac:dyDescent="0.15">
      <c r="A66" s="5">
        <v>50</v>
      </c>
      <c r="B66" s="22">
        <v>13</v>
      </c>
      <c r="C66" s="14">
        <v>9</v>
      </c>
      <c r="D66" s="18">
        <v>22</v>
      </c>
    </row>
    <row r="67" spans="1:4" ht="18" customHeight="1" x14ac:dyDescent="0.15">
      <c r="A67" s="5">
        <v>51</v>
      </c>
      <c r="B67" s="22">
        <v>16</v>
      </c>
      <c r="C67" s="14">
        <v>15</v>
      </c>
      <c r="D67" s="18">
        <v>31</v>
      </c>
    </row>
    <row r="68" spans="1:4" ht="18" customHeight="1" x14ac:dyDescent="0.15">
      <c r="A68" s="5">
        <v>52</v>
      </c>
      <c r="B68" s="22">
        <v>16</v>
      </c>
      <c r="C68" s="14">
        <v>15</v>
      </c>
      <c r="D68" s="18">
        <v>31</v>
      </c>
    </row>
    <row r="69" spans="1:4" ht="18" customHeight="1" x14ac:dyDescent="0.15">
      <c r="A69" s="5">
        <v>53</v>
      </c>
      <c r="B69" s="22">
        <v>14</v>
      </c>
      <c r="C69" s="14">
        <v>9</v>
      </c>
      <c r="D69" s="18">
        <v>23</v>
      </c>
    </row>
    <row r="70" spans="1:4" ht="18" customHeight="1" x14ac:dyDescent="0.15">
      <c r="A70" s="5">
        <v>54</v>
      </c>
      <c r="B70" s="22">
        <v>13</v>
      </c>
      <c r="C70" s="14">
        <v>12</v>
      </c>
      <c r="D70" s="18">
        <v>25</v>
      </c>
    </row>
    <row r="71" spans="1:4" ht="18" customHeight="1" x14ac:dyDescent="0.15">
      <c r="A71" s="5" t="s">
        <v>22</v>
      </c>
      <c r="B71" s="22">
        <v>72</v>
      </c>
      <c r="C71" s="14">
        <v>60</v>
      </c>
      <c r="D71" s="18">
        <v>132</v>
      </c>
    </row>
    <row r="72" spans="1:4" ht="18" customHeight="1" x14ac:dyDescent="0.15">
      <c r="A72" s="5">
        <v>55</v>
      </c>
      <c r="B72" s="22">
        <v>11</v>
      </c>
      <c r="C72" s="14">
        <v>15</v>
      </c>
      <c r="D72" s="18">
        <v>26</v>
      </c>
    </row>
    <row r="73" spans="1:4" ht="18" customHeight="1" x14ac:dyDescent="0.15">
      <c r="A73" s="5">
        <v>56</v>
      </c>
      <c r="B73" s="22">
        <v>11</v>
      </c>
      <c r="C73" s="14">
        <v>6</v>
      </c>
      <c r="D73" s="18">
        <v>17</v>
      </c>
    </row>
    <row r="74" spans="1:4" ht="18" customHeight="1" x14ac:dyDescent="0.15">
      <c r="A74" s="5">
        <v>57</v>
      </c>
      <c r="B74" s="22">
        <v>13</v>
      </c>
      <c r="C74" s="14">
        <v>9</v>
      </c>
      <c r="D74" s="18">
        <v>22</v>
      </c>
    </row>
    <row r="75" spans="1:4" ht="18" customHeight="1" x14ac:dyDescent="0.15">
      <c r="A75" s="5">
        <v>58</v>
      </c>
      <c r="B75" s="22">
        <v>14</v>
      </c>
      <c r="C75" s="14">
        <v>12</v>
      </c>
      <c r="D75" s="18">
        <v>26</v>
      </c>
    </row>
    <row r="76" spans="1:4" ht="18" customHeight="1" x14ac:dyDescent="0.15">
      <c r="A76" s="5">
        <v>59</v>
      </c>
      <c r="B76" s="22">
        <v>7</v>
      </c>
      <c r="C76" s="14">
        <v>11</v>
      </c>
      <c r="D76" s="18">
        <v>18</v>
      </c>
    </row>
    <row r="77" spans="1:4" ht="18" customHeight="1" x14ac:dyDescent="0.15">
      <c r="A77" s="5" t="s">
        <v>27</v>
      </c>
      <c r="B77" s="22">
        <v>56</v>
      </c>
      <c r="C77" s="14">
        <v>53</v>
      </c>
      <c r="D77" s="18">
        <v>109</v>
      </c>
    </row>
    <row r="78" spans="1:4" ht="18" customHeight="1" x14ac:dyDescent="0.15">
      <c r="A78" s="5">
        <v>60</v>
      </c>
      <c r="B78" s="22">
        <v>11</v>
      </c>
      <c r="C78" s="14">
        <v>12</v>
      </c>
      <c r="D78" s="18">
        <v>23</v>
      </c>
    </row>
    <row r="79" spans="1:4" ht="18" customHeight="1" x14ac:dyDescent="0.15">
      <c r="A79" s="5">
        <v>61</v>
      </c>
      <c r="B79" s="22">
        <v>11</v>
      </c>
      <c r="C79" s="14">
        <v>12</v>
      </c>
      <c r="D79" s="18">
        <v>23</v>
      </c>
    </row>
    <row r="80" spans="1:4" ht="18" customHeight="1" x14ac:dyDescent="0.15">
      <c r="A80" s="5">
        <v>62</v>
      </c>
      <c r="B80" s="22">
        <v>6</v>
      </c>
      <c r="C80" s="14">
        <v>10</v>
      </c>
      <c r="D80" s="18">
        <v>16</v>
      </c>
    </row>
    <row r="81" spans="1:4" ht="18" customHeight="1" x14ac:dyDescent="0.15">
      <c r="A81" s="5">
        <v>63</v>
      </c>
      <c r="B81" s="22">
        <v>8</v>
      </c>
      <c r="C81" s="14">
        <v>20</v>
      </c>
      <c r="D81" s="18">
        <v>28</v>
      </c>
    </row>
    <row r="82" spans="1:4" ht="18" customHeight="1" x14ac:dyDescent="0.15">
      <c r="A82" s="5">
        <v>64</v>
      </c>
      <c r="B82" s="22">
        <v>12</v>
      </c>
      <c r="C82" s="14">
        <v>12</v>
      </c>
      <c r="D82" s="18">
        <v>24</v>
      </c>
    </row>
    <row r="83" spans="1:4" ht="18" customHeight="1" x14ac:dyDescent="0.15">
      <c r="A83" s="5" t="s">
        <v>28</v>
      </c>
      <c r="B83" s="22">
        <v>48</v>
      </c>
      <c r="C83" s="14">
        <v>66</v>
      </c>
      <c r="D83" s="18">
        <v>114</v>
      </c>
    </row>
    <row r="84" spans="1:4" ht="18" customHeight="1" x14ac:dyDescent="0.15">
      <c r="A84" s="5" t="s">
        <v>31</v>
      </c>
      <c r="B84" s="22">
        <v>435</v>
      </c>
      <c r="C84" s="14">
        <v>372</v>
      </c>
      <c r="D84" s="18">
        <v>807</v>
      </c>
    </row>
    <row r="85" spans="1:4" ht="18" customHeight="1" x14ac:dyDescent="0.15">
      <c r="A85" s="5">
        <v>65</v>
      </c>
      <c r="B85" s="22">
        <v>17</v>
      </c>
      <c r="C85" s="14">
        <v>11</v>
      </c>
      <c r="D85" s="18">
        <v>28</v>
      </c>
    </row>
    <row r="86" spans="1:4" ht="18" customHeight="1" x14ac:dyDescent="0.15">
      <c r="A86" s="5">
        <v>66</v>
      </c>
      <c r="B86" s="22">
        <v>10</v>
      </c>
      <c r="C86" s="14">
        <v>10</v>
      </c>
      <c r="D86" s="18">
        <v>20</v>
      </c>
    </row>
    <row r="87" spans="1:4" ht="18" customHeight="1" x14ac:dyDescent="0.15">
      <c r="A87" s="5">
        <v>67</v>
      </c>
      <c r="B87" s="22">
        <v>18</v>
      </c>
      <c r="C87" s="14">
        <v>14</v>
      </c>
      <c r="D87" s="18">
        <v>32</v>
      </c>
    </row>
    <row r="88" spans="1:4" ht="18" customHeight="1" x14ac:dyDescent="0.15">
      <c r="A88" s="5">
        <v>68</v>
      </c>
      <c r="B88" s="22">
        <v>10</v>
      </c>
      <c r="C88" s="14">
        <v>16</v>
      </c>
      <c r="D88" s="18">
        <v>26</v>
      </c>
    </row>
    <row r="89" spans="1:4" ht="18" customHeight="1" x14ac:dyDescent="0.15">
      <c r="A89" s="5">
        <v>69</v>
      </c>
      <c r="B89" s="22">
        <v>11</v>
      </c>
      <c r="C89" s="14">
        <v>10</v>
      </c>
      <c r="D89" s="18">
        <v>21</v>
      </c>
    </row>
    <row r="90" spans="1:4" ht="18" customHeight="1" x14ac:dyDescent="0.15">
      <c r="A90" s="5" t="s">
        <v>20</v>
      </c>
      <c r="B90" s="22">
        <v>66</v>
      </c>
      <c r="C90" s="14">
        <v>61</v>
      </c>
      <c r="D90" s="18">
        <v>127</v>
      </c>
    </row>
    <row r="91" spans="1:4" ht="18" customHeight="1" x14ac:dyDescent="0.15">
      <c r="A91" s="5">
        <v>70</v>
      </c>
      <c r="B91" s="22">
        <v>17</v>
      </c>
      <c r="C91" s="14">
        <v>9</v>
      </c>
      <c r="D91" s="18">
        <v>26</v>
      </c>
    </row>
    <row r="92" spans="1:4" ht="18" customHeight="1" x14ac:dyDescent="0.15">
      <c r="A92" s="5">
        <v>71</v>
      </c>
      <c r="B92" s="22">
        <v>6</v>
      </c>
      <c r="C92" s="14">
        <v>17</v>
      </c>
      <c r="D92" s="18">
        <v>23</v>
      </c>
    </row>
    <row r="93" spans="1:4" ht="18" customHeight="1" x14ac:dyDescent="0.15">
      <c r="A93" s="5">
        <v>72</v>
      </c>
      <c r="B93" s="22">
        <v>13</v>
      </c>
      <c r="C93" s="14">
        <v>14</v>
      </c>
      <c r="D93" s="18">
        <v>27</v>
      </c>
    </row>
    <row r="94" spans="1:4" ht="18" customHeight="1" x14ac:dyDescent="0.15">
      <c r="A94" s="5">
        <v>73</v>
      </c>
      <c r="B94" s="22">
        <v>18</v>
      </c>
      <c r="C94" s="14">
        <v>19</v>
      </c>
      <c r="D94" s="18">
        <v>37</v>
      </c>
    </row>
    <row r="95" spans="1:4" ht="18" customHeight="1" x14ac:dyDescent="0.15">
      <c r="A95" s="5">
        <v>74</v>
      </c>
      <c r="B95" s="22">
        <v>22</v>
      </c>
      <c r="C95" s="14">
        <v>18</v>
      </c>
      <c r="D95" s="18">
        <v>40</v>
      </c>
    </row>
    <row r="96" spans="1:4" ht="18" customHeight="1" x14ac:dyDescent="0.15">
      <c r="A96" s="5" t="s">
        <v>33</v>
      </c>
      <c r="B96" s="22">
        <v>76</v>
      </c>
      <c r="C96" s="14">
        <v>77</v>
      </c>
      <c r="D96" s="18">
        <v>153</v>
      </c>
    </row>
    <row r="97" spans="1:4" ht="18" customHeight="1" x14ac:dyDescent="0.15">
      <c r="A97" s="5">
        <v>75</v>
      </c>
      <c r="B97" s="22">
        <v>19</v>
      </c>
      <c r="C97" s="14">
        <v>19</v>
      </c>
      <c r="D97" s="18">
        <v>38</v>
      </c>
    </row>
    <row r="98" spans="1:4" ht="18" customHeight="1" x14ac:dyDescent="0.15">
      <c r="A98" s="5">
        <v>76</v>
      </c>
      <c r="B98" s="22">
        <v>16</v>
      </c>
      <c r="C98" s="14">
        <v>26</v>
      </c>
      <c r="D98" s="18">
        <v>42</v>
      </c>
    </row>
    <row r="99" spans="1:4" ht="18" customHeight="1" x14ac:dyDescent="0.15">
      <c r="A99" s="5">
        <v>77</v>
      </c>
      <c r="B99" s="22">
        <v>22</v>
      </c>
      <c r="C99" s="14">
        <v>29</v>
      </c>
      <c r="D99" s="18">
        <v>51</v>
      </c>
    </row>
    <row r="100" spans="1:4" ht="18" customHeight="1" x14ac:dyDescent="0.15">
      <c r="A100" s="5">
        <v>78</v>
      </c>
      <c r="B100" s="22">
        <v>26</v>
      </c>
      <c r="C100" s="14">
        <v>31</v>
      </c>
      <c r="D100" s="18">
        <v>57</v>
      </c>
    </row>
    <row r="101" spans="1:4" ht="18" customHeight="1" x14ac:dyDescent="0.15">
      <c r="A101" s="5">
        <v>79</v>
      </c>
      <c r="B101" s="22">
        <v>16</v>
      </c>
      <c r="C101" s="14">
        <v>25</v>
      </c>
      <c r="D101" s="18">
        <v>41</v>
      </c>
    </row>
    <row r="102" spans="1:4" ht="18" customHeight="1" x14ac:dyDescent="0.15">
      <c r="A102" s="5" t="s">
        <v>0</v>
      </c>
      <c r="B102" s="22">
        <v>99</v>
      </c>
      <c r="C102" s="14">
        <v>130</v>
      </c>
      <c r="D102" s="18">
        <v>229</v>
      </c>
    </row>
    <row r="103" spans="1:4" ht="18" customHeight="1" x14ac:dyDescent="0.15">
      <c r="A103" s="5">
        <v>80</v>
      </c>
      <c r="B103" s="22">
        <v>10</v>
      </c>
      <c r="C103" s="14">
        <v>15</v>
      </c>
      <c r="D103" s="18">
        <v>25</v>
      </c>
    </row>
    <row r="104" spans="1:4" ht="18" customHeight="1" x14ac:dyDescent="0.15">
      <c r="A104" s="5">
        <v>81</v>
      </c>
      <c r="B104" s="22">
        <v>11</v>
      </c>
      <c r="C104" s="14">
        <v>8</v>
      </c>
      <c r="D104" s="18">
        <v>19</v>
      </c>
    </row>
    <row r="105" spans="1:4" ht="18" customHeight="1" x14ac:dyDescent="0.15">
      <c r="A105" s="5">
        <v>82</v>
      </c>
      <c r="B105" s="22">
        <v>11</v>
      </c>
      <c r="C105" s="14">
        <v>18</v>
      </c>
      <c r="D105" s="18">
        <v>29</v>
      </c>
    </row>
    <row r="106" spans="1:4" ht="18" customHeight="1" x14ac:dyDescent="0.15">
      <c r="A106" s="5">
        <v>83</v>
      </c>
      <c r="B106" s="22">
        <v>15</v>
      </c>
      <c r="C106" s="14">
        <v>16</v>
      </c>
      <c r="D106" s="18">
        <v>31</v>
      </c>
    </row>
    <row r="107" spans="1:4" ht="18" customHeight="1" x14ac:dyDescent="0.15">
      <c r="A107" s="5">
        <v>84</v>
      </c>
      <c r="B107" s="22">
        <v>15</v>
      </c>
      <c r="C107" s="14">
        <v>9</v>
      </c>
      <c r="D107" s="18">
        <v>24</v>
      </c>
    </row>
    <row r="108" spans="1:4" ht="18" customHeight="1" x14ac:dyDescent="0.15">
      <c r="A108" s="5" t="s">
        <v>35</v>
      </c>
      <c r="B108" s="22">
        <v>62</v>
      </c>
      <c r="C108" s="14">
        <v>66</v>
      </c>
      <c r="D108" s="18">
        <v>128</v>
      </c>
    </row>
    <row r="109" spans="1:4" ht="18" customHeight="1" x14ac:dyDescent="0.15">
      <c r="A109" s="5">
        <v>85</v>
      </c>
      <c r="B109" s="22">
        <v>6</v>
      </c>
      <c r="C109" s="14">
        <v>13</v>
      </c>
      <c r="D109" s="18">
        <v>19</v>
      </c>
    </row>
    <row r="110" spans="1:4" ht="18" customHeight="1" x14ac:dyDescent="0.15">
      <c r="A110" s="5">
        <v>86</v>
      </c>
      <c r="B110" s="22">
        <v>6</v>
      </c>
      <c r="C110" s="14">
        <v>13</v>
      </c>
      <c r="D110" s="18">
        <v>19</v>
      </c>
    </row>
    <row r="111" spans="1:4" ht="18" customHeight="1" x14ac:dyDescent="0.15">
      <c r="A111" s="5">
        <v>87</v>
      </c>
      <c r="B111" s="22">
        <v>4</v>
      </c>
      <c r="C111" s="14">
        <v>12</v>
      </c>
      <c r="D111" s="18">
        <v>16</v>
      </c>
    </row>
    <row r="112" spans="1:4" ht="18" customHeight="1" x14ac:dyDescent="0.15">
      <c r="A112" s="5">
        <v>88</v>
      </c>
      <c r="B112" s="22">
        <v>4</v>
      </c>
      <c r="C112" s="14">
        <v>6</v>
      </c>
      <c r="D112" s="18">
        <v>10</v>
      </c>
    </row>
    <row r="113" spans="1:4" ht="18" customHeight="1" x14ac:dyDescent="0.15">
      <c r="A113" s="5">
        <v>89</v>
      </c>
      <c r="B113" s="22">
        <v>7</v>
      </c>
      <c r="C113" s="14">
        <v>14</v>
      </c>
      <c r="D113" s="18">
        <v>21</v>
      </c>
    </row>
    <row r="114" spans="1:4" ht="18" customHeight="1" x14ac:dyDescent="0.15">
      <c r="A114" s="5" t="s">
        <v>37</v>
      </c>
      <c r="B114" s="22">
        <v>27</v>
      </c>
      <c r="C114" s="14">
        <v>58</v>
      </c>
      <c r="D114" s="18">
        <v>85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2</v>
      </c>
      <c r="D116" s="18">
        <v>4</v>
      </c>
    </row>
    <row r="117" spans="1:4" ht="18" customHeight="1" x14ac:dyDescent="0.15">
      <c r="A117" s="5">
        <v>92</v>
      </c>
      <c r="B117" s="22">
        <v>3</v>
      </c>
      <c r="C117" s="14">
        <v>12</v>
      </c>
      <c r="D117" s="18">
        <v>15</v>
      </c>
    </row>
    <row r="118" spans="1:4" ht="18" customHeight="1" x14ac:dyDescent="0.15">
      <c r="A118" s="5">
        <v>93</v>
      </c>
      <c r="B118" s="22">
        <v>2</v>
      </c>
      <c r="C118" s="14">
        <v>3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5</v>
      </c>
      <c r="D119" s="18">
        <v>7</v>
      </c>
    </row>
    <row r="120" spans="1:4" ht="18" customHeight="1" x14ac:dyDescent="0.15">
      <c r="A120" s="5" t="s">
        <v>39</v>
      </c>
      <c r="B120" s="22">
        <v>12</v>
      </c>
      <c r="C120" s="14">
        <v>30</v>
      </c>
      <c r="D120" s="18">
        <v>42</v>
      </c>
    </row>
    <row r="121" spans="1:4" ht="18" customHeight="1" x14ac:dyDescent="0.15">
      <c r="A121" s="5">
        <v>95</v>
      </c>
      <c r="B121" s="22">
        <v>2</v>
      </c>
      <c r="C121" s="14">
        <v>3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2</v>
      </c>
      <c r="C123" s="14">
        <v>0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10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347</v>
      </c>
      <c r="C130" s="14">
        <v>433</v>
      </c>
      <c r="D130" s="18">
        <v>780</v>
      </c>
    </row>
    <row r="131" spans="1:4" ht="18" customHeight="1" x14ac:dyDescent="0.15">
      <c r="A131" s="7" t="s">
        <v>45</v>
      </c>
      <c r="B131" s="23">
        <v>842</v>
      </c>
      <c r="C131" s="15">
        <v>866</v>
      </c>
      <c r="D131" s="19">
        <v>17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6</v>
      </c>
      <c r="D5" s="17">
        <v>19</v>
      </c>
    </row>
    <row r="6" spans="1:4" ht="18" customHeight="1" x14ac:dyDescent="0.15">
      <c r="A6" s="5">
        <v>1</v>
      </c>
      <c r="B6" s="22">
        <v>8</v>
      </c>
      <c r="C6" s="14">
        <v>11</v>
      </c>
      <c r="D6" s="18">
        <v>19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7</v>
      </c>
      <c r="C8" s="14">
        <v>11</v>
      </c>
      <c r="D8" s="18">
        <v>18</v>
      </c>
    </row>
    <row r="9" spans="1:4" ht="18" customHeight="1" x14ac:dyDescent="0.15">
      <c r="A9" s="5">
        <v>4</v>
      </c>
      <c r="B9" s="22">
        <v>11</v>
      </c>
      <c r="C9" s="14">
        <v>12</v>
      </c>
      <c r="D9" s="18">
        <v>23</v>
      </c>
    </row>
    <row r="10" spans="1:4" ht="18" customHeight="1" x14ac:dyDescent="0.15">
      <c r="A10" s="5" t="s">
        <v>7</v>
      </c>
      <c r="B10" s="22">
        <v>46</v>
      </c>
      <c r="C10" s="14">
        <v>51</v>
      </c>
      <c r="D10" s="18">
        <v>97</v>
      </c>
    </row>
    <row r="11" spans="1:4" ht="18" customHeight="1" x14ac:dyDescent="0.15">
      <c r="A11" s="5">
        <v>5</v>
      </c>
      <c r="B11" s="22">
        <v>14</v>
      </c>
      <c r="C11" s="14">
        <v>9</v>
      </c>
      <c r="D11" s="18">
        <v>23</v>
      </c>
    </row>
    <row r="12" spans="1:4" ht="18" customHeight="1" x14ac:dyDescent="0.15">
      <c r="A12" s="5">
        <v>6</v>
      </c>
      <c r="B12" s="22">
        <v>6</v>
      </c>
      <c r="C12" s="14">
        <v>8</v>
      </c>
      <c r="D12" s="18">
        <v>14</v>
      </c>
    </row>
    <row r="13" spans="1:4" ht="18" customHeight="1" x14ac:dyDescent="0.15">
      <c r="A13" s="5">
        <v>7</v>
      </c>
      <c r="B13" s="22">
        <v>12</v>
      </c>
      <c r="C13" s="14">
        <v>5</v>
      </c>
      <c r="D13" s="18">
        <v>17</v>
      </c>
    </row>
    <row r="14" spans="1:4" ht="18" customHeight="1" x14ac:dyDescent="0.15">
      <c r="A14" s="5">
        <v>8</v>
      </c>
      <c r="B14" s="22">
        <v>10</v>
      </c>
      <c r="C14" s="14">
        <v>12</v>
      </c>
      <c r="D14" s="18">
        <v>22</v>
      </c>
    </row>
    <row r="15" spans="1:4" ht="18" customHeight="1" x14ac:dyDescent="0.15">
      <c r="A15" s="5">
        <v>9</v>
      </c>
      <c r="B15" s="22">
        <v>8</v>
      </c>
      <c r="C15" s="14">
        <v>12</v>
      </c>
      <c r="D15" s="18">
        <v>20</v>
      </c>
    </row>
    <row r="16" spans="1:4" ht="18" customHeight="1" x14ac:dyDescent="0.15">
      <c r="A16" s="5" t="s">
        <v>11</v>
      </c>
      <c r="B16" s="22">
        <v>50</v>
      </c>
      <c r="C16" s="14">
        <v>46</v>
      </c>
      <c r="D16" s="18">
        <v>96</v>
      </c>
    </row>
    <row r="17" spans="1:4" ht="18" customHeight="1" x14ac:dyDescent="0.15">
      <c r="A17" s="5">
        <v>10</v>
      </c>
      <c r="B17" s="22">
        <v>18</v>
      </c>
      <c r="C17" s="14">
        <v>11</v>
      </c>
      <c r="D17" s="18">
        <v>29</v>
      </c>
    </row>
    <row r="18" spans="1:4" ht="18" customHeight="1" x14ac:dyDescent="0.15">
      <c r="A18" s="5">
        <v>11</v>
      </c>
      <c r="B18" s="22">
        <v>9</v>
      </c>
      <c r="C18" s="14">
        <v>11</v>
      </c>
      <c r="D18" s="18">
        <v>20</v>
      </c>
    </row>
    <row r="19" spans="1:4" ht="18" customHeight="1" x14ac:dyDescent="0.15">
      <c r="A19" s="5">
        <v>12</v>
      </c>
      <c r="B19" s="22">
        <v>12</v>
      </c>
      <c r="C19" s="14">
        <v>9</v>
      </c>
      <c r="D19" s="18">
        <v>21</v>
      </c>
    </row>
    <row r="20" spans="1:4" ht="18" customHeight="1" x14ac:dyDescent="0.15">
      <c r="A20" s="5">
        <v>13</v>
      </c>
      <c r="B20" s="22">
        <v>9</v>
      </c>
      <c r="C20" s="14">
        <v>10</v>
      </c>
      <c r="D20" s="18">
        <v>19</v>
      </c>
    </row>
    <row r="21" spans="1:4" ht="18" customHeight="1" x14ac:dyDescent="0.15">
      <c r="A21" s="5">
        <v>14</v>
      </c>
      <c r="B21" s="22">
        <v>13</v>
      </c>
      <c r="C21" s="14">
        <v>15</v>
      </c>
      <c r="D21" s="18">
        <v>28</v>
      </c>
    </row>
    <row r="22" spans="1:4" ht="18" customHeight="1" x14ac:dyDescent="0.15">
      <c r="A22" s="5" t="s">
        <v>12</v>
      </c>
      <c r="B22" s="22">
        <v>61</v>
      </c>
      <c r="C22" s="14">
        <v>56</v>
      </c>
      <c r="D22" s="18">
        <v>117</v>
      </c>
    </row>
    <row r="23" spans="1:4" ht="18" customHeight="1" x14ac:dyDescent="0.15">
      <c r="A23" s="5" t="s">
        <v>6</v>
      </c>
      <c r="B23" s="22">
        <v>157</v>
      </c>
      <c r="C23" s="14">
        <v>153</v>
      </c>
      <c r="D23" s="18">
        <v>310</v>
      </c>
    </row>
    <row r="24" spans="1:4" ht="18" customHeight="1" x14ac:dyDescent="0.15">
      <c r="A24" s="5">
        <v>15</v>
      </c>
      <c r="B24" s="22">
        <v>17</v>
      </c>
      <c r="C24" s="14">
        <v>6</v>
      </c>
      <c r="D24" s="18">
        <v>23</v>
      </c>
    </row>
    <row r="25" spans="1:4" ht="18" customHeight="1" x14ac:dyDescent="0.15">
      <c r="A25" s="5">
        <v>16</v>
      </c>
      <c r="B25" s="22">
        <v>11</v>
      </c>
      <c r="C25" s="14">
        <v>13</v>
      </c>
      <c r="D25" s="18">
        <v>24</v>
      </c>
    </row>
    <row r="26" spans="1:4" ht="18" customHeight="1" x14ac:dyDescent="0.15">
      <c r="A26" s="5">
        <v>17</v>
      </c>
      <c r="B26" s="22">
        <v>11</v>
      </c>
      <c r="C26" s="14">
        <v>19</v>
      </c>
      <c r="D26" s="18">
        <v>30</v>
      </c>
    </row>
    <row r="27" spans="1:4" ht="18" customHeight="1" x14ac:dyDescent="0.15">
      <c r="A27" s="5">
        <v>18</v>
      </c>
      <c r="B27" s="22">
        <v>17</v>
      </c>
      <c r="C27" s="14">
        <v>13</v>
      </c>
      <c r="D27" s="18">
        <v>30</v>
      </c>
    </row>
    <row r="28" spans="1:4" ht="18" customHeight="1" x14ac:dyDescent="0.15">
      <c r="A28" s="5">
        <v>19</v>
      </c>
      <c r="B28" s="22">
        <v>13</v>
      </c>
      <c r="C28" s="14">
        <v>9</v>
      </c>
      <c r="D28" s="18">
        <v>22</v>
      </c>
    </row>
    <row r="29" spans="1:4" ht="18" customHeight="1" x14ac:dyDescent="0.15">
      <c r="A29" s="5" t="s">
        <v>14</v>
      </c>
      <c r="B29" s="22">
        <v>69</v>
      </c>
      <c r="C29" s="14">
        <v>60</v>
      </c>
      <c r="D29" s="18">
        <v>129</v>
      </c>
    </row>
    <row r="30" spans="1:4" ht="18" customHeight="1" x14ac:dyDescent="0.15">
      <c r="A30" s="5">
        <v>20</v>
      </c>
      <c r="B30" s="22">
        <v>23</v>
      </c>
      <c r="C30" s="14">
        <v>11</v>
      </c>
      <c r="D30" s="18">
        <v>34</v>
      </c>
    </row>
    <row r="31" spans="1:4" ht="18" customHeight="1" x14ac:dyDescent="0.15">
      <c r="A31" s="5">
        <v>21</v>
      </c>
      <c r="B31" s="22">
        <v>12</v>
      </c>
      <c r="C31" s="14">
        <v>16</v>
      </c>
      <c r="D31" s="18">
        <v>28</v>
      </c>
    </row>
    <row r="32" spans="1:4" ht="18" customHeight="1" x14ac:dyDescent="0.15">
      <c r="A32" s="5">
        <v>22</v>
      </c>
      <c r="B32" s="22">
        <v>17</v>
      </c>
      <c r="C32" s="14">
        <v>15</v>
      </c>
      <c r="D32" s="18">
        <v>32</v>
      </c>
    </row>
    <row r="33" spans="1:4" ht="18" customHeight="1" x14ac:dyDescent="0.15">
      <c r="A33" s="5">
        <v>23</v>
      </c>
      <c r="B33" s="22">
        <v>15</v>
      </c>
      <c r="C33" s="14">
        <v>19</v>
      </c>
      <c r="D33" s="18">
        <v>34</v>
      </c>
    </row>
    <row r="34" spans="1:4" ht="18" customHeight="1" x14ac:dyDescent="0.15">
      <c r="A34" s="5">
        <v>24</v>
      </c>
      <c r="B34" s="22">
        <v>17</v>
      </c>
      <c r="C34" s="14">
        <v>16</v>
      </c>
      <c r="D34" s="18">
        <v>33</v>
      </c>
    </row>
    <row r="35" spans="1:4" ht="18" customHeight="1" x14ac:dyDescent="0.15">
      <c r="A35" s="5" t="s">
        <v>9</v>
      </c>
      <c r="B35" s="22">
        <v>84</v>
      </c>
      <c r="C35" s="14">
        <v>77</v>
      </c>
      <c r="D35" s="18">
        <v>161</v>
      </c>
    </row>
    <row r="36" spans="1:4" ht="18" customHeight="1" x14ac:dyDescent="0.15">
      <c r="A36" s="5">
        <v>25</v>
      </c>
      <c r="B36" s="22">
        <v>19</v>
      </c>
      <c r="C36" s="14">
        <v>15</v>
      </c>
      <c r="D36" s="18">
        <v>34</v>
      </c>
    </row>
    <row r="37" spans="1:4" ht="18" customHeight="1" x14ac:dyDescent="0.15">
      <c r="A37" s="5">
        <v>26</v>
      </c>
      <c r="B37" s="22">
        <v>17</v>
      </c>
      <c r="C37" s="14">
        <v>14</v>
      </c>
      <c r="D37" s="18">
        <v>31</v>
      </c>
    </row>
    <row r="38" spans="1:4" ht="18" customHeight="1" x14ac:dyDescent="0.15">
      <c r="A38" s="5">
        <v>27</v>
      </c>
      <c r="B38" s="22">
        <v>17</v>
      </c>
      <c r="C38" s="14">
        <v>9</v>
      </c>
      <c r="D38" s="18">
        <v>26</v>
      </c>
    </row>
    <row r="39" spans="1:4" ht="18" customHeight="1" x14ac:dyDescent="0.15">
      <c r="A39" s="5">
        <v>28</v>
      </c>
      <c r="B39" s="22">
        <v>17</v>
      </c>
      <c r="C39" s="14">
        <v>14</v>
      </c>
      <c r="D39" s="18">
        <v>31</v>
      </c>
    </row>
    <row r="40" spans="1:4" ht="18" customHeight="1" x14ac:dyDescent="0.15">
      <c r="A40" s="5">
        <v>29</v>
      </c>
      <c r="B40" s="22">
        <v>15</v>
      </c>
      <c r="C40" s="14">
        <v>13</v>
      </c>
      <c r="D40" s="18">
        <v>28</v>
      </c>
    </row>
    <row r="41" spans="1:4" ht="18" customHeight="1" x14ac:dyDescent="0.15">
      <c r="A41" s="5" t="s">
        <v>2</v>
      </c>
      <c r="B41" s="22">
        <v>85</v>
      </c>
      <c r="C41" s="14">
        <v>65</v>
      </c>
      <c r="D41" s="18">
        <v>150</v>
      </c>
    </row>
    <row r="42" spans="1:4" ht="18" customHeight="1" x14ac:dyDescent="0.15">
      <c r="A42" s="5">
        <v>30</v>
      </c>
      <c r="B42" s="22">
        <v>19</v>
      </c>
      <c r="C42" s="14">
        <v>11</v>
      </c>
      <c r="D42" s="18">
        <v>30</v>
      </c>
    </row>
    <row r="43" spans="1:4" ht="18" customHeight="1" x14ac:dyDescent="0.15">
      <c r="A43" s="5">
        <v>31</v>
      </c>
      <c r="B43" s="22">
        <v>14</v>
      </c>
      <c r="C43" s="14">
        <v>16</v>
      </c>
      <c r="D43" s="18">
        <v>30</v>
      </c>
    </row>
    <row r="44" spans="1:4" ht="18" customHeight="1" x14ac:dyDescent="0.15">
      <c r="A44" s="5">
        <v>32</v>
      </c>
      <c r="B44" s="22">
        <v>13</v>
      </c>
      <c r="C44" s="14">
        <v>18</v>
      </c>
      <c r="D44" s="18">
        <v>31</v>
      </c>
    </row>
    <row r="45" spans="1:4" ht="18" customHeight="1" x14ac:dyDescent="0.15">
      <c r="A45" s="5">
        <v>33</v>
      </c>
      <c r="B45" s="22">
        <v>14</v>
      </c>
      <c r="C45" s="14">
        <v>13</v>
      </c>
      <c r="D45" s="18">
        <v>27</v>
      </c>
    </row>
    <row r="46" spans="1:4" ht="18" customHeight="1" x14ac:dyDescent="0.15">
      <c r="A46" s="5">
        <v>34</v>
      </c>
      <c r="B46" s="22">
        <v>19</v>
      </c>
      <c r="C46" s="14">
        <v>26</v>
      </c>
      <c r="D46" s="18">
        <v>45</v>
      </c>
    </row>
    <row r="47" spans="1:4" ht="18" customHeight="1" x14ac:dyDescent="0.15">
      <c r="A47" s="5" t="s">
        <v>15</v>
      </c>
      <c r="B47" s="22">
        <v>79</v>
      </c>
      <c r="C47" s="14">
        <v>84</v>
      </c>
      <c r="D47" s="18">
        <v>163</v>
      </c>
    </row>
    <row r="48" spans="1:4" ht="18" customHeight="1" x14ac:dyDescent="0.15">
      <c r="A48" s="5">
        <v>35</v>
      </c>
      <c r="B48" s="22">
        <v>9</v>
      </c>
      <c r="C48" s="14">
        <v>14</v>
      </c>
      <c r="D48" s="18">
        <v>23</v>
      </c>
    </row>
    <row r="49" spans="1:4" ht="18" customHeight="1" x14ac:dyDescent="0.15">
      <c r="A49" s="5">
        <v>36</v>
      </c>
      <c r="B49" s="22">
        <v>17</v>
      </c>
      <c r="C49" s="14">
        <v>12</v>
      </c>
      <c r="D49" s="18">
        <v>29</v>
      </c>
    </row>
    <row r="50" spans="1:4" ht="18" customHeight="1" x14ac:dyDescent="0.15">
      <c r="A50" s="5">
        <v>37</v>
      </c>
      <c r="B50" s="22">
        <v>21</v>
      </c>
      <c r="C50" s="14">
        <v>20</v>
      </c>
      <c r="D50" s="18">
        <v>41</v>
      </c>
    </row>
    <row r="51" spans="1:4" ht="18" customHeight="1" x14ac:dyDescent="0.15">
      <c r="A51" s="5">
        <v>38</v>
      </c>
      <c r="B51" s="22">
        <v>11</v>
      </c>
      <c r="C51" s="14">
        <v>17</v>
      </c>
      <c r="D51" s="18">
        <v>28</v>
      </c>
    </row>
    <row r="52" spans="1:4" ht="18" customHeight="1" x14ac:dyDescent="0.15">
      <c r="A52" s="5">
        <v>39</v>
      </c>
      <c r="B52" s="22">
        <v>22</v>
      </c>
      <c r="C52" s="14">
        <v>19</v>
      </c>
      <c r="D52" s="18">
        <v>41</v>
      </c>
    </row>
    <row r="53" spans="1:4" ht="18" customHeight="1" x14ac:dyDescent="0.15">
      <c r="A53" s="5" t="s">
        <v>18</v>
      </c>
      <c r="B53" s="22">
        <v>80</v>
      </c>
      <c r="C53" s="14">
        <v>82</v>
      </c>
      <c r="D53" s="18">
        <v>162</v>
      </c>
    </row>
    <row r="54" spans="1:4" ht="18" customHeight="1" x14ac:dyDescent="0.15">
      <c r="A54" s="5">
        <v>40</v>
      </c>
      <c r="B54" s="22">
        <v>23</v>
      </c>
      <c r="C54" s="14">
        <v>12</v>
      </c>
      <c r="D54" s="18">
        <v>35</v>
      </c>
    </row>
    <row r="55" spans="1:4" ht="18" customHeight="1" x14ac:dyDescent="0.15">
      <c r="A55" s="5">
        <v>41</v>
      </c>
      <c r="B55" s="22">
        <v>21</v>
      </c>
      <c r="C55" s="14">
        <v>12</v>
      </c>
      <c r="D55" s="18">
        <v>33</v>
      </c>
    </row>
    <row r="56" spans="1:4" ht="18" customHeight="1" x14ac:dyDescent="0.15">
      <c r="A56" s="5">
        <v>42</v>
      </c>
      <c r="B56" s="22">
        <v>27</v>
      </c>
      <c r="C56" s="14">
        <v>17</v>
      </c>
      <c r="D56" s="18">
        <v>44</v>
      </c>
    </row>
    <row r="57" spans="1:4" ht="18" customHeight="1" x14ac:dyDescent="0.15">
      <c r="A57" s="5">
        <v>43</v>
      </c>
      <c r="B57" s="22">
        <v>18</v>
      </c>
      <c r="C57" s="14">
        <v>19</v>
      </c>
      <c r="D57" s="18">
        <v>37</v>
      </c>
    </row>
    <row r="58" spans="1:4" ht="18" customHeight="1" x14ac:dyDescent="0.15">
      <c r="A58" s="5">
        <v>44</v>
      </c>
      <c r="B58" s="22">
        <v>15</v>
      </c>
      <c r="C58" s="14">
        <v>13</v>
      </c>
      <c r="D58" s="18">
        <v>28</v>
      </c>
    </row>
    <row r="59" spans="1:4" ht="18" customHeight="1" x14ac:dyDescent="0.15">
      <c r="A59" s="5" t="s">
        <v>21</v>
      </c>
      <c r="B59" s="22">
        <v>104</v>
      </c>
      <c r="C59" s="14">
        <v>73</v>
      </c>
      <c r="D59" s="18">
        <v>177</v>
      </c>
    </row>
    <row r="60" spans="1:4" ht="18" customHeight="1" x14ac:dyDescent="0.15">
      <c r="A60" s="5">
        <v>45</v>
      </c>
      <c r="B60" s="22">
        <v>31</v>
      </c>
      <c r="C60" s="14">
        <v>13</v>
      </c>
      <c r="D60" s="18">
        <v>44</v>
      </c>
    </row>
    <row r="61" spans="1:4" ht="18" customHeight="1" x14ac:dyDescent="0.15">
      <c r="A61" s="5">
        <v>46</v>
      </c>
      <c r="B61" s="22">
        <v>23</v>
      </c>
      <c r="C61" s="14">
        <v>16</v>
      </c>
      <c r="D61" s="18">
        <v>39</v>
      </c>
    </row>
    <row r="62" spans="1:4" ht="18" customHeight="1" x14ac:dyDescent="0.15">
      <c r="A62" s="5">
        <v>47</v>
      </c>
      <c r="B62" s="22">
        <v>22</v>
      </c>
      <c r="C62" s="14">
        <v>15</v>
      </c>
      <c r="D62" s="18">
        <v>37</v>
      </c>
    </row>
    <row r="63" spans="1:4" ht="18" customHeight="1" x14ac:dyDescent="0.15">
      <c r="A63" s="5">
        <v>48</v>
      </c>
      <c r="B63" s="22">
        <v>30</v>
      </c>
      <c r="C63" s="14">
        <v>19</v>
      </c>
      <c r="D63" s="18">
        <v>49</v>
      </c>
    </row>
    <row r="64" spans="1:4" ht="18" customHeight="1" x14ac:dyDescent="0.15">
      <c r="A64" s="5">
        <v>49</v>
      </c>
      <c r="B64" s="22">
        <v>26</v>
      </c>
      <c r="C64" s="14">
        <v>27</v>
      </c>
      <c r="D64" s="18">
        <v>53</v>
      </c>
    </row>
    <row r="65" spans="1:4" ht="18" customHeight="1" x14ac:dyDescent="0.15">
      <c r="A65" s="5" t="s">
        <v>17</v>
      </c>
      <c r="B65" s="22">
        <v>132</v>
      </c>
      <c r="C65" s="14">
        <v>90</v>
      </c>
      <c r="D65" s="18">
        <v>222</v>
      </c>
    </row>
    <row r="66" spans="1:4" ht="18" customHeight="1" x14ac:dyDescent="0.15">
      <c r="A66" s="5">
        <v>50</v>
      </c>
      <c r="B66" s="22">
        <v>41</v>
      </c>
      <c r="C66" s="14">
        <v>24</v>
      </c>
      <c r="D66" s="18">
        <v>65</v>
      </c>
    </row>
    <row r="67" spans="1:4" ht="18" customHeight="1" x14ac:dyDescent="0.15">
      <c r="A67" s="5">
        <v>51</v>
      </c>
      <c r="B67" s="22">
        <v>33</v>
      </c>
      <c r="C67" s="14">
        <v>22</v>
      </c>
      <c r="D67" s="18">
        <v>55</v>
      </c>
    </row>
    <row r="68" spans="1:4" ht="18" customHeight="1" x14ac:dyDescent="0.15">
      <c r="A68" s="5">
        <v>52</v>
      </c>
      <c r="B68" s="22">
        <v>37</v>
      </c>
      <c r="C68" s="14">
        <v>31</v>
      </c>
      <c r="D68" s="18">
        <v>68</v>
      </c>
    </row>
    <row r="69" spans="1:4" ht="18" customHeight="1" x14ac:dyDescent="0.15">
      <c r="A69" s="5">
        <v>53</v>
      </c>
      <c r="B69" s="22">
        <v>25</v>
      </c>
      <c r="C69" s="14">
        <v>19</v>
      </c>
      <c r="D69" s="18">
        <v>44</v>
      </c>
    </row>
    <row r="70" spans="1:4" ht="18" customHeight="1" x14ac:dyDescent="0.15">
      <c r="A70" s="5">
        <v>54</v>
      </c>
      <c r="B70" s="22">
        <v>33</v>
      </c>
      <c r="C70" s="14">
        <v>25</v>
      </c>
      <c r="D70" s="18">
        <v>58</v>
      </c>
    </row>
    <row r="71" spans="1:4" ht="18" customHeight="1" x14ac:dyDescent="0.15">
      <c r="A71" s="5" t="s">
        <v>22</v>
      </c>
      <c r="B71" s="22">
        <v>169</v>
      </c>
      <c r="C71" s="14">
        <v>121</v>
      </c>
      <c r="D71" s="18">
        <v>290</v>
      </c>
    </row>
    <row r="72" spans="1:4" ht="18" customHeight="1" x14ac:dyDescent="0.15">
      <c r="A72" s="5">
        <v>55</v>
      </c>
      <c r="B72" s="22">
        <v>27</v>
      </c>
      <c r="C72" s="14">
        <v>26</v>
      </c>
      <c r="D72" s="18">
        <v>53</v>
      </c>
    </row>
    <row r="73" spans="1:4" ht="18" customHeight="1" x14ac:dyDescent="0.15">
      <c r="A73" s="5">
        <v>56</v>
      </c>
      <c r="B73" s="22">
        <v>24</v>
      </c>
      <c r="C73" s="14">
        <v>20</v>
      </c>
      <c r="D73" s="18">
        <v>44</v>
      </c>
    </row>
    <row r="74" spans="1:4" ht="18" customHeight="1" x14ac:dyDescent="0.15">
      <c r="A74" s="5">
        <v>57</v>
      </c>
      <c r="B74" s="22">
        <v>20</v>
      </c>
      <c r="C74" s="14">
        <v>17</v>
      </c>
      <c r="D74" s="18">
        <v>37</v>
      </c>
    </row>
    <row r="75" spans="1:4" ht="18" customHeight="1" x14ac:dyDescent="0.15">
      <c r="A75" s="5">
        <v>58</v>
      </c>
      <c r="B75" s="22">
        <v>25</v>
      </c>
      <c r="C75" s="14">
        <v>25</v>
      </c>
      <c r="D75" s="18">
        <v>50</v>
      </c>
    </row>
    <row r="76" spans="1:4" ht="18" customHeight="1" x14ac:dyDescent="0.15">
      <c r="A76" s="5">
        <v>59</v>
      </c>
      <c r="B76" s="22">
        <v>16</v>
      </c>
      <c r="C76" s="14">
        <v>10</v>
      </c>
      <c r="D76" s="18">
        <v>26</v>
      </c>
    </row>
    <row r="77" spans="1:4" ht="18" customHeight="1" x14ac:dyDescent="0.15">
      <c r="A77" s="5" t="s">
        <v>27</v>
      </c>
      <c r="B77" s="22">
        <v>112</v>
      </c>
      <c r="C77" s="14">
        <v>98</v>
      </c>
      <c r="D77" s="18">
        <v>210</v>
      </c>
    </row>
    <row r="78" spans="1:4" ht="18" customHeight="1" x14ac:dyDescent="0.15">
      <c r="A78" s="5">
        <v>60</v>
      </c>
      <c r="B78" s="22">
        <v>24</v>
      </c>
      <c r="C78" s="14">
        <v>24</v>
      </c>
      <c r="D78" s="18">
        <v>48</v>
      </c>
    </row>
    <row r="79" spans="1:4" ht="18" customHeight="1" x14ac:dyDescent="0.15">
      <c r="A79" s="5">
        <v>61</v>
      </c>
      <c r="B79" s="22">
        <v>23</v>
      </c>
      <c r="C79" s="14">
        <v>24</v>
      </c>
      <c r="D79" s="18">
        <v>47</v>
      </c>
    </row>
    <row r="80" spans="1:4" ht="18" customHeight="1" x14ac:dyDescent="0.15">
      <c r="A80" s="5">
        <v>62</v>
      </c>
      <c r="B80" s="22">
        <v>25</v>
      </c>
      <c r="C80" s="14">
        <v>21</v>
      </c>
      <c r="D80" s="18">
        <v>46</v>
      </c>
    </row>
    <row r="81" spans="1:4" ht="18" customHeight="1" x14ac:dyDescent="0.15">
      <c r="A81" s="5">
        <v>63</v>
      </c>
      <c r="B81" s="22">
        <v>27</v>
      </c>
      <c r="C81" s="14">
        <v>30</v>
      </c>
      <c r="D81" s="18">
        <v>57</v>
      </c>
    </row>
    <row r="82" spans="1:4" ht="18" customHeight="1" x14ac:dyDescent="0.15">
      <c r="A82" s="5">
        <v>64</v>
      </c>
      <c r="B82" s="22">
        <v>24</v>
      </c>
      <c r="C82" s="14">
        <v>21</v>
      </c>
      <c r="D82" s="18">
        <v>45</v>
      </c>
    </row>
    <row r="83" spans="1:4" ht="18" customHeight="1" x14ac:dyDescent="0.15">
      <c r="A83" s="5" t="s">
        <v>28</v>
      </c>
      <c r="B83" s="22">
        <v>123</v>
      </c>
      <c r="C83" s="14">
        <v>120</v>
      </c>
      <c r="D83" s="18">
        <v>243</v>
      </c>
    </row>
    <row r="84" spans="1:4" ht="18" customHeight="1" x14ac:dyDescent="0.15">
      <c r="A84" s="5" t="s">
        <v>31</v>
      </c>
      <c r="B84" s="22">
        <v>1037</v>
      </c>
      <c r="C84" s="14">
        <v>870</v>
      </c>
      <c r="D84" s="18">
        <v>1907</v>
      </c>
    </row>
    <row r="85" spans="1:4" ht="18" customHeight="1" x14ac:dyDescent="0.15">
      <c r="A85" s="5">
        <v>65</v>
      </c>
      <c r="B85" s="22">
        <v>23</v>
      </c>
      <c r="C85" s="14">
        <v>25</v>
      </c>
      <c r="D85" s="18">
        <v>48</v>
      </c>
    </row>
    <row r="86" spans="1:4" ht="18" customHeight="1" x14ac:dyDescent="0.15">
      <c r="A86" s="5">
        <v>66</v>
      </c>
      <c r="B86" s="22">
        <v>27</v>
      </c>
      <c r="C86" s="14">
        <v>21</v>
      </c>
      <c r="D86" s="18">
        <v>48</v>
      </c>
    </row>
    <row r="87" spans="1:4" ht="18" customHeight="1" x14ac:dyDescent="0.15">
      <c r="A87" s="5">
        <v>67</v>
      </c>
      <c r="B87" s="22">
        <v>23</v>
      </c>
      <c r="C87" s="14">
        <v>30</v>
      </c>
      <c r="D87" s="18">
        <v>53</v>
      </c>
    </row>
    <row r="88" spans="1:4" ht="18" customHeight="1" x14ac:dyDescent="0.15">
      <c r="A88" s="5">
        <v>68</v>
      </c>
      <c r="B88" s="22">
        <v>25</v>
      </c>
      <c r="C88" s="14">
        <v>23</v>
      </c>
      <c r="D88" s="18">
        <v>48</v>
      </c>
    </row>
    <row r="89" spans="1:4" ht="18" customHeight="1" x14ac:dyDescent="0.15">
      <c r="A89" s="5">
        <v>69</v>
      </c>
      <c r="B89" s="22">
        <v>21</v>
      </c>
      <c r="C89" s="14">
        <v>35</v>
      </c>
      <c r="D89" s="18">
        <v>56</v>
      </c>
    </row>
    <row r="90" spans="1:4" ht="18" customHeight="1" x14ac:dyDescent="0.15">
      <c r="A90" s="5" t="s">
        <v>20</v>
      </c>
      <c r="B90" s="22">
        <v>119</v>
      </c>
      <c r="C90" s="14">
        <v>134</v>
      </c>
      <c r="D90" s="18">
        <v>253</v>
      </c>
    </row>
    <row r="91" spans="1:4" ht="18" customHeight="1" x14ac:dyDescent="0.15">
      <c r="A91" s="5">
        <v>70</v>
      </c>
      <c r="B91" s="22">
        <v>29</v>
      </c>
      <c r="C91" s="14">
        <v>28</v>
      </c>
      <c r="D91" s="18">
        <v>57</v>
      </c>
    </row>
    <row r="92" spans="1:4" ht="18" customHeight="1" x14ac:dyDescent="0.15">
      <c r="A92" s="5">
        <v>71</v>
      </c>
      <c r="B92" s="22">
        <v>24</v>
      </c>
      <c r="C92" s="14">
        <v>29</v>
      </c>
      <c r="D92" s="18">
        <v>53</v>
      </c>
    </row>
    <row r="93" spans="1:4" ht="18" customHeight="1" x14ac:dyDescent="0.15">
      <c r="A93" s="5">
        <v>72</v>
      </c>
      <c r="B93" s="22">
        <v>28</v>
      </c>
      <c r="C93" s="14">
        <v>28</v>
      </c>
      <c r="D93" s="18">
        <v>56</v>
      </c>
    </row>
    <row r="94" spans="1:4" ht="18" customHeight="1" x14ac:dyDescent="0.15">
      <c r="A94" s="5">
        <v>73</v>
      </c>
      <c r="B94" s="22">
        <v>26</v>
      </c>
      <c r="C94" s="14">
        <v>36</v>
      </c>
      <c r="D94" s="18">
        <v>62</v>
      </c>
    </row>
    <row r="95" spans="1:4" ht="18" customHeight="1" x14ac:dyDescent="0.15">
      <c r="A95" s="5">
        <v>74</v>
      </c>
      <c r="B95" s="22">
        <v>33</v>
      </c>
      <c r="C95" s="14">
        <v>21</v>
      </c>
      <c r="D95" s="18">
        <v>54</v>
      </c>
    </row>
    <row r="96" spans="1:4" ht="18" customHeight="1" x14ac:dyDescent="0.15">
      <c r="A96" s="5" t="s">
        <v>33</v>
      </c>
      <c r="B96" s="22">
        <v>140</v>
      </c>
      <c r="C96" s="14">
        <v>142</v>
      </c>
      <c r="D96" s="18">
        <v>282</v>
      </c>
    </row>
    <row r="97" spans="1:4" ht="18" customHeight="1" x14ac:dyDescent="0.15">
      <c r="A97" s="5">
        <v>75</v>
      </c>
      <c r="B97" s="22">
        <v>30</v>
      </c>
      <c r="C97" s="14">
        <v>36</v>
      </c>
      <c r="D97" s="18">
        <v>66</v>
      </c>
    </row>
    <row r="98" spans="1:4" ht="18" customHeight="1" x14ac:dyDescent="0.15">
      <c r="A98" s="5">
        <v>76</v>
      </c>
      <c r="B98" s="22">
        <v>49</v>
      </c>
      <c r="C98" s="14">
        <v>51</v>
      </c>
      <c r="D98" s="18">
        <v>100</v>
      </c>
    </row>
    <row r="99" spans="1:4" ht="18" customHeight="1" x14ac:dyDescent="0.15">
      <c r="A99" s="5">
        <v>77</v>
      </c>
      <c r="B99" s="22">
        <v>38</v>
      </c>
      <c r="C99" s="14">
        <v>48</v>
      </c>
      <c r="D99" s="18">
        <v>86</v>
      </c>
    </row>
    <row r="100" spans="1:4" ht="18" customHeight="1" x14ac:dyDescent="0.15">
      <c r="A100" s="5">
        <v>78</v>
      </c>
      <c r="B100" s="22">
        <v>45</v>
      </c>
      <c r="C100" s="14">
        <v>51</v>
      </c>
      <c r="D100" s="18">
        <v>96</v>
      </c>
    </row>
    <row r="101" spans="1:4" ht="18" customHeight="1" x14ac:dyDescent="0.15">
      <c r="A101" s="5">
        <v>79</v>
      </c>
      <c r="B101" s="22">
        <v>26</v>
      </c>
      <c r="C101" s="14">
        <v>30</v>
      </c>
      <c r="D101" s="18">
        <v>56</v>
      </c>
    </row>
    <row r="102" spans="1:4" ht="18" customHeight="1" x14ac:dyDescent="0.15">
      <c r="A102" s="5" t="s">
        <v>0</v>
      </c>
      <c r="B102" s="22">
        <v>188</v>
      </c>
      <c r="C102" s="14">
        <v>216</v>
      </c>
      <c r="D102" s="18">
        <v>404</v>
      </c>
    </row>
    <row r="103" spans="1:4" ht="18" customHeight="1" x14ac:dyDescent="0.15">
      <c r="A103" s="5">
        <v>80</v>
      </c>
      <c r="B103" s="22">
        <v>23</v>
      </c>
      <c r="C103" s="14">
        <v>20</v>
      </c>
      <c r="D103" s="18">
        <v>43</v>
      </c>
    </row>
    <row r="104" spans="1:4" ht="18" customHeight="1" x14ac:dyDescent="0.15">
      <c r="A104" s="5">
        <v>81</v>
      </c>
      <c r="B104" s="22">
        <v>15</v>
      </c>
      <c r="C104" s="14">
        <v>24</v>
      </c>
      <c r="D104" s="18">
        <v>39</v>
      </c>
    </row>
    <row r="105" spans="1:4" ht="18" customHeight="1" x14ac:dyDescent="0.15">
      <c r="A105" s="5">
        <v>82</v>
      </c>
      <c r="B105" s="22">
        <v>20</v>
      </c>
      <c r="C105" s="14">
        <v>35</v>
      </c>
      <c r="D105" s="18">
        <v>55</v>
      </c>
    </row>
    <row r="106" spans="1:4" ht="18" customHeight="1" x14ac:dyDescent="0.15">
      <c r="A106" s="5">
        <v>83</v>
      </c>
      <c r="B106" s="22">
        <v>24</v>
      </c>
      <c r="C106" s="14">
        <v>31</v>
      </c>
      <c r="D106" s="18">
        <v>55</v>
      </c>
    </row>
    <row r="107" spans="1:4" ht="18" customHeight="1" x14ac:dyDescent="0.15">
      <c r="A107" s="5">
        <v>84</v>
      </c>
      <c r="B107" s="22">
        <v>17</v>
      </c>
      <c r="C107" s="14">
        <v>34</v>
      </c>
      <c r="D107" s="18">
        <v>51</v>
      </c>
    </row>
    <row r="108" spans="1:4" ht="18" customHeight="1" x14ac:dyDescent="0.15">
      <c r="A108" s="5" t="s">
        <v>35</v>
      </c>
      <c r="B108" s="22">
        <v>99</v>
      </c>
      <c r="C108" s="14">
        <v>144</v>
      </c>
      <c r="D108" s="18">
        <v>243</v>
      </c>
    </row>
    <row r="109" spans="1:4" ht="18" customHeight="1" x14ac:dyDescent="0.15">
      <c r="A109" s="5">
        <v>85</v>
      </c>
      <c r="B109" s="22">
        <v>20</v>
      </c>
      <c r="C109" s="14">
        <v>31</v>
      </c>
      <c r="D109" s="18">
        <v>51</v>
      </c>
    </row>
    <row r="110" spans="1:4" ht="18" customHeight="1" x14ac:dyDescent="0.15">
      <c r="A110" s="5">
        <v>86</v>
      </c>
      <c r="B110" s="22">
        <v>7</v>
      </c>
      <c r="C110" s="14">
        <v>16</v>
      </c>
      <c r="D110" s="18">
        <v>23</v>
      </c>
    </row>
    <row r="111" spans="1:4" ht="18" customHeight="1" x14ac:dyDescent="0.15">
      <c r="A111" s="5">
        <v>87</v>
      </c>
      <c r="B111" s="22">
        <v>8</v>
      </c>
      <c r="C111" s="14">
        <v>27</v>
      </c>
      <c r="D111" s="18">
        <v>35</v>
      </c>
    </row>
    <row r="112" spans="1:4" ht="18" customHeight="1" x14ac:dyDescent="0.15">
      <c r="A112" s="5">
        <v>88</v>
      </c>
      <c r="B112" s="22">
        <v>10</v>
      </c>
      <c r="C112" s="14">
        <v>14</v>
      </c>
      <c r="D112" s="18">
        <v>24</v>
      </c>
    </row>
    <row r="113" spans="1:4" ht="18" customHeight="1" x14ac:dyDescent="0.15">
      <c r="A113" s="5">
        <v>89</v>
      </c>
      <c r="B113" s="22">
        <v>4</v>
      </c>
      <c r="C113" s="14">
        <v>15</v>
      </c>
      <c r="D113" s="18">
        <v>19</v>
      </c>
    </row>
    <row r="114" spans="1:4" ht="18" customHeight="1" x14ac:dyDescent="0.15">
      <c r="A114" s="5" t="s">
        <v>37</v>
      </c>
      <c r="B114" s="22">
        <v>49</v>
      </c>
      <c r="C114" s="14">
        <v>103</v>
      </c>
      <c r="D114" s="18">
        <v>152</v>
      </c>
    </row>
    <row r="115" spans="1:4" ht="18" customHeight="1" x14ac:dyDescent="0.15">
      <c r="A115" s="5">
        <v>90</v>
      </c>
      <c r="B115" s="22">
        <v>5</v>
      </c>
      <c r="C115" s="14">
        <v>13</v>
      </c>
      <c r="D115" s="18">
        <v>18</v>
      </c>
    </row>
    <row r="116" spans="1:4" ht="18" customHeight="1" x14ac:dyDescent="0.15">
      <c r="A116" s="5">
        <v>91</v>
      </c>
      <c r="B116" s="22">
        <v>7</v>
      </c>
      <c r="C116" s="14">
        <v>17</v>
      </c>
      <c r="D116" s="18">
        <v>24</v>
      </c>
    </row>
    <row r="117" spans="1:4" ht="18" customHeight="1" x14ac:dyDescent="0.15">
      <c r="A117" s="5">
        <v>92</v>
      </c>
      <c r="B117" s="22">
        <v>4</v>
      </c>
      <c r="C117" s="14">
        <v>16</v>
      </c>
      <c r="D117" s="18">
        <v>20</v>
      </c>
    </row>
    <row r="118" spans="1:4" ht="18" customHeight="1" x14ac:dyDescent="0.15">
      <c r="A118" s="5">
        <v>93</v>
      </c>
      <c r="B118" s="22">
        <v>1</v>
      </c>
      <c r="C118" s="14">
        <v>12</v>
      </c>
      <c r="D118" s="18">
        <v>13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17</v>
      </c>
      <c r="C120" s="14">
        <v>63</v>
      </c>
      <c r="D120" s="18">
        <v>80</v>
      </c>
    </row>
    <row r="121" spans="1:4" ht="18" customHeight="1" x14ac:dyDescent="0.15">
      <c r="A121" s="5">
        <v>95</v>
      </c>
      <c r="B121" s="22">
        <v>2</v>
      </c>
      <c r="C121" s="14">
        <v>11</v>
      </c>
      <c r="D121" s="18">
        <v>13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26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15</v>
      </c>
      <c r="C130" s="14">
        <v>834</v>
      </c>
      <c r="D130" s="18">
        <v>1449</v>
      </c>
    </row>
    <row r="131" spans="1:4" ht="18" customHeight="1" x14ac:dyDescent="0.15">
      <c r="A131" s="7" t="s">
        <v>45</v>
      </c>
      <c r="B131" s="23">
        <v>1809</v>
      </c>
      <c r="C131" s="15">
        <v>1857</v>
      </c>
      <c r="D131" s="19">
        <v>36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6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5</v>
      </c>
      <c r="D5" s="17">
        <v>6</v>
      </c>
    </row>
    <row r="6" spans="1:4" ht="18" customHeight="1" x14ac:dyDescent="0.15">
      <c r="A6" s="5">
        <v>1</v>
      </c>
      <c r="B6" s="22">
        <v>3</v>
      </c>
      <c r="C6" s="14">
        <v>0</v>
      </c>
      <c r="D6" s="18">
        <v>3</v>
      </c>
    </row>
    <row r="7" spans="1:4" ht="18" customHeight="1" x14ac:dyDescent="0.15">
      <c r="A7" s="5">
        <v>2</v>
      </c>
      <c r="B7" s="22">
        <v>1</v>
      </c>
      <c r="C7" s="14">
        <v>3</v>
      </c>
      <c r="D7" s="18">
        <v>4</v>
      </c>
    </row>
    <row r="8" spans="1:4" ht="18" customHeight="1" x14ac:dyDescent="0.15">
      <c r="A8" s="5">
        <v>3</v>
      </c>
      <c r="B8" s="22">
        <v>2</v>
      </c>
      <c r="C8" s="14">
        <v>5</v>
      </c>
      <c r="D8" s="18">
        <v>7</v>
      </c>
    </row>
    <row r="9" spans="1:4" ht="18" customHeight="1" x14ac:dyDescent="0.15">
      <c r="A9" s="5">
        <v>4</v>
      </c>
      <c r="B9" s="22">
        <v>3</v>
      </c>
      <c r="C9" s="14">
        <v>1</v>
      </c>
      <c r="D9" s="18">
        <v>4</v>
      </c>
    </row>
    <row r="10" spans="1:4" ht="18" customHeight="1" x14ac:dyDescent="0.15">
      <c r="A10" s="5" t="s">
        <v>7</v>
      </c>
      <c r="B10" s="22">
        <v>10</v>
      </c>
      <c r="C10" s="14">
        <v>14</v>
      </c>
      <c r="D10" s="18">
        <v>24</v>
      </c>
    </row>
    <row r="11" spans="1:4" ht="18" customHeight="1" x14ac:dyDescent="0.15">
      <c r="A11" s="5">
        <v>5</v>
      </c>
      <c r="B11" s="22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2">
        <v>6</v>
      </c>
      <c r="C12" s="14">
        <v>7</v>
      </c>
      <c r="D12" s="18">
        <v>13</v>
      </c>
    </row>
    <row r="13" spans="1:4" ht="18" customHeight="1" x14ac:dyDescent="0.15">
      <c r="A13" s="5">
        <v>7</v>
      </c>
      <c r="B13" s="22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2">
        <v>5</v>
      </c>
      <c r="C14" s="14">
        <v>7</v>
      </c>
      <c r="D14" s="18">
        <v>12</v>
      </c>
    </row>
    <row r="15" spans="1:4" ht="18" customHeight="1" x14ac:dyDescent="0.15">
      <c r="A15" s="5">
        <v>9</v>
      </c>
      <c r="B15" s="22">
        <v>3</v>
      </c>
      <c r="C15" s="14">
        <v>7</v>
      </c>
      <c r="D15" s="18">
        <v>10</v>
      </c>
    </row>
    <row r="16" spans="1:4" ht="18" customHeight="1" x14ac:dyDescent="0.15">
      <c r="A16" s="5" t="s">
        <v>11</v>
      </c>
      <c r="B16" s="22">
        <v>17</v>
      </c>
      <c r="C16" s="14">
        <v>25</v>
      </c>
      <c r="D16" s="18">
        <v>42</v>
      </c>
    </row>
    <row r="17" spans="1:4" ht="18" customHeight="1" x14ac:dyDescent="0.15">
      <c r="A17" s="5">
        <v>10</v>
      </c>
      <c r="B17" s="22">
        <v>3</v>
      </c>
      <c r="C17" s="14">
        <v>4</v>
      </c>
      <c r="D17" s="18">
        <v>7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4</v>
      </c>
      <c r="C19" s="14">
        <v>4</v>
      </c>
      <c r="D19" s="18">
        <v>8</v>
      </c>
    </row>
    <row r="20" spans="1:4" ht="18" customHeight="1" x14ac:dyDescent="0.15">
      <c r="A20" s="5">
        <v>13</v>
      </c>
      <c r="B20" s="22">
        <v>2</v>
      </c>
      <c r="C20" s="14">
        <v>4</v>
      </c>
      <c r="D20" s="18">
        <v>6</v>
      </c>
    </row>
    <row r="21" spans="1:4" ht="18" customHeight="1" x14ac:dyDescent="0.15">
      <c r="A21" s="5">
        <v>14</v>
      </c>
      <c r="B21" s="22">
        <v>9</v>
      </c>
      <c r="C21" s="14">
        <v>3</v>
      </c>
      <c r="D21" s="18">
        <v>12</v>
      </c>
    </row>
    <row r="22" spans="1:4" ht="18" customHeight="1" x14ac:dyDescent="0.15">
      <c r="A22" s="5" t="s">
        <v>12</v>
      </c>
      <c r="B22" s="22">
        <v>23</v>
      </c>
      <c r="C22" s="14">
        <v>18</v>
      </c>
      <c r="D22" s="18">
        <v>41</v>
      </c>
    </row>
    <row r="23" spans="1:4" ht="18" customHeight="1" x14ac:dyDescent="0.15">
      <c r="A23" s="5" t="s">
        <v>6</v>
      </c>
      <c r="B23" s="22">
        <v>50</v>
      </c>
      <c r="C23" s="14">
        <v>57</v>
      </c>
      <c r="D23" s="18">
        <v>107</v>
      </c>
    </row>
    <row r="24" spans="1:4" ht="18" customHeight="1" x14ac:dyDescent="0.15">
      <c r="A24" s="5">
        <v>15</v>
      </c>
      <c r="B24" s="22">
        <v>5</v>
      </c>
      <c r="C24" s="14">
        <v>4</v>
      </c>
      <c r="D24" s="18">
        <v>9</v>
      </c>
    </row>
    <row r="25" spans="1:4" ht="18" customHeight="1" x14ac:dyDescent="0.15">
      <c r="A25" s="5">
        <v>16</v>
      </c>
      <c r="B25" s="22">
        <v>11</v>
      </c>
      <c r="C25" s="14">
        <v>8</v>
      </c>
      <c r="D25" s="18">
        <v>19</v>
      </c>
    </row>
    <row r="26" spans="1:4" ht="18" customHeight="1" x14ac:dyDescent="0.15">
      <c r="A26" s="5">
        <v>17</v>
      </c>
      <c r="B26" s="22">
        <v>13</v>
      </c>
      <c r="C26" s="14">
        <v>10</v>
      </c>
      <c r="D26" s="18">
        <v>23</v>
      </c>
    </row>
    <row r="27" spans="1:4" ht="18" customHeight="1" x14ac:dyDescent="0.15">
      <c r="A27" s="5">
        <v>18</v>
      </c>
      <c r="B27" s="22">
        <v>6</v>
      </c>
      <c r="C27" s="14">
        <v>6</v>
      </c>
      <c r="D27" s="18">
        <v>12</v>
      </c>
    </row>
    <row r="28" spans="1:4" ht="18" customHeight="1" x14ac:dyDescent="0.15">
      <c r="A28" s="5">
        <v>19</v>
      </c>
      <c r="B28" s="22">
        <v>10</v>
      </c>
      <c r="C28" s="14">
        <v>12</v>
      </c>
      <c r="D28" s="18">
        <v>22</v>
      </c>
    </row>
    <row r="29" spans="1:4" ht="18" customHeight="1" x14ac:dyDescent="0.15">
      <c r="A29" s="5" t="s">
        <v>14</v>
      </c>
      <c r="B29" s="22">
        <v>45</v>
      </c>
      <c r="C29" s="14">
        <v>40</v>
      </c>
      <c r="D29" s="18">
        <v>85</v>
      </c>
    </row>
    <row r="30" spans="1:4" ht="18" customHeight="1" x14ac:dyDescent="0.15">
      <c r="A30" s="5">
        <v>20</v>
      </c>
      <c r="B30" s="22">
        <v>16</v>
      </c>
      <c r="C30" s="14">
        <v>13</v>
      </c>
      <c r="D30" s="18">
        <v>29</v>
      </c>
    </row>
    <row r="31" spans="1:4" ht="18" customHeight="1" x14ac:dyDescent="0.15">
      <c r="A31" s="5">
        <v>21</v>
      </c>
      <c r="B31" s="22">
        <v>16</v>
      </c>
      <c r="C31" s="14">
        <v>15</v>
      </c>
      <c r="D31" s="18">
        <v>31</v>
      </c>
    </row>
    <row r="32" spans="1:4" ht="18" customHeight="1" x14ac:dyDescent="0.15">
      <c r="A32" s="5">
        <v>22</v>
      </c>
      <c r="B32" s="22">
        <v>12</v>
      </c>
      <c r="C32" s="14">
        <v>16</v>
      </c>
      <c r="D32" s="18">
        <v>28</v>
      </c>
    </row>
    <row r="33" spans="1:4" ht="18" customHeight="1" x14ac:dyDescent="0.15">
      <c r="A33" s="5">
        <v>23</v>
      </c>
      <c r="B33" s="22">
        <v>10</v>
      </c>
      <c r="C33" s="14">
        <v>9</v>
      </c>
      <c r="D33" s="18">
        <v>19</v>
      </c>
    </row>
    <row r="34" spans="1:4" ht="18" customHeight="1" x14ac:dyDescent="0.15">
      <c r="A34" s="5">
        <v>24</v>
      </c>
      <c r="B34" s="22">
        <v>10</v>
      </c>
      <c r="C34" s="14">
        <v>15</v>
      </c>
      <c r="D34" s="18">
        <v>25</v>
      </c>
    </row>
    <row r="35" spans="1:4" ht="18" customHeight="1" x14ac:dyDescent="0.15">
      <c r="A35" s="5" t="s">
        <v>9</v>
      </c>
      <c r="B35" s="22">
        <v>64</v>
      </c>
      <c r="C35" s="14">
        <v>68</v>
      </c>
      <c r="D35" s="18">
        <v>132</v>
      </c>
    </row>
    <row r="36" spans="1:4" ht="18" customHeight="1" x14ac:dyDescent="0.15">
      <c r="A36" s="5">
        <v>25</v>
      </c>
      <c r="B36" s="22">
        <v>15</v>
      </c>
      <c r="C36" s="14">
        <v>3</v>
      </c>
      <c r="D36" s="18">
        <v>18</v>
      </c>
    </row>
    <row r="37" spans="1:4" ht="18" customHeight="1" x14ac:dyDescent="0.15">
      <c r="A37" s="5">
        <v>26</v>
      </c>
      <c r="B37" s="22">
        <v>9</v>
      </c>
      <c r="C37" s="14">
        <v>5</v>
      </c>
      <c r="D37" s="18">
        <v>14</v>
      </c>
    </row>
    <row r="38" spans="1:4" ht="18" customHeight="1" x14ac:dyDescent="0.15">
      <c r="A38" s="5">
        <v>27</v>
      </c>
      <c r="B38" s="22">
        <v>6</v>
      </c>
      <c r="C38" s="14">
        <v>3</v>
      </c>
      <c r="D38" s="18">
        <v>9</v>
      </c>
    </row>
    <row r="39" spans="1:4" ht="18" customHeight="1" x14ac:dyDescent="0.15">
      <c r="A39" s="5">
        <v>28</v>
      </c>
      <c r="B39" s="22">
        <v>8</v>
      </c>
      <c r="C39" s="14">
        <v>7</v>
      </c>
      <c r="D39" s="18">
        <v>15</v>
      </c>
    </row>
    <row r="40" spans="1:4" ht="18" customHeight="1" x14ac:dyDescent="0.15">
      <c r="A40" s="5">
        <v>29</v>
      </c>
      <c r="B40" s="22">
        <v>3</v>
      </c>
      <c r="C40" s="14">
        <v>7</v>
      </c>
      <c r="D40" s="18">
        <v>10</v>
      </c>
    </row>
    <row r="41" spans="1:4" ht="18" customHeight="1" x14ac:dyDescent="0.15">
      <c r="A41" s="5" t="s">
        <v>2</v>
      </c>
      <c r="B41" s="22">
        <v>41</v>
      </c>
      <c r="C41" s="14">
        <v>25</v>
      </c>
      <c r="D41" s="18">
        <v>66</v>
      </c>
    </row>
    <row r="42" spans="1:4" ht="18" customHeight="1" x14ac:dyDescent="0.15">
      <c r="A42" s="5">
        <v>30</v>
      </c>
      <c r="B42" s="22">
        <v>6</v>
      </c>
      <c r="C42" s="14">
        <v>4</v>
      </c>
      <c r="D42" s="18">
        <v>10</v>
      </c>
    </row>
    <row r="43" spans="1:4" ht="18" customHeight="1" x14ac:dyDescent="0.15">
      <c r="A43" s="5">
        <v>31</v>
      </c>
      <c r="B43" s="22">
        <v>4</v>
      </c>
      <c r="C43" s="14">
        <v>4</v>
      </c>
      <c r="D43" s="18">
        <v>8</v>
      </c>
    </row>
    <row r="44" spans="1:4" ht="18" customHeight="1" x14ac:dyDescent="0.15">
      <c r="A44" s="5">
        <v>32</v>
      </c>
      <c r="B44" s="22">
        <v>5</v>
      </c>
      <c r="C44" s="14">
        <v>3</v>
      </c>
      <c r="D44" s="18">
        <v>8</v>
      </c>
    </row>
    <row r="45" spans="1:4" ht="18" customHeight="1" x14ac:dyDescent="0.15">
      <c r="A45" s="5">
        <v>33</v>
      </c>
      <c r="B45" s="22">
        <v>3</v>
      </c>
      <c r="C45" s="14">
        <v>3</v>
      </c>
      <c r="D45" s="18">
        <v>6</v>
      </c>
    </row>
    <row r="46" spans="1:4" ht="18" customHeight="1" x14ac:dyDescent="0.15">
      <c r="A46" s="5">
        <v>34</v>
      </c>
      <c r="B46" s="22">
        <v>6</v>
      </c>
      <c r="C46" s="14">
        <v>1</v>
      </c>
      <c r="D46" s="18">
        <v>7</v>
      </c>
    </row>
    <row r="47" spans="1:4" ht="18" customHeight="1" x14ac:dyDescent="0.15">
      <c r="A47" s="5" t="s">
        <v>15</v>
      </c>
      <c r="B47" s="22">
        <v>24</v>
      </c>
      <c r="C47" s="14">
        <v>15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5</v>
      </c>
      <c r="D48" s="18">
        <v>10</v>
      </c>
    </row>
    <row r="49" spans="1:4" ht="18" customHeight="1" x14ac:dyDescent="0.15">
      <c r="A49" s="5">
        <v>36</v>
      </c>
      <c r="B49" s="22">
        <v>3</v>
      </c>
      <c r="C49" s="14">
        <v>6</v>
      </c>
      <c r="D49" s="18">
        <v>9</v>
      </c>
    </row>
    <row r="50" spans="1:4" ht="18" customHeight="1" x14ac:dyDescent="0.15">
      <c r="A50" s="5">
        <v>37</v>
      </c>
      <c r="B50" s="22">
        <v>6</v>
      </c>
      <c r="C50" s="14">
        <v>3</v>
      </c>
      <c r="D50" s="18">
        <v>9</v>
      </c>
    </row>
    <row r="51" spans="1:4" ht="18" customHeight="1" x14ac:dyDescent="0.15">
      <c r="A51" s="5">
        <v>38</v>
      </c>
      <c r="B51" s="22">
        <v>5</v>
      </c>
      <c r="C51" s="14">
        <v>6</v>
      </c>
      <c r="D51" s="18">
        <v>11</v>
      </c>
    </row>
    <row r="52" spans="1:4" ht="18" customHeight="1" x14ac:dyDescent="0.15">
      <c r="A52" s="5">
        <v>39</v>
      </c>
      <c r="B52" s="22">
        <v>12</v>
      </c>
      <c r="C52" s="14">
        <v>6</v>
      </c>
      <c r="D52" s="18">
        <v>18</v>
      </c>
    </row>
    <row r="53" spans="1:4" ht="18" customHeight="1" x14ac:dyDescent="0.15">
      <c r="A53" s="5" t="s">
        <v>18</v>
      </c>
      <c r="B53" s="22">
        <v>31</v>
      </c>
      <c r="C53" s="14">
        <v>26</v>
      </c>
      <c r="D53" s="18">
        <v>57</v>
      </c>
    </row>
    <row r="54" spans="1:4" ht="18" customHeight="1" x14ac:dyDescent="0.15">
      <c r="A54" s="5">
        <v>40</v>
      </c>
      <c r="B54" s="22">
        <v>3</v>
      </c>
      <c r="C54" s="14">
        <v>5</v>
      </c>
      <c r="D54" s="18">
        <v>8</v>
      </c>
    </row>
    <row r="55" spans="1:4" ht="18" customHeight="1" x14ac:dyDescent="0.15">
      <c r="A55" s="5">
        <v>41</v>
      </c>
      <c r="B55" s="22">
        <v>6</v>
      </c>
      <c r="C55" s="14">
        <v>6</v>
      </c>
      <c r="D55" s="18">
        <v>12</v>
      </c>
    </row>
    <row r="56" spans="1:4" ht="18" customHeight="1" x14ac:dyDescent="0.15">
      <c r="A56" s="5">
        <v>42</v>
      </c>
      <c r="B56" s="22">
        <v>5</v>
      </c>
      <c r="C56" s="14">
        <v>4</v>
      </c>
      <c r="D56" s="18">
        <v>9</v>
      </c>
    </row>
    <row r="57" spans="1:4" ht="18" customHeight="1" x14ac:dyDescent="0.15">
      <c r="A57" s="5">
        <v>43</v>
      </c>
      <c r="B57" s="22">
        <v>7</v>
      </c>
      <c r="C57" s="14">
        <v>4</v>
      </c>
      <c r="D57" s="18">
        <v>11</v>
      </c>
    </row>
    <row r="58" spans="1:4" ht="18" customHeight="1" x14ac:dyDescent="0.15">
      <c r="A58" s="5">
        <v>44</v>
      </c>
      <c r="B58" s="22">
        <v>4</v>
      </c>
      <c r="C58" s="14">
        <v>5</v>
      </c>
      <c r="D58" s="18">
        <v>9</v>
      </c>
    </row>
    <row r="59" spans="1:4" ht="18" customHeight="1" x14ac:dyDescent="0.15">
      <c r="A59" s="5" t="s">
        <v>21</v>
      </c>
      <c r="B59" s="22">
        <v>25</v>
      </c>
      <c r="C59" s="14">
        <v>24</v>
      </c>
      <c r="D59" s="18">
        <v>49</v>
      </c>
    </row>
    <row r="60" spans="1:4" ht="18" customHeight="1" x14ac:dyDescent="0.15">
      <c r="A60" s="5">
        <v>45</v>
      </c>
      <c r="B60" s="22">
        <v>9</v>
      </c>
      <c r="C60" s="14">
        <v>9</v>
      </c>
      <c r="D60" s="18">
        <v>18</v>
      </c>
    </row>
    <row r="61" spans="1:4" ht="18" customHeight="1" x14ac:dyDescent="0.15">
      <c r="A61" s="5">
        <v>46</v>
      </c>
      <c r="B61" s="22">
        <v>5</v>
      </c>
      <c r="C61" s="14">
        <v>9</v>
      </c>
      <c r="D61" s="18">
        <v>14</v>
      </c>
    </row>
    <row r="62" spans="1:4" ht="18" customHeight="1" x14ac:dyDescent="0.15">
      <c r="A62" s="5">
        <v>47</v>
      </c>
      <c r="B62" s="22">
        <v>8</v>
      </c>
      <c r="C62" s="14">
        <v>15</v>
      </c>
      <c r="D62" s="18">
        <v>23</v>
      </c>
    </row>
    <row r="63" spans="1:4" ht="18" customHeight="1" x14ac:dyDescent="0.15">
      <c r="A63" s="5">
        <v>48</v>
      </c>
      <c r="B63" s="22">
        <v>14</v>
      </c>
      <c r="C63" s="14">
        <v>11</v>
      </c>
      <c r="D63" s="18">
        <v>25</v>
      </c>
    </row>
    <row r="64" spans="1:4" ht="18" customHeight="1" x14ac:dyDescent="0.15">
      <c r="A64" s="5">
        <v>49</v>
      </c>
      <c r="B64" s="22">
        <v>20</v>
      </c>
      <c r="C64" s="14">
        <v>20</v>
      </c>
      <c r="D64" s="18">
        <v>40</v>
      </c>
    </row>
    <row r="65" spans="1:4" ht="18" customHeight="1" x14ac:dyDescent="0.15">
      <c r="A65" s="5" t="s">
        <v>17</v>
      </c>
      <c r="B65" s="22">
        <v>56</v>
      </c>
      <c r="C65" s="14">
        <v>64</v>
      </c>
      <c r="D65" s="18">
        <v>120</v>
      </c>
    </row>
    <row r="66" spans="1:4" ht="18" customHeight="1" x14ac:dyDescent="0.15">
      <c r="A66" s="5">
        <v>50</v>
      </c>
      <c r="B66" s="22">
        <v>26</v>
      </c>
      <c r="C66" s="14">
        <v>14</v>
      </c>
      <c r="D66" s="18">
        <v>40</v>
      </c>
    </row>
    <row r="67" spans="1:4" ht="18" customHeight="1" x14ac:dyDescent="0.15">
      <c r="A67" s="5">
        <v>51</v>
      </c>
      <c r="B67" s="22">
        <v>30</v>
      </c>
      <c r="C67" s="14">
        <v>16</v>
      </c>
      <c r="D67" s="18">
        <v>46</v>
      </c>
    </row>
    <row r="68" spans="1:4" ht="18" customHeight="1" x14ac:dyDescent="0.15">
      <c r="A68" s="5">
        <v>52</v>
      </c>
      <c r="B68" s="22">
        <v>16</v>
      </c>
      <c r="C68" s="14">
        <v>19</v>
      </c>
      <c r="D68" s="18">
        <v>35</v>
      </c>
    </row>
    <row r="69" spans="1:4" ht="18" customHeight="1" x14ac:dyDescent="0.15">
      <c r="A69" s="5">
        <v>53</v>
      </c>
      <c r="B69" s="22">
        <v>24</v>
      </c>
      <c r="C69" s="14">
        <v>17</v>
      </c>
      <c r="D69" s="18">
        <v>41</v>
      </c>
    </row>
    <row r="70" spans="1:4" ht="18" customHeight="1" x14ac:dyDescent="0.15">
      <c r="A70" s="5">
        <v>54</v>
      </c>
      <c r="B70" s="22">
        <v>23</v>
      </c>
      <c r="C70" s="14">
        <v>14</v>
      </c>
      <c r="D70" s="18">
        <v>37</v>
      </c>
    </row>
    <row r="71" spans="1:4" ht="18" customHeight="1" x14ac:dyDescent="0.15">
      <c r="A71" s="5" t="s">
        <v>22</v>
      </c>
      <c r="B71" s="22">
        <v>119</v>
      </c>
      <c r="C71" s="14">
        <v>80</v>
      </c>
      <c r="D71" s="18">
        <v>199</v>
      </c>
    </row>
    <row r="72" spans="1:4" ht="18" customHeight="1" x14ac:dyDescent="0.15">
      <c r="A72" s="5">
        <v>55</v>
      </c>
      <c r="B72" s="22">
        <v>13</v>
      </c>
      <c r="C72" s="14">
        <v>23</v>
      </c>
      <c r="D72" s="18">
        <v>36</v>
      </c>
    </row>
    <row r="73" spans="1:4" ht="18" customHeight="1" x14ac:dyDescent="0.15">
      <c r="A73" s="5">
        <v>56</v>
      </c>
      <c r="B73" s="22">
        <v>12</v>
      </c>
      <c r="C73" s="14">
        <v>13</v>
      </c>
      <c r="D73" s="18">
        <v>25</v>
      </c>
    </row>
    <row r="74" spans="1:4" ht="18" customHeight="1" x14ac:dyDescent="0.15">
      <c r="A74" s="5">
        <v>57</v>
      </c>
      <c r="B74" s="22">
        <v>21</v>
      </c>
      <c r="C74" s="14">
        <v>17</v>
      </c>
      <c r="D74" s="18">
        <v>38</v>
      </c>
    </row>
    <row r="75" spans="1:4" ht="18" customHeight="1" x14ac:dyDescent="0.15">
      <c r="A75" s="5">
        <v>58</v>
      </c>
      <c r="B75" s="22">
        <v>12</v>
      </c>
      <c r="C75" s="14">
        <v>12</v>
      </c>
      <c r="D75" s="18">
        <v>24</v>
      </c>
    </row>
    <row r="76" spans="1:4" ht="18" customHeight="1" x14ac:dyDescent="0.15">
      <c r="A76" s="5">
        <v>59</v>
      </c>
      <c r="B76" s="22">
        <v>9</v>
      </c>
      <c r="C76" s="14">
        <v>9</v>
      </c>
      <c r="D76" s="18">
        <v>18</v>
      </c>
    </row>
    <row r="77" spans="1:4" ht="18" customHeight="1" x14ac:dyDescent="0.15">
      <c r="A77" s="5" t="s">
        <v>27</v>
      </c>
      <c r="B77" s="22">
        <v>67</v>
      </c>
      <c r="C77" s="14">
        <v>74</v>
      </c>
      <c r="D77" s="18">
        <v>141</v>
      </c>
    </row>
    <row r="78" spans="1:4" ht="18" customHeight="1" x14ac:dyDescent="0.15">
      <c r="A78" s="5">
        <v>60</v>
      </c>
      <c r="B78" s="22">
        <v>11</v>
      </c>
      <c r="C78" s="14">
        <v>8</v>
      </c>
      <c r="D78" s="18">
        <v>19</v>
      </c>
    </row>
    <row r="79" spans="1:4" ht="18" customHeight="1" x14ac:dyDescent="0.15">
      <c r="A79" s="5">
        <v>61</v>
      </c>
      <c r="B79" s="22">
        <v>11</v>
      </c>
      <c r="C79" s="14">
        <v>5</v>
      </c>
      <c r="D79" s="18">
        <v>16</v>
      </c>
    </row>
    <row r="80" spans="1:4" ht="18" customHeight="1" x14ac:dyDescent="0.15">
      <c r="A80" s="5">
        <v>62</v>
      </c>
      <c r="B80" s="22">
        <v>7</v>
      </c>
      <c r="C80" s="14">
        <v>8</v>
      </c>
      <c r="D80" s="18">
        <v>15</v>
      </c>
    </row>
    <row r="81" spans="1:4" ht="18" customHeight="1" x14ac:dyDescent="0.15">
      <c r="A81" s="5">
        <v>63</v>
      </c>
      <c r="B81" s="22">
        <v>5</v>
      </c>
      <c r="C81" s="14">
        <v>10</v>
      </c>
      <c r="D81" s="18">
        <v>15</v>
      </c>
    </row>
    <row r="82" spans="1:4" ht="18" customHeight="1" x14ac:dyDescent="0.15">
      <c r="A82" s="5">
        <v>64</v>
      </c>
      <c r="B82" s="22">
        <v>9</v>
      </c>
      <c r="C82" s="14">
        <v>12</v>
      </c>
      <c r="D82" s="18">
        <v>21</v>
      </c>
    </row>
    <row r="83" spans="1:4" ht="18" customHeight="1" x14ac:dyDescent="0.15">
      <c r="A83" s="5" t="s">
        <v>28</v>
      </c>
      <c r="B83" s="22">
        <v>43</v>
      </c>
      <c r="C83" s="14">
        <v>43</v>
      </c>
      <c r="D83" s="18">
        <v>86</v>
      </c>
    </row>
    <row r="84" spans="1:4" ht="18" customHeight="1" x14ac:dyDescent="0.15">
      <c r="A84" s="5" t="s">
        <v>31</v>
      </c>
      <c r="B84" s="22">
        <v>515</v>
      </c>
      <c r="C84" s="14">
        <v>459</v>
      </c>
      <c r="D84" s="18">
        <v>974</v>
      </c>
    </row>
    <row r="85" spans="1:4" ht="18" customHeight="1" x14ac:dyDescent="0.15">
      <c r="A85" s="5">
        <v>65</v>
      </c>
      <c r="B85" s="22">
        <v>12</v>
      </c>
      <c r="C85" s="14">
        <v>12</v>
      </c>
      <c r="D85" s="18">
        <v>24</v>
      </c>
    </row>
    <row r="86" spans="1:4" ht="18" customHeight="1" x14ac:dyDescent="0.15">
      <c r="A86" s="5">
        <v>66</v>
      </c>
      <c r="B86" s="22">
        <v>12</v>
      </c>
      <c r="C86" s="14">
        <v>3</v>
      </c>
      <c r="D86" s="18">
        <v>15</v>
      </c>
    </row>
    <row r="87" spans="1:4" ht="18" customHeight="1" x14ac:dyDescent="0.15">
      <c r="A87" s="5">
        <v>67</v>
      </c>
      <c r="B87" s="22">
        <v>12</v>
      </c>
      <c r="C87" s="14">
        <v>15</v>
      </c>
      <c r="D87" s="18">
        <v>27</v>
      </c>
    </row>
    <row r="88" spans="1:4" ht="18" customHeight="1" x14ac:dyDescent="0.15">
      <c r="A88" s="5">
        <v>68</v>
      </c>
      <c r="B88" s="22">
        <v>6</v>
      </c>
      <c r="C88" s="14">
        <v>9</v>
      </c>
      <c r="D88" s="18">
        <v>15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48</v>
      </c>
      <c r="C90" s="14">
        <v>45</v>
      </c>
      <c r="D90" s="18">
        <v>93</v>
      </c>
    </row>
    <row r="91" spans="1:4" ht="18" customHeight="1" x14ac:dyDescent="0.15">
      <c r="A91" s="5">
        <v>70</v>
      </c>
      <c r="B91" s="22">
        <v>9</v>
      </c>
      <c r="C91" s="14">
        <v>4</v>
      </c>
      <c r="D91" s="18">
        <v>13</v>
      </c>
    </row>
    <row r="92" spans="1:4" ht="18" customHeight="1" x14ac:dyDescent="0.15">
      <c r="A92" s="5">
        <v>71</v>
      </c>
      <c r="B92" s="22">
        <v>7</v>
      </c>
      <c r="C92" s="14">
        <v>9</v>
      </c>
      <c r="D92" s="18">
        <v>16</v>
      </c>
    </row>
    <row r="93" spans="1:4" ht="18" customHeight="1" x14ac:dyDescent="0.15">
      <c r="A93" s="5">
        <v>72</v>
      </c>
      <c r="B93" s="22">
        <v>5</v>
      </c>
      <c r="C93" s="14">
        <v>17</v>
      </c>
      <c r="D93" s="18">
        <v>22</v>
      </c>
    </row>
    <row r="94" spans="1:4" ht="18" customHeight="1" x14ac:dyDescent="0.15">
      <c r="A94" s="5">
        <v>73</v>
      </c>
      <c r="B94" s="22">
        <v>12</v>
      </c>
      <c r="C94" s="14">
        <v>9</v>
      </c>
      <c r="D94" s="18">
        <v>21</v>
      </c>
    </row>
    <row r="95" spans="1:4" ht="18" customHeight="1" x14ac:dyDescent="0.15">
      <c r="A95" s="5">
        <v>74</v>
      </c>
      <c r="B95" s="22">
        <v>6</v>
      </c>
      <c r="C95" s="14">
        <v>11</v>
      </c>
      <c r="D95" s="18">
        <v>17</v>
      </c>
    </row>
    <row r="96" spans="1:4" ht="18" customHeight="1" x14ac:dyDescent="0.15">
      <c r="A96" s="5" t="s">
        <v>33</v>
      </c>
      <c r="B96" s="22">
        <v>39</v>
      </c>
      <c r="C96" s="14">
        <v>50</v>
      </c>
      <c r="D96" s="18">
        <v>89</v>
      </c>
    </row>
    <row r="97" spans="1:4" ht="18" customHeight="1" x14ac:dyDescent="0.15">
      <c r="A97" s="5">
        <v>75</v>
      </c>
      <c r="B97" s="22">
        <v>15</v>
      </c>
      <c r="C97" s="14">
        <v>6</v>
      </c>
      <c r="D97" s="18">
        <v>21</v>
      </c>
    </row>
    <row r="98" spans="1:4" ht="18" customHeight="1" x14ac:dyDescent="0.15">
      <c r="A98" s="5">
        <v>76</v>
      </c>
      <c r="B98" s="22">
        <v>15</v>
      </c>
      <c r="C98" s="14">
        <v>17</v>
      </c>
      <c r="D98" s="18">
        <v>32</v>
      </c>
    </row>
    <row r="99" spans="1:4" ht="18" customHeight="1" x14ac:dyDescent="0.15">
      <c r="A99" s="5">
        <v>77</v>
      </c>
      <c r="B99" s="22">
        <v>6</v>
      </c>
      <c r="C99" s="14">
        <v>13</v>
      </c>
      <c r="D99" s="18">
        <v>19</v>
      </c>
    </row>
    <row r="100" spans="1:4" ht="18" customHeight="1" x14ac:dyDescent="0.15">
      <c r="A100" s="5">
        <v>78</v>
      </c>
      <c r="B100" s="22">
        <v>9</v>
      </c>
      <c r="C100" s="14">
        <v>14</v>
      </c>
      <c r="D100" s="18">
        <v>23</v>
      </c>
    </row>
    <row r="101" spans="1:4" ht="18" customHeight="1" x14ac:dyDescent="0.15">
      <c r="A101" s="5">
        <v>79</v>
      </c>
      <c r="B101" s="22">
        <v>9</v>
      </c>
      <c r="C101" s="14">
        <v>7</v>
      </c>
      <c r="D101" s="18">
        <v>16</v>
      </c>
    </row>
    <row r="102" spans="1:4" ht="18" customHeight="1" x14ac:dyDescent="0.15">
      <c r="A102" s="5" t="s">
        <v>0</v>
      </c>
      <c r="B102" s="22">
        <v>54</v>
      </c>
      <c r="C102" s="14">
        <v>57</v>
      </c>
      <c r="D102" s="18">
        <v>111</v>
      </c>
    </row>
    <row r="103" spans="1:4" ht="18" customHeight="1" x14ac:dyDescent="0.15">
      <c r="A103" s="5">
        <v>80</v>
      </c>
      <c r="B103" s="22">
        <v>6</v>
      </c>
      <c r="C103" s="14">
        <v>12</v>
      </c>
      <c r="D103" s="18">
        <v>18</v>
      </c>
    </row>
    <row r="104" spans="1:4" ht="18" customHeight="1" x14ac:dyDescent="0.15">
      <c r="A104" s="5">
        <v>81</v>
      </c>
      <c r="B104" s="22">
        <v>10</v>
      </c>
      <c r="C104" s="14">
        <v>7</v>
      </c>
      <c r="D104" s="18">
        <v>17</v>
      </c>
    </row>
    <row r="105" spans="1:4" ht="18" customHeight="1" x14ac:dyDescent="0.15">
      <c r="A105" s="5">
        <v>82</v>
      </c>
      <c r="B105" s="22">
        <v>6</v>
      </c>
      <c r="C105" s="14">
        <v>14</v>
      </c>
      <c r="D105" s="18">
        <v>20</v>
      </c>
    </row>
    <row r="106" spans="1:4" ht="18" customHeight="1" x14ac:dyDescent="0.15">
      <c r="A106" s="5">
        <v>83</v>
      </c>
      <c r="B106" s="22">
        <v>2</v>
      </c>
      <c r="C106" s="14">
        <v>10</v>
      </c>
      <c r="D106" s="18">
        <v>12</v>
      </c>
    </row>
    <row r="107" spans="1:4" ht="18" customHeight="1" x14ac:dyDescent="0.15">
      <c r="A107" s="5">
        <v>84</v>
      </c>
      <c r="B107" s="22">
        <v>5</v>
      </c>
      <c r="C107" s="14">
        <v>10</v>
      </c>
      <c r="D107" s="18">
        <v>15</v>
      </c>
    </row>
    <row r="108" spans="1:4" ht="18" customHeight="1" x14ac:dyDescent="0.15">
      <c r="A108" s="5" t="s">
        <v>35</v>
      </c>
      <c r="B108" s="22">
        <v>29</v>
      </c>
      <c r="C108" s="14">
        <v>53</v>
      </c>
      <c r="D108" s="18">
        <v>82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7</v>
      </c>
      <c r="C110" s="14">
        <v>3</v>
      </c>
      <c r="D110" s="18">
        <v>10</v>
      </c>
    </row>
    <row r="111" spans="1:4" ht="18" customHeight="1" x14ac:dyDescent="0.15">
      <c r="A111" s="5">
        <v>87</v>
      </c>
      <c r="B111" s="22">
        <v>2</v>
      </c>
      <c r="C111" s="14">
        <v>3</v>
      </c>
      <c r="D111" s="18">
        <v>5</v>
      </c>
    </row>
    <row r="112" spans="1:4" ht="18" customHeight="1" x14ac:dyDescent="0.15">
      <c r="A112" s="5">
        <v>88</v>
      </c>
      <c r="B112" s="22">
        <v>3</v>
      </c>
      <c r="C112" s="14">
        <v>5</v>
      </c>
      <c r="D112" s="18">
        <v>8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19</v>
      </c>
      <c r="C114" s="14">
        <v>26</v>
      </c>
      <c r="D114" s="18">
        <v>45</v>
      </c>
    </row>
    <row r="115" spans="1:4" ht="18" customHeight="1" x14ac:dyDescent="0.15">
      <c r="A115" s="5">
        <v>90</v>
      </c>
      <c r="B115" s="22">
        <v>1</v>
      </c>
      <c r="C115" s="14">
        <v>8</v>
      </c>
      <c r="D115" s="18">
        <v>9</v>
      </c>
    </row>
    <row r="116" spans="1:4" ht="18" customHeight="1" x14ac:dyDescent="0.15">
      <c r="A116" s="5">
        <v>91</v>
      </c>
      <c r="B116" s="22">
        <v>2</v>
      </c>
      <c r="C116" s="14">
        <v>4</v>
      </c>
      <c r="D116" s="18">
        <v>6</v>
      </c>
    </row>
    <row r="117" spans="1:4" ht="18" customHeight="1" x14ac:dyDescent="0.15">
      <c r="A117" s="5">
        <v>92</v>
      </c>
      <c r="B117" s="22">
        <v>3</v>
      </c>
      <c r="C117" s="14">
        <v>4</v>
      </c>
      <c r="D117" s="18">
        <v>7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3</v>
      </c>
      <c r="D119" s="18">
        <v>4</v>
      </c>
    </row>
    <row r="120" spans="1:4" ht="18" customHeight="1" x14ac:dyDescent="0.15">
      <c r="A120" s="5" t="s">
        <v>39</v>
      </c>
      <c r="B120" s="22">
        <v>8</v>
      </c>
      <c r="C120" s="14">
        <v>23</v>
      </c>
      <c r="D120" s="18">
        <v>31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0</v>
      </c>
      <c r="C126" s="14">
        <v>2</v>
      </c>
      <c r="D126" s="18">
        <v>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198</v>
      </c>
      <c r="C130" s="14">
        <v>258</v>
      </c>
      <c r="D130" s="18">
        <v>456</v>
      </c>
    </row>
    <row r="131" spans="1:4" ht="18" customHeight="1" x14ac:dyDescent="0.15">
      <c r="A131" s="7" t="s">
        <v>45</v>
      </c>
      <c r="B131" s="23">
        <v>763</v>
      </c>
      <c r="C131" s="15">
        <v>774</v>
      </c>
      <c r="D131" s="19">
        <v>15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2</v>
      </c>
      <c r="D5" s="17">
        <v>6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4</v>
      </c>
      <c r="C7" s="14">
        <v>0</v>
      </c>
      <c r="D7" s="18">
        <v>4</v>
      </c>
    </row>
    <row r="8" spans="1:4" ht="18" customHeight="1" x14ac:dyDescent="0.15">
      <c r="A8" s="5">
        <v>3</v>
      </c>
      <c r="B8" s="22">
        <v>2</v>
      </c>
      <c r="C8" s="14">
        <v>2</v>
      </c>
      <c r="D8" s="18">
        <v>4</v>
      </c>
    </row>
    <row r="9" spans="1:4" ht="18" customHeight="1" x14ac:dyDescent="0.15">
      <c r="A9" s="5">
        <v>4</v>
      </c>
      <c r="B9" s="22">
        <v>7</v>
      </c>
      <c r="C9" s="14">
        <v>2</v>
      </c>
      <c r="D9" s="18">
        <v>9</v>
      </c>
    </row>
    <row r="10" spans="1:4" ht="18" customHeight="1" x14ac:dyDescent="0.15">
      <c r="A10" s="5" t="s">
        <v>7</v>
      </c>
      <c r="B10" s="22">
        <v>20</v>
      </c>
      <c r="C10" s="14">
        <v>8</v>
      </c>
      <c r="D10" s="18">
        <v>28</v>
      </c>
    </row>
    <row r="11" spans="1:4" ht="18" customHeight="1" x14ac:dyDescent="0.15">
      <c r="A11" s="5">
        <v>5</v>
      </c>
      <c r="B11" s="22">
        <v>7</v>
      </c>
      <c r="C11" s="14">
        <v>0</v>
      </c>
      <c r="D11" s="18">
        <v>7</v>
      </c>
    </row>
    <row r="12" spans="1:4" ht="18" customHeight="1" x14ac:dyDescent="0.15">
      <c r="A12" s="5">
        <v>6</v>
      </c>
      <c r="B12" s="22">
        <v>2</v>
      </c>
      <c r="C12" s="14">
        <v>4</v>
      </c>
      <c r="D12" s="18">
        <v>6</v>
      </c>
    </row>
    <row r="13" spans="1:4" ht="18" customHeight="1" x14ac:dyDescent="0.15">
      <c r="A13" s="5">
        <v>7</v>
      </c>
      <c r="B13" s="22">
        <v>3</v>
      </c>
      <c r="C13" s="14">
        <v>2</v>
      </c>
      <c r="D13" s="18">
        <v>5</v>
      </c>
    </row>
    <row r="14" spans="1:4" ht="18" customHeight="1" x14ac:dyDescent="0.15">
      <c r="A14" s="5">
        <v>8</v>
      </c>
      <c r="B14" s="22">
        <v>4</v>
      </c>
      <c r="C14" s="14">
        <v>3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9</v>
      </c>
      <c r="D15" s="18">
        <v>15</v>
      </c>
    </row>
    <row r="16" spans="1:4" ht="18" customHeight="1" x14ac:dyDescent="0.15">
      <c r="A16" s="5" t="s">
        <v>11</v>
      </c>
      <c r="B16" s="22">
        <v>22</v>
      </c>
      <c r="C16" s="14">
        <v>18</v>
      </c>
      <c r="D16" s="18">
        <v>40</v>
      </c>
    </row>
    <row r="17" spans="1:4" ht="18" customHeight="1" x14ac:dyDescent="0.15">
      <c r="A17" s="5">
        <v>10</v>
      </c>
      <c r="B17" s="22">
        <v>1</v>
      </c>
      <c r="C17" s="14">
        <v>5</v>
      </c>
      <c r="D17" s="18">
        <v>6</v>
      </c>
    </row>
    <row r="18" spans="1:4" ht="18" customHeight="1" x14ac:dyDescent="0.15">
      <c r="A18" s="5">
        <v>11</v>
      </c>
      <c r="B18" s="22">
        <v>7</v>
      </c>
      <c r="C18" s="14">
        <v>6</v>
      </c>
      <c r="D18" s="18">
        <v>13</v>
      </c>
    </row>
    <row r="19" spans="1:4" ht="18" customHeight="1" x14ac:dyDescent="0.15">
      <c r="A19" s="5">
        <v>12</v>
      </c>
      <c r="B19" s="22">
        <v>10</v>
      </c>
      <c r="C19" s="14">
        <v>2</v>
      </c>
      <c r="D19" s="18">
        <v>12</v>
      </c>
    </row>
    <row r="20" spans="1:4" ht="18" customHeight="1" x14ac:dyDescent="0.15">
      <c r="A20" s="5">
        <v>13</v>
      </c>
      <c r="B20" s="22">
        <v>5</v>
      </c>
      <c r="C20" s="14">
        <v>7</v>
      </c>
      <c r="D20" s="18">
        <v>12</v>
      </c>
    </row>
    <row r="21" spans="1:4" ht="18" customHeight="1" x14ac:dyDescent="0.15">
      <c r="A21" s="5">
        <v>14</v>
      </c>
      <c r="B21" s="22">
        <v>6</v>
      </c>
      <c r="C21" s="14">
        <v>7</v>
      </c>
      <c r="D21" s="18">
        <v>13</v>
      </c>
    </row>
    <row r="22" spans="1:4" ht="18" customHeight="1" x14ac:dyDescent="0.15">
      <c r="A22" s="5" t="s">
        <v>12</v>
      </c>
      <c r="B22" s="22">
        <v>29</v>
      </c>
      <c r="C22" s="14">
        <v>27</v>
      </c>
      <c r="D22" s="18">
        <v>56</v>
      </c>
    </row>
    <row r="23" spans="1:4" ht="18" customHeight="1" x14ac:dyDescent="0.15">
      <c r="A23" s="5" t="s">
        <v>6</v>
      </c>
      <c r="B23" s="22">
        <v>71</v>
      </c>
      <c r="C23" s="14">
        <v>53</v>
      </c>
      <c r="D23" s="18">
        <v>124</v>
      </c>
    </row>
    <row r="24" spans="1:4" ht="18" customHeight="1" x14ac:dyDescent="0.15">
      <c r="A24" s="5">
        <v>15</v>
      </c>
      <c r="B24" s="22">
        <v>7</v>
      </c>
      <c r="C24" s="14">
        <v>9</v>
      </c>
      <c r="D24" s="18">
        <v>16</v>
      </c>
    </row>
    <row r="25" spans="1:4" ht="18" customHeight="1" x14ac:dyDescent="0.15">
      <c r="A25" s="5">
        <v>16</v>
      </c>
      <c r="B25" s="22">
        <v>1</v>
      </c>
      <c r="C25" s="14">
        <v>10</v>
      </c>
      <c r="D25" s="18">
        <v>11</v>
      </c>
    </row>
    <row r="26" spans="1:4" ht="18" customHeight="1" x14ac:dyDescent="0.15">
      <c r="A26" s="5">
        <v>17</v>
      </c>
      <c r="B26" s="22">
        <v>2</v>
      </c>
      <c r="C26" s="14">
        <v>11</v>
      </c>
      <c r="D26" s="18">
        <v>13</v>
      </c>
    </row>
    <row r="27" spans="1:4" ht="18" customHeight="1" x14ac:dyDescent="0.15">
      <c r="A27" s="5">
        <v>18</v>
      </c>
      <c r="B27" s="22">
        <v>5</v>
      </c>
      <c r="C27" s="14">
        <v>3</v>
      </c>
      <c r="D27" s="18">
        <v>8</v>
      </c>
    </row>
    <row r="28" spans="1:4" ht="18" customHeight="1" x14ac:dyDescent="0.15">
      <c r="A28" s="5">
        <v>19</v>
      </c>
      <c r="B28" s="22">
        <v>6</v>
      </c>
      <c r="C28" s="14">
        <v>7</v>
      </c>
      <c r="D28" s="18">
        <v>13</v>
      </c>
    </row>
    <row r="29" spans="1:4" ht="18" customHeight="1" x14ac:dyDescent="0.15">
      <c r="A29" s="5" t="s">
        <v>14</v>
      </c>
      <c r="B29" s="22">
        <v>21</v>
      </c>
      <c r="C29" s="14">
        <v>40</v>
      </c>
      <c r="D29" s="18">
        <v>61</v>
      </c>
    </row>
    <row r="30" spans="1:4" ht="18" customHeight="1" x14ac:dyDescent="0.15">
      <c r="A30" s="5">
        <v>20</v>
      </c>
      <c r="B30" s="22">
        <v>13</v>
      </c>
      <c r="C30" s="14">
        <v>9</v>
      </c>
      <c r="D30" s="18">
        <v>22</v>
      </c>
    </row>
    <row r="31" spans="1:4" ht="18" customHeight="1" x14ac:dyDescent="0.15">
      <c r="A31" s="5">
        <v>21</v>
      </c>
      <c r="B31" s="22">
        <v>10</v>
      </c>
      <c r="C31" s="14">
        <v>9</v>
      </c>
      <c r="D31" s="18">
        <v>19</v>
      </c>
    </row>
    <row r="32" spans="1:4" ht="18" customHeight="1" x14ac:dyDescent="0.15">
      <c r="A32" s="5">
        <v>22</v>
      </c>
      <c r="B32" s="22">
        <v>10</v>
      </c>
      <c r="C32" s="14">
        <v>7</v>
      </c>
      <c r="D32" s="18">
        <v>17</v>
      </c>
    </row>
    <row r="33" spans="1:4" ht="18" customHeight="1" x14ac:dyDescent="0.15">
      <c r="A33" s="5">
        <v>23</v>
      </c>
      <c r="B33" s="22">
        <v>8</v>
      </c>
      <c r="C33" s="14">
        <v>4</v>
      </c>
      <c r="D33" s="18">
        <v>12</v>
      </c>
    </row>
    <row r="34" spans="1:4" ht="18" customHeight="1" x14ac:dyDescent="0.15">
      <c r="A34" s="5">
        <v>24</v>
      </c>
      <c r="B34" s="22">
        <v>6</v>
      </c>
      <c r="C34" s="14">
        <v>10</v>
      </c>
      <c r="D34" s="18">
        <v>16</v>
      </c>
    </row>
    <row r="35" spans="1:4" ht="18" customHeight="1" x14ac:dyDescent="0.15">
      <c r="A35" s="5" t="s">
        <v>9</v>
      </c>
      <c r="B35" s="22">
        <v>47</v>
      </c>
      <c r="C35" s="14">
        <v>39</v>
      </c>
      <c r="D35" s="18">
        <v>86</v>
      </c>
    </row>
    <row r="36" spans="1:4" ht="18" customHeight="1" x14ac:dyDescent="0.15">
      <c r="A36" s="5">
        <v>25</v>
      </c>
      <c r="B36" s="22">
        <v>12</v>
      </c>
      <c r="C36" s="14">
        <v>8</v>
      </c>
      <c r="D36" s="18">
        <v>20</v>
      </c>
    </row>
    <row r="37" spans="1:4" ht="18" customHeight="1" x14ac:dyDescent="0.15">
      <c r="A37" s="5">
        <v>26</v>
      </c>
      <c r="B37" s="22">
        <v>12</v>
      </c>
      <c r="C37" s="14">
        <v>9</v>
      </c>
      <c r="D37" s="18">
        <v>21</v>
      </c>
    </row>
    <row r="38" spans="1:4" ht="18" customHeight="1" x14ac:dyDescent="0.15">
      <c r="A38" s="5">
        <v>27</v>
      </c>
      <c r="B38" s="22">
        <v>7</v>
      </c>
      <c r="C38" s="14">
        <v>6</v>
      </c>
      <c r="D38" s="18">
        <v>13</v>
      </c>
    </row>
    <row r="39" spans="1:4" ht="18" customHeight="1" x14ac:dyDescent="0.15">
      <c r="A39" s="5">
        <v>28</v>
      </c>
      <c r="B39" s="22">
        <v>9</v>
      </c>
      <c r="C39" s="14">
        <v>5</v>
      </c>
      <c r="D39" s="18">
        <v>14</v>
      </c>
    </row>
    <row r="40" spans="1:4" ht="18" customHeight="1" x14ac:dyDescent="0.15">
      <c r="A40" s="5">
        <v>29</v>
      </c>
      <c r="B40" s="22">
        <v>7</v>
      </c>
      <c r="C40" s="14">
        <v>6</v>
      </c>
      <c r="D40" s="18">
        <v>13</v>
      </c>
    </row>
    <row r="41" spans="1:4" ht="18" customHeight="1" x14ac:dyDescent="0.15">
      <c r="A41" s="5" t="s">
        <v>2</v>
      </c>
      <c r="B41" s="22">
        <v>47</v>
      </c>
      <c r="C41" s="14">
        <v>34</v>
      </c>
      <c r="D41" s="18">
        <v>81</v>
      </c>
    </row>
    <row r="42" spans="1:4" ht="18" customHeight="1" x14ac:dyDescent="0.15">
      <c r="A42" s="5">
        <v>30</v>
      </c>
      <c r="B42" s="22">
        <v>14</v>
      </c>
      <c r="C42" s="14">
        <v>7</v>
      </c>
      <c r="D42" s="18">
        <v>21</v>
      </c>
    </row>
    <row r="43" spans="1:4" ht="18" customHeight="1" x14ac:dyDescent="0.15">
      <c r="A43" s="5">
        <v>31</v>
      </c>
      <c r="B43" s="22">
        <v>8</v>
      </c>
      <c r="C43" s="14">
        <v>4</v>
      </c>
      <c r="D43" s="18">
        <v>12</v>
      </c>
    </row>
    <row r="44" spans="1:4" ht="18" customHeight="1" x14ac:dyDescent="0.15">
      <c r="A44" s="5">
        <v>32</v>
      </c>
      <c r="B44" s="22">
        <v>12</v>
      </c>
      <c r="C44" s="14">
        <v>6</v>
      </c>
      <c r="D44" s="18">
        <v>18</v>
      </c>
    </row>
    <row r="45" spans="1:4" ht="18" customHeight="1" x14ac:dyDescent="0.15">
      <c r="A45" s="5">
        <v>33</v>
      </c>
      <c r="B45" s="22">
        <v>4</v>
      </c>
      <c r="C45" s="14">
        <v>7</v>
      </c>
      <c r="D45" s="18">
        <v>11</v>
      </c>
    </row>
    <row r="46" spans="1:4" ht="18" customHeight="1" x14ac:dyDescent="0.15">
      <c r="A46" s="5">
        <v>34</v>
      </c>
      <c r="B46" s="22">
        <v>7</v>
      </c>
      <c r="C46" s="14">
        <v>12</v>
      </c>
      <c r="D46" s="18">
        <v>19</v>
      </c>
    </row>
    <row r="47" spans="1:4" ht="18" customHeight="1" x14ac:dyDescent="0.15">
      <c r="A47" s="5" t="s">
        <v>15</v>
      </c>
      <c r="B47" s="22">
        <v>45</v>
      </c>
      <c r="C47" s="14">
        <v>36</v>
      </c>
      <c r="D47" s="18">
        <v>81</v>
      </c>
    </row>
    <row r="48" spans="1:4" ht="18" customHeight="1" x14ac:dyDescent="0.15">
      <c r="A48" s="5">
        <v>35</v>
      </c>
      <c r="B48" s="22">
        <v>8</v>
      </c>
      <c r="C48" s="14">
        <v>6</v>
      </c>
      <c r="D48" s="18">
        <v>14</v>
      </c>
    </row>
    <row r="49" spans="1:4" ht="18" customHeight="1" x14ac:dyDescent="0.15">
      <c r="A49" s="5">
        <v>36</v>
      </c>
      <c r="B49" s="22">
        <v>4</v>
      </c>
      <c r="C49" s="14">
        <v>4</v>
      </c>
      <c r="D49" s="18">
        <v>8</v>
      </c>
    </row>
    <row r="50" spans="1:4" ht="18" customHeight="1" x14ac:dyDescent="0.15">
      <c r="A50" s="5">
        <v>37</v>
      </c>
      <c r="B50" s="22">
        <v>6</v>
      </c>
      <c r="C50" s="14">
        <v>2</v>
      </c>
      <c r="D50" s="18">
        <v>8</v>
      </c>
    </row>
    <row r="51" spans="1:4" ht="18" customHeight="1" x14ac:dyDescent="0.15">
      <c r="A51" s="5">
        <v>38</v>
      </c>
      <c r="B51" s="22">
        <v>9</v>
      </c>
      <c r="C51" s="14">
        <v>8</v>
      </c>
      <c r="D51" s="18">
        <v>17</v>
      </c>
    </row>
    <row r="52" spans="1:4" ht="18" customHeight="1" x14ac:dyDescent="0.15">
      <c r="A52" s="5">
        <v>39</v>
      </c>
      <c r="B52" s="22">
        <v>14</v>
      </c>
      <c r="C52" s="14">
        <v>10</v>
      </c>
      <c r="D52" s="18">
        <v>24</v>
      </c>
    </row>
    <row r="53" spans="1:4" ht="18" customHeight="1" x14ac:dyDescent="0.15">
      <c r="A53" s="5" t="s">
        <v>18</v>
      </c>
      <c r="B53" s="22">
        <v>41</v>
      </c>
      <c r="C53" s="14">
        <v>30</v>
      </c>
      <c r="D53" s="18">
        <v>71</v>
      </c>
    </row>
    <row r="54" spans="1:4" ht="18" customHeight="1" x14ac:dyDescent="0.15">
      <c r="A54" s="5">
        <v>40</v>
      </c>
      <c r="B54" s="22">
        <v>7</v>
      </c>
      <c r="C54" s="14">
        <v>9</v>
      </c>
      <c r="D54" s="18">
        <v>16</v>
      </c>
    </row>
    <row r="55" spans="1:4" ht="18" customHeight="1" x14ac:dyDescent="0.15">
      <c r="A55" s="5">
        <v>41</v>
      </c>
      <c r="B55" s="22">
        <v>9</v>
      </c>
      <c r="C55" s="14">
        <v>14</v>
      </c>
      <c r="D55" s="18">
        <v>23</v>
      </c>
    </row>
    <row r="56" spans="1:4" ht="18" customHeight="1" x14ac:dyDescent="0.15">
      <c r="A56" s="5">
        <v>42</v>
      </c>
      <c r="B56" s="22">
        <v>10</v>
      </c>
      <c r="C56" s="14">
        <v>10</v>
      </c>
      <c r="D56" s="18">
        <v>20</v>
      </c>
    </row>
    <row r="57" spans="1:4" ht="18" customHeight="1" x14ac:dyDescent="0.15">
      <c r="A57" s="5">
        <v>43</v>
      </c>
      <c r="B57" s="22">
        <v>7</v>
      </c>
      <c r="C57" s="14">
        <v>9</v>
      </c>
      <c r="D57" s="18">
        <v>16</v>
      </c>
    </row>
    <row r="58" spans="1:4" ht="18" customHeight="1" x14ac:dyDescent="0.15">
      <c r="A58" s="5">
        <v>44</v>
      </c>
      <c r="B58" s="22">
        <v>11</v>
      </c>
      <c r="C58" s="14">
        <v>9</v>
      </c>
      <c r="D58" s="18">
        <v>20</v>
      </c>
    </row>
    <row r="59" spans="1:4" ht="18" customHeight="1" x14ac:dyDescent="0.15">
      <c r="A59" s="5" t="s">
        <v>21</v>
      </c>
      <c r="B59" s="22">
        <v>44</v>
      </c>
      <c r="C59" s="14">
        <v>51</v>
      </c>
      <c r="D59" s="18">
        <v>95</v>
      </c>
    </row>
    <row r="60" spans="1:4" ht="18" customHeight="1" x14ac:dyDescent="0.15">
      <c r="A60" s="5">
        <v>45</v>
      </c>
      <c r="B60" s="22">
        <v>14</v>
      </c>
      <c r="C60" s="14">
        <v>11</v>
      </c>
      <c r="D60" s="18">
        <v>25</v>
      </c>
    </row>
    <row r="61" spans="1:4" ht="18" customHeight="1" x14ac:dyDescent="0.15">
      <c r="A61" s="5">
        <v>46</v>
      </c>
      <c r="B61" s="22">
        <v>13</v>
      </c>
      <c r="C61" s="14">
        <v>15</v>
      </c>
      <c r="D61" s="18">
        <v>28</v>
      </c>
    </row>
    <row r="62" spans="1:4" ht="18" customHeight="1" x14ac:dyDescent="0.15">
      <c r="A62" s="5">
        <v>47</v>
      </c>
      <c r="B62" s="22">
        <v>17</v>
      </c>
      <c r="C62" s="14">
        <v>15</v>
      </c>
      <c r="D62" s="18">
        <v>32</v>
      </c>
    </row>
    <row r="63" spans="1:4" ht="18" customHeight="1" x14ac:dyDescent="0.15">
      <c r="A63" s="5">
        <v>48</v>
      </c>
      <c r="B63" s="22">
        <v>16</v>
      </c>
      <c r="C63" s="14">
        <v>15</v>
      </c>
      <c r="D63" s="18">
        <v>31</v>
      </c>
    </row>
    <row r="64" spans="1:4" ht="18" customHeight="1" x14ac:dyDescent="0.15">
      <c r="A64" s="5">
        <v>49</v>
      </c>
      <c r="B64" s="22">
        <v>20</v>
      </c>
      <c r="C64" s="14">
        <v>19</v>
      </c>
      <c r="D64" s="18">
        <v>39</v>
      </c>
    </row>
    <row r="65" spans="1:4" ht="18" customHeight="1" x14ac:dyDescent="0.15">
      <c r="A65" s="5" t="s">
        <v>17</v>
      </c>
      <c r="B65" s="22">
        <v>80</v>
      </c>
      <c r="C65" s="14">
        <v>75</v>
      </c>
      <c r="D65" s="18">
        <v>155</v>
      </c>
    </row>
    <row r="66" spans="1:4" ht="18" customHeight="1" x14ac:dyDescent="0.15">
      <c r="A66" s="5">
        <v>50</v>
      </c>
      <c r="B66" s="22">
        <v>17</v>
      </c>
      <c r="C66" s="14">
        <v>23</v>
      </c>
      <c r="D66" s="18">
        <v>40</v>
      </c>
    </row>
    <row r="67" spans="1:4" ht="18" customHeight="1" x14ac:dyDescent="0.15">
      <c r="A67" s="5">
        <v>51</v>
      </c>
      <c r="B67" s="22">
        <v>15</v>
      </c>
      <c r="C67" s="14">
        <v>19</v>
      </c>
      <c r="D67" s="18">
        <v>34</v>
      </c>
    </row>
    <row r="68" spans="1:4" ht="18" customHeight="1" x14ac:dyDescent="0.15">
      <c r="A68" s="5">
        <v>52</v>
      </c>
      <c r="B68" s="22">
        <v>17</v>
      </c>
      <c r="C68" s="14">
        <v>18</v>
      </c>
      <c r="D68" s="18">
        <v>35</v>
      </c>
    </row>
    <row r="69" spans="1:4" ht="18" customHeight="1" x14ac:dyDescent="0.15">
      <c r="A69" s="5">
        <v>53</v>
      </c>
      <c r="B69" s="22">
        <v>18</v>
      </c>
      <c r="C69" s="14">
        <v>19</v>
      </c>
      <c r="D69" s="18">
        <v>37</v>
      </c>
    </row>
    <row r="70" spans="1:4" ht="18" customHeight="1" x14ac:dyDescent="0.15">
      <c r="A70" s="5">
        <v>54</v>
      </c>
      <c r="B70" s="22">
        <v>13</v>
      </c>
      <c r="C70" s="14">
        <v>18</v>
      </c>
      <c r="D70" s="18">
        <v>31</v>
      </c>
    </row>
    <row r="71" spans="1:4" ht="18" customHeight="1" x14ac:dyDescent="0.15">
      <c r="A71" s="5" t="s">
        <v>22</v>
      </c>
      <c r="B71" s="22">
        <v>80</v>
      </c>
      <c r="C71" s="14">
        <v>97</v>
      </c>
      <c r="D71" s="18">
        <v>177</v>
      </c>
    </row>
    <row r="72" spans="1:4" ht="18" customHeight="1" x14ac:dyDescent="0.15">
      <c r="A72" s="5">
        <v>55</v>
      </c>
      <c r="B72" s="22">
        <v>18</v>
      </c>
      <c r="C72" s="14">
        <v>10</v>
      </c>
      <c r="D72" s="18">
        <v>28</v>
      </c>
    </row>
    <row r="73" spans="1:4" ht="18" customHeight="1" x14ac:dyDescent="0.15">
      <c r="A73" s="5">
        <v>56</v>
      </c>
      <c r="B73" s="22">
        <v>15</v>
      </c>
      <c r="C73" s="14">
        <v>17</v>
      </c>
      <c r="D73" s="18">
        <v>32</v>
      </c>
    </row>
    <row r="74" spans="1:4" ht="18" customHeight="1" x14ac:dyDescent="0.15">
      <c r="A74" s="5">
        <v>57</v>
      </c>
      <c r="B74" s="22">
        <v>17</v>
      </c>
      <c r="C74" s="14">
        <v>13</v>
      </c>
      <c r="D74" s="18">
        <v>30</v>
      </c>
    </row>
    <row r="75" spans="1:4" ht="18" customHeight="1" x14ac:dyDescent="0.15">
      <c r="A75" s="5">
        <v>58</v>
      </c>
      <c r="B75" s="22">
        <v>17</v>
      </c>
      <c r="C75" s="14">
        <v>14</v>
      </c>
      <c r="D75" s="18">
        <v>31</v>
      </c>
    </row>
    <row r="76" spans="1:4" ht="18" customHeight="1" x14ac:dyDescent="0.15">
      <c r="A76" s="5">
        <v>59</v>
      </c>
      <c r="B76" s="22">
        <v>11</v>
      </c>
      <c r="C76" s="14">
        <v>8</v>
      </c>
      <c r="D76" s="18">
        <v>19</v>
      </c>
    </row>
    <row r="77" spans="1:4" ht="18" customHeight="1" x14ac:dyDescent="0.15">
      <c r="A77" s="5" t="s">
        <v>27</v>
      </c>
      <c r="B77" s="22">
        <v>78</v>
      </c>
      <c r="C77" s="14">
        <v>62</v>
      </c>
      <c r="D77" s="18">
        <v>140</v>
      </c>
    </row>
    <row r="78" spans="1:4" ht="18" customHeight="1" x14ac:dyDescent="0.15">
      <c r="A78" s="5">
        <v>60</v>
      </c>
      <c r="B78" s="22">
        <v>9</v>
      </c>
      <c r="C78" s="14">
        <v>19</v>
      </c>
      <c r="D78" s="18">
        <v>28</v>
      </c>
    </row>
    <row r="79" spans="1:4" ht="18" customHeight="1" x14ac:dyDescent="0.15">
      <c r="A79" s="5">
        <v>61</v>
      </c>
      <c r="B79" s="22">
        <v>9</v>
      </c>
      <c r="C79" s="14">
        <v>12</v>
      </c>
      <c r="D79" s="18">
        <v>21</v>
      </c>
    </row>
    <row r="80" spans="1:4" ht="18" customHeight="1" x14ac:dyDescent="0.15">
      <c r="A80" s="5">
        <v>62</v>
      </c>
      <c r="B80" s="22">
        <v>11</v>
      </c>
      <c r="C80" s="14">
        <v>18</v>
      </c>
      <c r="D80" s="18">
        <v>29</v>
      </c>
    </row>
    <row r="81" spans="1:4" ht="18" customHeight="1" x14ac:dyDescent="0.15">
      <c r="A81" s="5">
        <v>63</v>
      </c>
      <c r="B81" s="22">
        <v>8</v>
      </c>
      <c r="C81" s="14">
        <v>8</v>
      </c>
      <c r="D81" s="18">
        <v>16</v>
      </c>
    </row>
    <row r="82" spans="1:4" ht="18" customHeight="1" x14ac:dyDescent="0.15">
      <c r="A82" s="5">
        <v>64</v>
      </c>
      <c r="B82" s="22">
        <v>11</v>
      </c>
      <c r="C82" s="14">
        <v>9</v>
      </c>
      <c r="D82" s="18">
        <v>20</v>
      </c>
    </row>
    <row r="83" spans="1:4" ht="18" customHeight="1" x14ac:dyDescent="0.15">
      <c r="A83" s="5" t="s">
        <v>28</v>
      </c>
      <c r="B83" s="22">
        <v>48</v>
      </c>
      <c r="C83" s="14">
        <v>66</v>
      </c>
      <c r="D83" s="18">
        <v>114</v>
      </c>
    </row>
    <row r="84" spans="1:4" ht="18" customHeight="1" x14ac:dyDescent="0.15">
      <c r="A84" s="5" t="s">
        <v>31</v>
      </c>
      <c r="B84" s="22">
        <v>531</v>
      </c>
      <c r="C84" s="14">
        <v>530</v>
      </c>
      <c r="D84" s="18">
        <v>1061</v>
      </c>
    </row>
    <row r="85" spans="1:4" ht="18" customHeight="1" x14ac:dyDescent="0.15">
      <c r="A85" s="5">
        <v>65</v>
      </c>
      <c r="B85" s="22">
        <v>9</v>
      </c>
      <c r="C85" s="14">
        <v>10</v>
      </c>
      <c r="D85" s="18">
        <v>19</v>
      </c>
    </row>
    <row r="86" spans="1:4" ht="18" customHeight="1" x14ac:dyDescent="0.15">
      <c r="A86" s="5">
        <v>66</v>
      </c>
      <c r="B86" s="22">
        <v>9</v>
      </c>
      <c r="C86" s="14">
        <v>8</v>
      </c>
      <c r="D86" s="18">
        <v>17</v>
      </c>
    </row>
    <row r="87" spans="1:4" ht="18" customHeight="1" x14ac:dyDescent="0.15">
      <c r="A87" s="5">
        <v>67</v>
      </c>
      <c r="B87" s="22">
        <v>8</v>
      </c>
      <c r="C87" s="14">
        <v>15</v>
      </c>
      <c r="D87" s="18">
        <v>23</v>
      </c>
    </row>
    <row r="88" spans="1:4" ht="18" customHeight="1" x14ac:dyDescent="0.15">
      <c r="A88" s="5">
        <v>68</v>
      </c>
      <c r="B88" s="22">
        <v>10</v>
      </c>
      <c r="C88" s="14">
        <v>11</v>
      </c>
      <c r="D88" s="18">
        <v>21</v>
      </c>
    </row>
    <row r="89" spans="1:4" ht="18" customHeight="1" x14ac:dyDescent="0.15">
      <c r="A89" s="5">
        <v>69</v>
      </c>
      <c r="B89" s="22">
        <v>10</v>
      </c>
      <c r="C89" s="14">
        <v>7</v>
      </c>
      <c r="D89" s="18">
        <v>17</v>
      </c>
    </row>
    <row r="90" spans="1:4" ht="18" customHeight="1" x14ac:dyDescent="0.15">
      <c r="A90" s="5" t="s">
        <v>20</v>
      </c>
      <c r="B90" s="22">
        <v>46</v>
      </c>
      <c r="C90" s="14">
        <v>51</v>
      </c>
      <c r="D90" s="18">
        <v>97</v>
      </c>
    </row>
    <row r="91" spans="1:4" ht="18" customHeight="1" x14ac:dyDescent="0.15">
      <c r="A91" s="5">
        <v>70</v>
      </c>
      <c r="B91" s="22">
        <v>13</v>
      </c>
      <c r="C91" s="14">
        <v>13</v>
      </c>
      <c r="D91" s="18">
        <v>26</v>
      </c>
    </row>
    <row r="92" spans="1:4" ht="18" customHeight="1" x14ac:dyDescent="0.15">
      <c r="A92" s="5">
        <v>71</v>
      </c>
      <c r="B92" s="22">
        <v>5</v>
      </c>
      <c r="C92" s="14">
        <v>11</v>
      </c>
      <c r="D92" s="18">
        <v>16</v>
      </c>
    </row>
    <row r="93" spans="1:4" ht="18" customHeight="1" x14ac:dyDescent="0.15">
      <c r="A93" s="5">
        <v>72</v>
      </c>
      <c r="B93" s="22">
        <v>7</v>
      </c>
      <c r="C93" s="14">
        <v>13</v>
      </c>
      <c r="D93" s="18">
        <v>20</v>
      </c>
    </row>
    <row r="94" spans="1:4" ht="18" customHeight="1" x14ac:dyDescent="0.15">
      <c r="A94" s="5">
        <v>73</v>
      </c>
      <c r="B94" s="22">
        <v>11</v>
      </c>
      <c r="C94" s="14">
        <v>11</v>
      </c>
      <c r="D94" s="18">
        <v>22</v>
      </c>
    </row>
    <row r="95" spans="1:4" ht="18" customHeight="1" x14ac:dyDescent="0.15">
      <c r="A95" s="5">
        <v>74</v>
      </c>
      <c r="B95" s="22">
        <v>11</v>
      </c>
      <c r="C95" s="14">
        <v>12</v>
      </c>
      <c r="D95" s="18">
        <v>23</v>
      </c>
    </row>
    <row r="96" spans="1:4" ht="18" customHeight="1" x14ac:dyDescent="0.15">
      <c r="A96" s="5" t="s">
        <v>33</v>
      </c>
      <c r="B96" s="22">
        <v>47</v>
      </c>
      <c r="C96" s="14">
        <v>60</v>
      </c>
      <c r="D96" s="18">
        <v>107</v>
      </c>
    </row>
    <row r="97" spans="1:4" ht="18" customHeight="1" x14ac:dyDescent="0.15">
      <c r="A97" s="5">
        <v>75</v>
      </c>
      <c r="B97" s="22">
        <v>14</v>
      </c>
      <c r="C97" s="14">
        <v>9</v>
      </c>
      <c r="D97" s="18">
        <v>23</v>
      </c>
    </row>
    <row r="98" spans="1:4" ht="18" customHeight="1" x14ac:dyDescent="0.15">
      <c r="A98" s="5">
        <v>76</v>
      </c>
      <c r="B98" s="22">
        <v>11</v>
      </c>
      <c r="C98" s="14">
        <v>16</v>
      </c>
      <c r="D98" s="18">
        <v>27</v>
      </c>
    </row>
    <row r="99" spans="1:4" ht="18" customHeight="1" x14ac:dyDescent="0.15">
      <c r="A99" s="5">
        <v>77</v>
      </c>
      <c r="B99" s="22">
        <v>10</v>
      </c>
      <c r="C99" s="14">
        <v>17</v>
      </c>
      <c r="D99" s="18">
        <v>27</v>
      </c>
    </row>
    <row r="100" spans="1:4" ht="18" customHeight="1" x14ac:dyDescent="0.15">
      <c r="A100" s="5">
        <v>78</v>
      </c>
      <c r="B100" s="22">
        <v>10</v>
      </c>
      <c r="C100" s="14">
        <v>15</v>
      </c>
      <c r="D100" s="18">
        <v>25</v>
      </c>
    </row>
    <row r="101" spans="1:4" ht="18" customHeight="1" x14ac:dyDescent="0.15">
      <c r="A101" s="5">
        <v>79</v>
      </c>
      <c r="B101" s="22">
        <v>9</v>
      </c>
      <c r="C101" s="14">
        <v>9</v>
      </c>
      <c r="D101" s="18">
        <v>18</v>
      </c>
    </row>
    <row r="102" spans="1:4" ht="18" customHeight="1" x14ac:dyDescent="0.15">
      <c r="A102" s="5" t="s">
        <v>0</v>
      </c>
      <c r="B102" s="22">
        <v>54</v>
      </c>
      <c r="C102" s="14">
        <v>66</v>
      </c>
      <c r="D102" s="18">
        <v>120</v>
      </c>
    </row>
    <row r="103" spans="1:4" ht="18" customHeight="1" x14ac:dyDescent="0.15">
      <c r="A103" s="5">
        <v>80</v>
      </c>
      <c r="B103" s="22">
        <v>3</v>
      </c>
      <c r="C103" s="14">
        <v>11</v>
      </c>
      <c r="D103" s="18">
        <v>14</v>
      </c>
    </row>
    <row r="104" spans="1:4" ht="18" customHeight="1" x14ac:dyDescent="0.15">
      <c r="A104" s="5">
        <v>81</v>
      </c>
      <c r="B104" s="22">
        <v>6</v>
      </c>
      <c r="C104" s="14">
        <v>10</v>
      </c>
      <c r="D104" s="18">
        <v>16</v>
      </c>
    </row>
    <row r="105" spans="1:4" ht="18" customHeight="1" x14ac:dyDescent="0.15">
      <c r="A105" s="5">
        <v>82</v>
      </c>
      <c r="B105" s="22">
        <v>7</v>
      </c>
      <c r="C105" s="14">
        <v>9</v>
      </c>
      <c r="D105" s="18">
        <v>16</v>
      </c>
    </row>
    <row r="106" spans="1:4" ht="18" customHeight="1" x14ac:dyDescent="0.15">
      <c r="A106" s="5">
        <v>83</v>
      </c>
      <c r="B106" s="22">
        <v>4</v>
      </c>
      <c r="C106" s="14">
        <v>15</v>
      </c>
      <c r="D106" s="18">
        <v>19</v>
      </c>
    </row>
    <row r="107" spans="1:4" ht="18" customHeight="1" x14ac:dyDescent="0.15">
      <c r="A107" s="5">
        <v>84</v>
      </c>
      <c r="B107" s="22">
        <v>8</v>
      </c>
      <c r="C107" s="14">
        <v>18</v>
      </c>
      <c r="D107" s="18">
        <v>26</v>
      </c>
    </row>
    <row r="108" spans="1:4" ht="18" customHeight="1" x14ac:dyDescent="0.15">
      <c r="A108" s="5" t="s">
        <v>35</v>
      </c>
      <c r="B108" s="22">
        <v>28</v>
      </c>
      <c r="C108" s="14">
        <v>63</v>
      </c>
      <c r="D108" s="18">
        <v>91</v>
      </c>
    </row>
    <row r="109" spans="1:4" ht="18" customHeight="1" x14ac:dyDescent="0.15">
      <c r="A109" s="5">
        <v>85</v>
      </c>
      <c r="B109" s="22">
        <v>6</v>
      </c>
      <c r="C109" s="14">
        <v>14</v>
      </c>
      <c r="D109" s="18">
        <v>20</v>
      </c>
    </row>
    <row r="110" spans="1:4" ht="18" customHeight="1" x14ac:dyDescent="0.15">
      <c r="A110" s="5">
        <v>86</v>
      </c>
      <c r="B110" s="22">
        <v>7</v>
      </c>
      <c r="C110" s="14">
        <v>10</v>
      </c>
      <c r="D110" s="18">
        <v>17</v>
      </c>
    </row>
    <row r="111" spans="1:4" ht="18" customHeight="1" x14ac:dyDescent="0.15">
      <c r="A111" s="5">
        <v>87</v>
      </c>
      <c r="B111" s="22">
        <v>5</v>
      </c>
      <c r="C111" s="14">
        <v>3</v>
      </c>
      <c r="D111" s="18">
        <v>8</v>
      </c>
    </row>
    <row r="112" spans="1:4" ht="18" customHeight="1" x14ac:dyDescent="0.15">
      <c r="A112" s="5">
        <v>88</v>
      </c>
      <c r="B112" s="22">
        <v>5</v>
      </c>
      <c r="C112" s="14">
        <v>6</v>
      </c>
      <c r="D112" s="18">
        <v>11</v>
      </c>
    </row>
    <row r="113" spans="1:4" ht="18" customHeight="1" x14ac:dyDescent="0.15">
      <c r="A113" s="5">
        <v>89</v>
      </c>
      <c r="B113" s="22">
        <v>3</v>
      </c>
      <c r="C113" s="14">
        <v>4</v>
      </c>
      <c r="D113" s="18">
        <v>7</v>
      </c>
    </row>
    <row r="114" spans="1:4" ht="18" customHeight="1" x14ac:dyDescent="0.15">
      <c r="A114" s="5" t="s">
        <v>37</v>
      </c>
      <c r="B114" s="22">
        <v>26</v>
      </c>
      <c r="C114" s="14">
        <v>37</v>
      </c>
      <c r="D114" s="18">
        <v>63</v>
      </c>
    </row>
    <row r="115" spans="1:4" ht="18" customHeight="1" x14ac:dyDescent="0.15">
      <c r="A115" s="5">
        <v>90</v>
      </c>
      <c r="B115" s="22">
        <v>2</v>
      </c>
      <c r="C115" s="14">
        <v>6</v>
      </c>
      <c r="D115" s="18">
        <v>8</v>
      </c>
    </row>
    <row r="116" spans="1:4" ht="18" customHeight="1" x14ac:dyDescent="0.15">
      <c r="A116" s="5">
        <v>91</v>
      </c>
      <c r="B116" s="22">
        <v>4</v>
      </c>
      <c r="C116" s="14">
        <v>7</v>
      </c>
      <c r="D116" s="18">
        <v>11</v>
      </c>
    </row>
    <row r="117" spans="1:4" ht="18" customHeight="1" x14ac:dyDescent="0.15">
      <c r="A117" s="5">
        <v>92</v>
      </c>
      <c r="B117" s="22">
        <v>2</v>
      </c>
      <c r="C117" s="14">
        <v>6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8</v>
      </c>
      <c r="C120" s="14">
        <v>28</v>
      </c>
      <c r="D120" s="18">
        <v>36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4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211</v>
      </c>
      <c r="C130" s="14">
        <v>324</v>
      </c>
      <c r="D130" s="18">
        <v>535</v>
      </c>
    </row>
    <row r="131" spans="1:4" ht="18" customHeight="1" x14ac:dyDescent="0.15">
      <c r="A131" s="7" t="s">
        <v>45</v>
      </c>
      <c r="B131" s="23">
        <v>813</v>
      </c>
      <c r="C131" s="15">
        <v>907</v>
      </c>
      <c r="D131" s="19">
        <v>17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7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3</v>
      </c>
      <c r="C5" s="13">
        <v>24</v>
      </c>
      <c r="D5" s="17">
        <v>57</v>
      </c>
    </row>
    <row r="6" spans="1:4" ht="18" customHeight="1" x14ac:dyDescent="0.15">
      <c r="A6" s="5">
        <v>1</v>
      </c>
      <c r="B6" s="22">
        <v>26</v>
      </c>
      <c r="C6" s="14">
        <v>23</v>
      </c>
      <c r="D6" s="18">
        <v>49</v>
      </c>
    </row>
    <row r="7" spans="1:4" ht="18" customHeight="1" x14ac:dyDescent="0.15">
      <c r="A7" s="5">
        <v>2</v>
      </c>
      <c r="B7" s="22">
        <v>24</v>
      </c>
      <c r="C7" s="14">
        <v>24</v>
      </c>
      <c r="D7" s="18">
        <v>48</v>
      </c>
    </row>
    <row r="8" spans="1:4" ht="18" customHeight="1" x14ac:dyDescent="0.15">
      <c r="A8" s="5">
        <v>3</v>
      </c>
      <c r="B8" s="22">
        <v>30</v>
      </c>
      <c r="C8" s="14">
        <v>36</v>
      </c>
      <c r="D8" s="18">
        <v>66</v>
      </c>
    </row>
    <row r="9" spans="1:4" ht="18" customHeight="1" x14ac:dyDescent="0.15">
      <c r="A9" s="5">
        <v>4</v>
      </c>
      <c r="B9" s="22">
        <v>41</v>
      </c>
      <c r="C9" s="14">
        <v>37</v>
      </c>
      <c r="D9" s="18">
        <v>78</v>
      </c>
    </row>
    <row r="10" spans="1:4" ht="18" customHeight="1" x14ac:dyDescent="0.15">
      <c r="A10" s="5" t="s">
        <v>7</v>
      </c>
      <c r="B10" s="22">
        <v>154</v>
      </c>
      <c r="C10" s="14">
        <v>144</v>
      </c>
      <c r="D10" s="18">
        <v>298</v>
      </c>
    </row>
    <row r="11" spans="1:4" ht="18" customHeight="1" x14ac:dyDescent="0.15">
      <c r="A11" s="5">
        <v>5</v>
      </c>
      <c r="B11" s="22">
        <v>36</v>
      </c>
      <c r="C11" s="14">
        <v>35</v>
      </c>
      <c r="D11" s="18">
        <v>71</v>
      </c>
    </row>
    <row r="12" spans="1:4" ht="18" customHeight="1" x14ac:dyDescent="0.15">
      <c r="A12" s="5">
        <v>6</v>
      </c>
      <c r="B12" s="22">
        <v>37</v>
      </c>
      <c r="C12" s="14">
        <v>33</v>
      </c>
      <c r="D12" s="18">
        <v>70</v>
      </c>
    </row>
    <row r="13" spans="1:4" ht="18" customHeight="1" x14ac:dyDescent="0.15">
      <c r="A13" s="5">
        <v>7</v>
      </c>
      <c r="B13" s="22">
        <v>32</v>
      </c>
      <c r="C13" s="14">
        <v>40</v>
      </c>
      <c r="D13" s="18">
        <v>72</v>
      </c>
    </row>
    <row r="14" spans="1:4" ht="18" customHeight="1" x14ac:dyDescent="0.15">
      <c r="A14" s="5">
        <v>8</v>
      </c>
      <c r="B14" s="22">
        <v>36</v>
      </c>
      <c r="C14" s="14">
        <v>29</v>
      </c>
      <c r="D14" s="18">
        <v>65</v>
      </c>
    </row>
    <row r="15" spans="1:4" ht="18" customHeight="1" x14ac:dyDescent="0.15">
      <c r="A15" s="5">
        <v>9</v>
      </c>
      <c r="B15" s="22">
        <v>38</v>
      </c>
      <c r="C15" s="14">
        <v>41</v>
      </c>
      <c r="D15" s="18">
        <v>79</v>
      </c>
    </row>
    <row r="16" spans="1:4" ht="18" customHeight="1" x14ac:dyDescent="0.15">
      <c r="A16" s="5" t="s">
        <v>11</v>
      </c>
      <c r="B16" s="22">
        <v>179</v>
      </c>
      <c r="C16" s="14">
        <v>178</v>
      </c>
      <c r="D16" s="18">
        <v>357</v>
      </c>
    </row>
    <row r="17" spans="1:4" ht="18" customHeight="1" x14ac:dyDescent="0.15">
      <c r="A17" s="5">
        <v>10</v>
      </c>
      <c r="B17" s="22">
        <v>32</v>
      </c>
      <c r="C17" s="14">
        <v>46</v>
      </c>
      <c r="D17" s="18">
        <v>78</v>
      </c>
    </row>
    <row r="18" spans="1:4" ht="18" customHeight="1" x14ac:dyDescent="0.15">
      <c r="A18" s="5">
        <v>11</v>
      </c>
      <c r="B18" s="22">
        <v>36</v>
      </c>
      <c r="C18" s="14">
        <v>32</v>
      </c>
      <c r="D18" s="18">
        <v>68</v>
      </c>
    </row>
    <row r="19" spans="1:4" ht="18" customHeight="1" x14ac:dyDescent="0.15">
      <c r="A19" s="5">
        <v>12</v>
      </c>
      <c r="B19" s="22">
        <v>31</v>
      </c>
      <c r="C19" s="14">
        <v>34</v>
      </c>
      <c r="D19" s="18">
        <v>65</v>
      </c>
    </row>
    <row r="20" spans="1:4" ht="18" customHeight="1" x14ac:dyDescent="0.15">
      <c r="A20" s="5">
        <v>13</v>
      </c>
      <c r="B20" s="22">
        <v>46</v>
      </c>
      <c r="C20" s="14">
        <v>39</v>
      </c>
      <c r="D20" s="18">
        <v>85</v>
      </c>
    </row>
    <row r="21" spans="1:4" ht="18" customHeight="1" x14ac:dyDescent="0.15">
      <c r="A21" s="5">
        <v>14</v>
      </c>
      <c r="B21" s="22">
        <v>46</v>
      </c>
      <c r="C21" s="14">
        <v>35</v>
      </c>
      <c r="D21" s="18">
        <v>81</v>
      </c>
    </row>
    <row r="22" spans="1:4" ht="18" customHeight="1" x14ac:dyDescent="0.15">
      <c r="A22" s="5" t="s">
        <v>12</v>
      </c>
      <c r="B22" s="22">
        <v>191</v>
      </c>
      <c r="C22" s="14">
        <v>186</v>
      </c>
      <c r="D22" s="18">
        <v>377</v>
      </c>
    </row>
    <row r="23" spans="1:4" ht="18" customHeight="1" x14ac:dyDescent="0.15">
      <c r="A23" s="5" t="s">
        <v>6</v>
      </c>
      <c r="B23" s="22">
        <v>524</v>
      </c>
      <c r="C23" s="14">
        <v>508</v>
      </c>
      <c r="D23" s="18">
        <v>1032</v>
      </c>
    </row>
    <row r="24" spans="1:4" ht="18" customHeight="1" x14ac:dyDescent="0.15">
      <c r="A24" s="5">
        <v>15</v>
      </c>
      <c r="B24" s="22">
        <v>44</v>
      </c>
      <c r="C24" s="14">
        <v>40</v>
      </c>
      <c r="D24" s="18">
        <v>84</v>
      </c>
    </row>
    <row r="25" spans="1:4" ht="18" customHeight="1" x14ac:dyDescent="0.15">
      <c r="A25" s="5">
        <v>16</v>
      </c>
      <c r="B25" s="22">
        <v>41</v>
      </c>
      <c r="C25" s="14">
        <v>38</v>
      </c>
      <c r="D25" s="18">
        <v>79</v>
      </c>
    </row>
    <row r="26" spans="1:4" ht="18" customHeight="1" x14ac:dyDescent="0.15">
      <c r="A26" s="5">
        <v>17</v>
      </c>
      <c r="B26" s="22">
        <v>48</v>
      </c>
      <c r="C26" s="14">
        <v>33</v>
      </c>
      <c r="D26" s="18">
        <v>81</v>
      </c>
    </row>
    <row r="27" spans="1:4" ht="18" customHeight="1" x14ac:dyDescent="0.15">
      <c r="A27" s="5">
        <v>18</v>
      </c>
      <c r="B27" s="22">
        <v>45</v>
      </c>
      <c r="C27" s="14">
        <v>34</v>
      </c>
      <c r="D27" s="18">
        <v>79</v>
      </c>
    </row>
    <row r="28" spans="1:4" ht="18" customHeight="1" x14ac:dyDescent="0.15">
      <c r="A28" s="5">
        <v>19</v>
      </c>
      <c r="B28" s="22">
        <v>43</v>
      </c>
      <c r="C28" s="14">
        <v>47</v>
      </c>
      <c r="D28" s="18">
        <v>90</v>
      </c>
    </row>
    <row r="29" spans="1:4" ht="18" customHeight="1" x14ac:dyDescent="0.15">
      <c r="A29" s="5" t="s">
        <v>14</v>
      </c>
      <c r="B29" s="22">
        <v>221</v>
      </c>
      <c r="C29" s="14">
        <v>192</v>
      </c>
      <c r="D29" s="18">
        <v>413</v>
      </c>
    </row>
    <row r="30" spans="1:4" ht="18" customHeight="1" x14ac:dyDescent="0.15">
      <c r="A30" s="5">
        <v>20</v>
      </c>
      <c r="B30" s="22">
        <v>43</v>
      </c>
      <c r="C30" s="14">
        <v>33</v>
      </c>
      <c r="D30" s="18">
        <v>76</v>
      </c>
    </row>
    <row r="31" spans="1:4" ht="18" customHeight="1" x14ac:dyDescent="0.15">
      <c r="A31" s="5">
        <v>21</v>
      </c>
      <c r="B31" s="22">
        <v>54</v>
      </c>
      <c r="C31" s="14">
        <v>42</v>
      </c>
      <c r="D31" s="18">
        <v>96</v>
      </c>
    </row>
    <row r="32" spans="1:4" ht="18" customHeight="1" x14ac:dyDescent="0.15">
      <c r="A32" s="5">
        <v>22</v>
      </c>
      <c r="B32" s="22">
        <v>63</v>
      </c>
      <c r="C32" s="14">
        <v>31</v>
      </c>
      <c r="D32" s="18">
        <v>94</v>
      </c>
    </row>
    <row r="33" spans="1:4" ht="18" customHeight="1" x14ac:dyDescent="0.15">
      <c r="A33" s="5">
        <v>23</v>
      </c>
      <c r="B33" s="22">
        <v>57</v>
      </c>
      <c r="C33" s="14">
        <v>34</v>
      </c>
      <c r="D33" s="18">
        <v>91</v>
      </c>
    </row>
    <row r="34" spans="1:4" ht="18" customHeight="1" x14ac:dyDescent="0.15">
      <c r="A34" s="5">
        <v>24</v>
      </c>
      <c r="B34" s="22">
        <v>70</v>
      </c>
      <c r="C34" s="14">
        <v>57</v>
      </c>
      <c r="D34" s="18">
        <v>127</v>
      </c>
    </row>
    <row r="35" spans="1:4" ht="18" customHeight="1" x14ac:dyDescent="0.15">
      <c r="A35" s="5" t="s">
        <v>9</v>
      </c>
      <c r="B35" s="22">
        <v>287</v>
      </c>
      <c r="C35" s="14">
        <v>197</v>
      </c>
      <c r="D35" s="18">
        <v>484</v>
      </c>
    </row>
    <row r="36" spans="1:4" ht="18" customHeight="1" x14ac:dyDescent="0.15">
      <c r="A36" s="5">
        <v>25</v>
      </c>
      <c r="B36" s="22">
        <v>64</v>
      </c>
      <c r="C36" s="14">
        <v>45</v>
      </c>
      <c r="D36" s="18">
        <v>109</v>
      </c>
    </row>
    <row r="37" spans="1:4" ht="18" customHeight="1" x14ac:dyDescent="0.15">
      <c r="A37" s="5">
        <v>26</v>
      </c>
      <c r="B37" s="22">
        <v>69</v>
      </c>
      <c r="C37" s="14">
        <v>49</v>
      </c>
      <c r="D37" s="18">
        <v>118</v>
      </c>
    </row>
    <row r="38" spans="1:4" ht="18" customHeight="1" x14ac:dyDescent="0.15">
      <c r="A38" s="5">
        <v>27</v>
      </c>
      <c r="B38" s="22">
        <v>46</v>
      </c>
      <c r="C38" s="14">
        <v>47</v>
      </c>
      <c r="D38" s="18">
        <v>93</v>
      </c>
    </row>
    <row r="39" spans="1:4" ht="18" customHeight="1" x14ac:dyDescent="0.15">
      <c r="A39" s="5">
        <v>28</v>
      </c>
      <c r="B39" s="22">
        <v>60</v>
      </c>
      <c r="C39" s="14">
        <v>51</v>
      </c>
      <c r="D39" s="18">
        <v>111</v>
      </c>
    </row>
    <row r="40" spans="1:4" ht="18" customHeight="1" x14ac:dyDescent="0.15">
      <c r="A40" s="5">
        <v>29</v>
      </c>
      <c r="B40" s="22">
        <v>52</v>
      </c>
      <c r="C40" s="14">
        <v>48</v>
      </c>
      <c r="D40" s="18">
        <v>100</v>
      </c>
    </row>
    <row r="41" spans="1:4" ht="18" customHeight="1" x14ac:dyDescent="0.15">
      <c r="A41" s="5" t="s">
        <v>2</v>
      </c>
      <c r="B41" s="22">
        <v>291</v>
      </c>
      <c r="C41" s="14">
        <v>240</v>
      </c>
      <c r="D41" s="18">
        <v>531</v>
      </c>
    </row>
    <row r="42" spans="1:4" ht="18" customHeight="1" x14ac:dyDescent="0.15">
      <c r="A42" s="5">
        <v>30</v>
      </c>
      <c r="B42" s="22">
        <v>56</v>
      </c>
      <c r="C42" s="14">
        <v>45</v>
      </c>
      <c r="D42" s="18">
        <v>101</v>
      </c>
    </row>
    <row r="43" spans="1:4" ht="18" customHeight="1" x14ac:dyDescent="0.15">
      <c r="A43" s="5">
        <v>31</v>
      </c>
      <c r="B43" s="22">
        <v>60</v>
      </c>
      <c r="C43" s="14">
        <v>51</v>
      </c>
      <c r="D43" s="18">
        <v>111</v>
      </c>
    </row>
    <row r="44" spans="1:4" ht="18" customHeight="1" x14ac:dyDescent="0.15">
      <c r="A44" s="5">
        <v>32</v>
      </c>
      <c r="B44" s="22">
        <v>55</v>
      </c>
      <c r="C44" s="14">
        <v>56</v>
      </c>
      <c r="D44" s="18">
        <v>111</v>
      </c>
    </row>
    <row r="45" spans="1:4" ht="18" customHeight="1" x14ac:dyDescent="0.15">
      <c r="A45" s="5">
        <v>33</v>
      </c>
      <c r="B45" s="22">
        <v>50</v>
      </c>
      <c r="C45" s="14">
        <v>34</v>
      </c>
      <c r="D45" s="18">
        <v>84</v>
      </c>
    </row>
    <row r="46" spans="1:4" ht="18" customHeight="1" x14ac:dyDescent="0.15">
      <c r="A46" s="5">
        <v>34</v>
      </c>
      <c r="B46" s="22">
        <v>40</v>
      </c>
      <c r="C46" s="14">
        <v>55</v>
      </c>
      <c r="D46" s="18">
        <v>95</v>
      </c>
    </row>
    <row r="47" spans="1:4" ht="18" customHeight="1" x14ac:dyDescent="0.15">
      <c r="A47" s="5" t="s">
        <v>15</v>
      </c>
      <c r="B47" s="22">
        <v>261</v>
      </c>
      <c r="C47" s="14">
        <v>241</v>
      </c>
      <c r="D47" s="18">
        <v>502</v>
      </c>
    </row>
    <row r="48" spans="1:4" ht="18" customHeight="1" x14ac:dyDescent="0.15">
      <c r="A48" s="5">
        <v>35</v>
      </c>
      <c r="B48" s="22">
        <v>65</v>
      </c>
      <c r="C48" s="14">
        <v>55</v>
      </c>
      <c r="D48" s="18">
        <v>120</v>
      </c>
    </row>
    <row r="49" spans="1:4" ht="18" customHeight="1" x14ac:dyDescent="0.15">
      <c r="A49" s="5">
        <v>36</v>
      </c>
      <c r="B49" s="22">
        <v>59</v>
      </c>
      <c r="C49" s="14">
        <v>49</v>
      </c>
      <c r="D49" s="18">
        <v>108</v>
      </c>
    </row>
    <row r="50" spans="1:4" ht="18" customHeight="1" x14ac:dyDescent="0.15">
      <c r="A50" s="5">
        <v>37</v>
      </c>
      <c r="B50" s="22">
        <v>64</v>
      </c>
      <c r="C50" s="14">
        <v>52</v>
      </c>
      <c r="D50" s="18">
        <v>116</v>
      </c>
    </row>
    <row r="51" spans="1:4" ht="18" customHeight="1" x14ac:dyDescent="0.15">
      <c r="A51" s="5">
        <v>38</v>
      </c>
      <c r="B51" s="22">
        <v>61</v>
      </c>
      <c r="C51" s="14">
        <v>49</v>
      </c>
      <c r="D51" s="18">
        <v>110</v>
      </c>
    </row>
    <row r="52" spans="1:4" ht="18" customHeight="1" x14ac:dyDescent="0.15">
      <c r="A52" s="5">
        <v>39</v>
      </c>
      <c r="B52" s="22">
        <v>58</v>
      </c>
      <c r="C52" s="14">
        <v>54</v>
      </c>
      <c r="D52" s="18">
        <v>112</v>
      </c>
    </row>
    <row r="53" spans="1:4" ht="18" customHeight="1" x14ac:dyDescent="0.15">
      <c r="A53" s="5" t="s">
        <v>18</v>
      </c>
      <c r="B53" s="22">
        <v>307</v>
      </c>
      <c r="C53" s="14">
        <v>259</v>
      </c>
      <c r="D53" s="18">
        <v>566</v>
      </c>
    </row>
    <row r="54" spans="1:4" ht="18" customHeight="1" x14ac:dyDescent="0.15">
      <c r="A54" s="5">
        <v>40</v>
      </c>
      <c r="B54" s="22">
        <v>67</v>
      </c>
      <c r="C54" s="14">
        <v>59</v>
      </c>
      <c r="D54" s="18">
        <v>126</v>
      </c>
    </row>
    <row r="55" spans="1:4" ht="18" customHeight="1" x14ac:dyDescent="0.15">
      <c r="A55" s="5">
        <v>41</v>
      </c>
      <c r="B55" s="22">
        <v>72</v>
      </c>
      <c r="C55" s="14">
        <v>47</v>
      </c>
      <c r="D55" s="18">
        <v>119</v>
      </c>
    </row>
    <row r="56" spans="1:4" ht="18" customHeight="1" x14ac:dyDescent="0.15">
      <c r="A56" s="5">
        <v>42</v>
      </c>
      <c r="B56" s="22">
        <v>59</v>
      </c>
      <c r="C56" s="14">
        <v>66</v>
      </c>
      <c r="D56" s="18">
        <v>125</v>
      </c>
    </row>
    <row r="57" spans="1:4" ht="18" customHeight="1" x14ac:dyDescent="0.15">
      <c r="A57" s="5">
        <v>43</v>
      </c>
      <c r="B57" s="22">
        <v>66</v>
      </c>
      <c r="C57" s="14">
        <v>56</v>
      </c>
      <c r="D57" s="18">
        <v>122</v>
      </c>
    </row>
    <row r="58" spans="1:4" ht="18" customHeight="1" x14ac:dyDescent="0.15">
      <c r="A58" s="5">
        <v>44</v>
      </c>
      <c r="B58" s="22">
        <v>60</v>
      </c>
      <c r="C58" s="14">
        <v>58</v>
      </c>
      <c r="D58" s="18">
        <v>118</v>
      </c>
    </row>
    <row r="59" spans="1:4" ht="18" customHeight="1" x14ac:dyDescent="0.15">
      <c r="A59" s="5" t="s">
        <v>21</v>
      </c>
      <c r="B59" s="22">
        <v>324</v>
      </c>
      <c r="C59" s="14">
        <v>286</v>
      </c>
      <c r="D59" s="18">
        <v>610</v>
      </c>
    </row>
    <row r="60" spans="1:4" ht="18" customHeight="1" x14ac:dyDescent="0.15">
      <c r="A60" s="5">
        <v>45</v>
      </c>
      <c r="B60" s="22">
        <v>58</v>
      </c>
      <c r="C60" s="14">
        <v>59</v>
      </c>
      <c r="D60" s="18">
        <v>117</v>
      </c>
    </row>
    <row r="61" spans="1:4" ht="18" customHeight="1" x14ac:dyDescent="0.15">
      <c r="A61" s="5">
        <v>46</v>
      </c>
      <c r="B61" s="22">
        <v>68</v>
      </c>
      <c r="C61" s="14">
        <v>67</v>
      </c>
      <c r="D61" s="18">
        <v>135</v>
      </c>
    </row>
    <row r="62" spans="1:4" ht="18" customHeight="1" x14ac:dyDescent="0.15">
      <c r="A62" s="5">
        <v>47</v>
      </c>
      <c r="B62" s="22">
        <v>70</v>
      </c>
      <c r="C62" s="14">
        <v>62</v>
      </c>
      <c r="D62" s="18">
        <v>132</v>
      </c>
    </row>
    <row r="63" spans="1:4" ht="18" customHeight="1" x14ac:dyDescent="0.15">
      <c r="A63" s="5">
        <v>48</v>
      </c>
      <c r="B63" s="22">
        <v>74</v>
      </c>
      <c r="C63" s="14">
        <v>79</v>
      </c>
      <c r="D63" s="18">
        <v>153</v>
      </c>
    </row>
    <row r="64" spans="1:4" ht="18" customHeight="1" x14ac:dyDescent="0.15">
      <c r="A64" s="5">
        <v>49</v>
      </c>
      <c r="B64" s="22">
        <v>62</v>
      </c>
      <c r="C64" s="14">
        <v>85</v>
      </c>
      <c r="D64" s="18">
        <v>147</v>
      </c>
    </row>
    <row r="65" spans="1:4" ht="18" customHeight="1" x14ac:dyDescent="0.15">
      <c r="A65" s="5" t="s">
        <v>17</v>
      </c>
      <c r="B65" s="22">
        <v>332</v>
      </c>
      <c r="C65" s="14">
        <v>352</v>
      </c>
      <c r="D65" s="18">
        <v>684</v>
      </c>
    </row>
    <row r="66" spans="1:4" ht="18" customHeight="1" x14ac:dyDescent="0.15">
      <c r="A66" s="5">
        <v>50</v>
      </c>
      <c r="B66" s="22">
        <v>66</v>
      </c>
      <c r="C66" s="14">
        <v>69</v>
      </c>
      <c r="D66" s="18">
        <v>135</v>
      </c>
    </row>
    <row r="67" spans="1:4" ht="18" customHeight="1" x14ac:dyDescent="0.15">
      <c r="A67" s="5">
        <v>51</v>
      </c>
      <c r="B67" s="22">
        <v>92</v>
      </c>
      <c r="C67" s="14">
        <v>90</v>
      </c>
      <c r="D67" s="18">
        <v>182</v>
      </c>
    </row>
    <row r="68" spans="1:4" ht="18" customHeight="1" x14ac:dyDescent="0.15">
      <c r="A68" s="5">
        <v>52</v>
      </c>
      <c r="B68" s="22">
        <v>91</v>
      </c>
      <c r="C68" s="14">
        <v>98</v>
      </c>
      <c r="D68" s="18">
        <v>189</v>
      </c>
    </row>
    <row r="69" spans="1:4" ht="18" customHeight="1" x14ac:dyDescent="0.15">
      <c r="A69" s="5">
        <v>53</v>
      </c>
      <c r="B69" s="22">
        <v>89</v>
      </c>
      <c r="C69" s="14">
        <v>77</v>
      </c>
      <c r="D69" s="18">
        <v>166</v>
      </c>
    </row>
    <row r="70" spans="1:4" ht="18" customHeight="1" x14ac:dyDescent="0.15">
      <c r="A70" s="5">
        <v>54</v>
      </c>
      <c r="B70" s="22">
        <v>84</v>
      </c>
      <c r="C70" s="14">
        <v>69</v>
      </c>
      <c r="D70" s="18">
        <v>153</v>
      </c>
    </row>
    <row r="71" spans="1:4" ht="18" customHeight="1" x14ac:dyDescent="0.15">
      <c r="A71" s="5" t="s">
        <v>22</v>
      </c>
      <c r="B71" s="22">
        <v>422</v>
      </c>
      <c r="C71" s="14">
        <v>403</v>
      </c>
      <c r="D71" s="18">
        <v>825</v>
      </c>
    </row>
    <row r="72" spans="1:4" ht="18" customHeight="1" x14ac:dyDescent="0.15">
      <c r="A72" s="5">
        <v>55</v>
      </c>
      <c r="B72" s="22">
        <v>82</v>
      </c>
      <c r="C72" s="14">
        <v>89</v>
      </c>
      <c r="D72" s="18">
        <v>171</v>
      </c>
    </row>
    <row r="73" spans="1:4" ht="18" customHeight="1" x14ac:dyDescent="0.15">
      <c r="A73" s="5">
        <v>56</v>
      </c>
      <c r="B73" s="22">
        <v>98</v>
      </c>
      <c r="C73" s="14">
        <v>99</v>
      </c>
      <c r="D73" s="18">
        <v>197</v>
      </c>
    </row>
    <row r="74" spans="1:4" ht="18" customHeight="1" x14ac:dyDescent="0.15">
      <c r="A74" s="5">
        <v>57</v>
      </c>
      <c r="B74" s="22">
        <v>83</v>
      </c>
      <c r="C74" s="14">
        <v>82</v>
      </c>
      <c r="D74" s="18">
        <v>165</v>
      </c>
    </row>
    <row r="75" spans="1:4" ht="18" customHeight="1" x14ac:dyDescent="0.15">
      <c r="A75" s="5">
        <v>58</v>
      </c>
      <c r="B75" s="22">
        <v>68</v>
      </c>
      <c r="C75" s="14">
        <v>71</v>
      </c>
      <c r="D75" s="18">
        <v>139</v>
      </c>
    </row>
    <row r="76" spans="1:4" ht="18" customHeight="1" x14ac:dyDescent="0.15">
      <c r="A76" s="5">
        <v>59</v>
      </c>
      <c r="B76" s="22">
        <v>59</v>
      </c>
      <c r="C76" s="14">
        <v>62</v>
      </c>
      <c r="D76" s="18">
        <v>121</v>
      </c>
    </row>
    <row r="77" spans="1:4" ht="18" customHeight="1" x14ac:dyDescent="0.15">
      <c r="A77" s="5" t="s">
        <v>27</v>
      </c>
      <c r="B77" s="22">
        <v>390</v>
      </c>
      <c r="C77" s="14">
        <v>403</v>
      </c>
      <c r="D77" s="18">
        <v>793</v>
      </c>
    </row>
    <row r="78" spans="1:4" ht="18" customHeight="1" x14ac:dyDescent="0.15">
      <c r="A78" s="5">
        <v>60</v>
      </c>
      <c r="B78" s="22">
        <v>64</v>
      </c>
      <c r="C78" s="14">
        <v>67</v>
      </c>
      <c r="D78" s="18">
        <v>131</v>
      </c>
    </row>
    <row r="79" spans="1:4" ht="18" customHeight="1" x14ac:dyDescent="0.15">
      <c r="A79" s="5">
        <v>61</v>
      </c>
      <c r="B79" s="22">
        <v>59</v>
      </c>
      <c r="C79" s="14">
        <v>71</v>
      </c>
      <c r="D79" s="18">
        <v>130</v>
      </c>
    </row>
    <row r="80" spans="1:4" ht="18" customHeight="1" x14ac:dyDescent="0.15">
      <c r="A80" s="5">
        <v>62</v>
      </c>
      <c r="B80" s="22">
        <v>58</v>
      </c>
      <c r="C80" s="14">
        <v>56</v>
      </c>
      <c r="D80" s="18">
        <v>114</v>
      </c>
    </row>
    <row r="81" spans="1:4" ht="18" customHeight="1" x14ac:dyDescent="0.15">
      <c r="A81" s="5">
        <v>63</v>
      </c>
      <c r="B81" s="22">
        <v>50</v>
      </c>
      <c r="C81" s="14">
        <v>54</v>
      </c>
      <c r="D81" s="18">
        <v>104</v>
      </c>
    </row>
    <row r="82" spans="1:4" ht="18" customHeight="1" x14ac:dyDescent="0.15">
      <c r="A82" s="5">
        <v>64</v>
      </c>
      <c r="B82" s="22">
        <v>49</v>
      </c>
      <c r="C82" s="14">
        <v>68</v>
      </c>
      <c r="D82" s="18">
        <v>117</v>
      </c>
    </row>
    <row r="83" spans="1:4" ht="18" customHeight="1" x14ac:dyDescent="0.15">
      <c r="A83" s="5" t="s">
        <v>28</v>
      </c>
      <c r="B83" s="22">
        <v>280</v>
      </c>
      <c r="C83" s="14">
        <v>316</v>
      </c>
      <c r="D83" s="18">
        <v>596</v>
      </c>
    </row>
    <row r="84" spans="1:4" ht="18" customHeight="1" x14ac:dyDescent="0.15">
      <c r="A84" s="5" t="s">
        <v>31</v>
      </c>
      <c r="B84" s="22">
        <v>3115</v>
      </c>
      <c r="C84" s="14">
        <v>2889</v>
      </c>
      <c r="D84" s="18">
        <v>6004</v>
      </c>
    </row>
    <row r="85" spans="1:4" ht="18" customHeight="1" x14ac:dyDescent="0.15">
      <c r="A85" s="5">
        <v>65</v>
      </c>
      <c r="B85" s="22">
        <v>52</v>
      </c>
      <c r="C85" s="14">
        <v>53</v>
      </c>
      <c r="D85" s="18">
        <v>105</v>
      </c>
    </row>
    <row r="86" spans="1:4" ht="18" customHeight="1" x14ac:dyDescent="0.15">
      <c r="A86" s="5">
        <v>66</v>
      </c>
      <c r="B86" s="22">
        <v>44</v>
      </c>
      <c r="C86" s="14">
        <v>51</v>
      </c>
      <c r="D86" s="18">
        <v>95</v>
      </c>
    </row>
    <row r="87" spans="1:4" ht="18" customHeight="1" x14ac:dyDescent="0.15">
      <c r="A87" s="5">
        <v>67</v>
      </c>
      <c r="B87" s="22">
        <v>46</v>
      </c>
      <c r="C87" s="14">
        <v>37</v>
      </c>
      <c r="D87" s="18">
        <v>83</v>
      </c>
    </row>
    <row r="88" spans="1:4" ht="18" customHeight="1" x14ac:dyDescent="0.15">
      <c r="A88" s="5">
        <v>68</v>
      </c>
      <c r="B88" s="22">
        <v>36</v>
      </c>
      <c r="C88" s="14">
        <v>36</v>
      </c>
      <c r="D88" s="18">
        <v>72</v>
      </c>
    </row>
    <row r="89" spans="1:4" ht="18" customHeight="1" x14ac:dyDescent="0.15">
      <c r="A89" s="5">
        <v>69</v>
      </c>
      <c r="B89" s="22">
        <v>22</v>
      </c>
      <c r="C89" s="14">
        <v>37</v>
      </c>
      <c r="D89" s="18">
        <v>59</v>
      </c>
    </row>
    <row r="90" spans="1:4" ht="18" customHeight="1" x14ac:dyDescent="0.15">
      <c r="A90" s="5" t="s">
        <v>20</v>
      </c>
      <c r="B90" s="22">
        <v>200</v>
      </c>
      <c r="C90" s="14">
        <v>214</v>
      </c>
      <c r="D90" s="18">
        <v>414</v>
      </c>
    </row>
    <row r="91" spans="1:4" ht="18" customHeight="1" x14ac:dyDescent="0.15">
      <c r="A91" s="5">
        <v>70</v>
      </c>
      <c r="B91" s="22">
        <v>37</v>
      </c>
      <c r="C91" s="14">
        <v>29</v>
      </c>
      <c r="D91" s="18">
        <v>66</v>
      </c>
    </row>
    <row r="92" spans="1:4" ht="18" customHeight="1" x14ac:dyDescent="0.15">
      <c r="A92" s="5">
        <v>71</v>
      </c>
      <c r="B92" s="22">
        <v>40</v>
      </c>
      <c r="C92" s="14">
        <v>37</v>
      </c>
      <c r="D92" s="18">
        <v>77</v>
      </c>
    </row>
    <row r="93" spans="1:4" ht="18" customHeight="1" x14ac:dyDescent="0.15">
      <c r="A93" s="5">
        <v>72</v>
      </c>
      <c r="B93" s="22">
        <v>29</v>
      </c>
      <c r="C93" s="14">
        <v>42</v>
      </c>
      <c r="D93" s="18">
        <v>71</v>
      </c>
    </row>
    <row r="94" spans="1:4" ht="18" customHeight="1" x14ac:dyDescent="0.15">
      <c r="A94" s="5">
        <v>73</v>
      </c>
      <c r="B94" s="22">
        <v>32</v>
      </c>
      <c r="C94" s="14">
        <v>37</v>
      </c>
      <c r="D94" s="18">
        <v>69</v>
      </c>
    </row>
    <row r="95" spans="1:4" ht="18" customHeight="1" x14ac:dyDescent="0.15">
      <c r="A95" s="5">
        <v>74</v>
      </c>
      <c r="B95" s="22">
        <v>27</v>
      </c>
      <c r="C95" s="14">
        <v>38</v>
      </c>
      <c r="D95" s="18">
        <v>65</v>
      </c>
    </row>
    <row r="96" spans="1:4" ht="18" customHeight="1" x14ac:dyDescent="0.15">
      <c r="A96" s="5" t="s">
        <v>33</v>
      </c>
      <c r="B96" s="22">
        <v>165</v>
      </c>
      <c r="C96" s="14">
        <v>183</v>
      </c>
      <c r="D96" s="18">
        <v>348</v>
      </c>
    </row>
    <row r="97" spans="1:4" ht="18" customHeight="1" x14ac:dyDescent="0.15">
      <c r="A97" s="5">
        <v>75</v>
      </c>
      <c r="B97" s="22">
        <v>38</v>
      </c>
      <c r="C97" s="14">
        <v>33</v>
      </c>
      <c r="D97" s="18">
        <v>71</v>
      </c>
    </row>
    <row r="98" spans="1:4" ht="18" customHeight="1" x14ac:dyDescent="0.15">
      <c r="A98" s="5">
        <v>76</v>
      </c>
      <c r="B98" s="22">
        <v>42</v>
      </c>
      <c r="C98" s="14">
        <v>51</v>
      </c>
      <c r="D98" s="18">
        <v>93</v>
      </c>
    </row>
    <row r="99" spans="1:4" ht="18" customHeight="1" x14ac:dyDescent="0.15">
      <c r="A99" s="5">
        <v>77</v>
      </c>
      <c r="B99" s="22">
        <v>32</v>
      </c>
      <c r="C99" s="14">
        <v>58</v>
      </c>
      <c r="D99" s="18">
        <v>90</v>
      </c>
    </row>
    <row r="100" spans="1:4" ht="18" customHeight="1" x14ac:dyDescent="0.15">
      <c r="A100" s="5">
        <v>78</v>
      </c>
      <c r="B100" s="22">
        <v>37</v>
      </c>
      <c r="C100" s="14">
        <v>52</v>
      </c>
      <c r="D100" s="18">
        <v>89</v>
      </c>
    </row>
    <row r="101" spans="1:4" ht="18" customHeight="1" x14ac:dyDescent="0.15">
      <c r="A101" s="5">
        <v>79</v>
      </c>
      <c r="B101" s="22">
        <v>26</v>
      </c>
      <c r="C101" s="14">
        <v>33</v>
      </c>
      <c r="D101" s="18">
        <v>59</v>
      </c>
    </row>
    <row r="102" spans="1:4" ht="18" customHeight="1" x14ac:dyDescent="0.15">
      <c r="A102" s="5" t="s">
        <v>0</v>
      </c>
      <c r="B102" s="22">
        <v>175</v>
      </c>
      <c r="C102" s="14">
        <v>227</v>
      </c>
      <c r="D102" s="18">
        <v>402</v>
      </c>
    </row>
    <row r="103" spans="1:4" ht="18" customHeight="1" x14ac:dyDescent="0.15">
      <c r="A103" s="5">
        <v>80</v>
      </c>
      <c r="B103" s="22">
        <v>12</v>
      </c>
      <c r="C103" s="14">
        <v>22</v>
      </c>
      <c r="D103" s="18">
        <v>34</v>
      </c>
    </row>
    <row r="104" spans="1:4" ht="18" customHeight="1" x14ac:dyDescent="0.15">
      <c r="A104" s="5">
        <v>81</v>
      </c>
      <c r="B104" s="22">
        <v>29</v>
      </c>
      <c r="C104" s="14">
        <v>40</v>
      </c>
      <c r="D104" s="18">
        <v>69</v>
      </c>
    </row>
    <row r="105" spans="1:4" ht="18" customHeight="1" x14ac:dyDescent="0.15">
      <c r="A105" s="5">
        <v>82</v>
      </c>
      <c r="B105" s="22">
        <v>21</v>
      </c>
      <c r="C105" s="14">
        <v>37</v>
      </c>
      <c r="D105" s="18">
        <v>58</v>
      </c>
    </row>
    <row r="106" spans="1:4" ht="18" customHeight="1" x14ac:dyDescent="0.15">
      <c r="A106" s="5">
        <v>83</v>
      </c>
      <c r="B106" s="22">
        <v>19</v>
      </c>
      <c r="C106" s="14">
        <v>45</v>
      </c>
      <c r="D106" s="18">
        <v>64</v>
      </c>
    </row>
    <row r="107" spans="1:4" ht="18" customHeight="1" x14ac:dyDescent="0.15">
      <c r="A107" s="5">
        <v>84</v>
      </c>
      <c r="B107" s="22">
        <v>25</v>
      </c>
      <c r="C107" s="14">
        <v>39</v>
      </c>
      <c r="D107" s="18">
        <v>64</v>
      </c>
    </row>
    <row r="108" spans="1:4" ht="18" customHeight="1" x14ac:dyDescent="0.15">
      <c r="A108" s="5" t="s">
        <v>35</v>
      </c>
      <c r="B108" s="22">
        <v>106</v>
      </c>
      <c r="C108" s="14">
        <v>183</v>
      </c>
      <c r="D108" s="18">
        <v>289</v>
      </c>
    </row>
    <row r="109" spans="1:4" ht="18" customHeight="1" x14ac:dyDescent="0.15">
      <c r="A109" s="5">
        <v>85</v>
      </c>
      <c r="B109" s="22">
        <v>18</v>
      </c>
      <c r="C109" s="14">
        <v>29</v>
      </c>
      <c r="D109" s="18">
        <v>47</v>
      </c>
    </row>
    <row r="110" spans="1:4" ht="18" customHeight="1" x14ac:dyDescent="0.15">
      <c r="A110" s="5">
        <v>86</v>
      </c>
      <c r="B110" s="22">
        <v>16</v>
      </c>
      <c r="C110" s="14">
        <v>23</v>
      </c>
      <c r="D110" s="18">
        <v>39</v>
      </c>
    </row>
    <row r="111" spans="1:4" ht="18" customHeight="1" x14ac:dyDescent="0.15">
      <c r="A111" s="5">
        <v>87</v>
      </c>
      <c r="B111" s="22">
        <v>18</v>
      </c>
      <c r="C111" s="14">
        <v>16</v>
      </c>
      <c r="D111" s="18">
        <v>34</v>
      </c>
    </row>
    <row r="112" spans="1:4" ht="18" customHeight="1" x14ac:dyDescent="0.15">
      <c r="A112" s="5">
        <v>88</v>
      </c>
      <c r="B112" s="22">
        <v>18</v>
      </c>
      <c r="C112" s="14">
        <v>17</v>
      </c>
      <c r="D112" s="18">
        <v>35</v>
      </c>
    </row>
    <row r="113" spans="1:4" ht="18" customHeight="1" x14ac:dyDescent="0.15">
      <c r="A113" s="5">
        <v>89</v>
      </c>
      <c r="B113" s="22">
        <v>10</v>
      </c>
      <c r="C113" s="14">
        <v>24</v>
      </c>
      <c r="D113" s="18">
        <v>34</v>
      </c>
    </row>
    <row r="114" spans="1:4" ht="18" customHeight="1" x14ac:dyDescent="0.15">
      <c r="A114" s="5" t="s">
        <v>37</v>
      </c>
      <c r="B114" s="22">
        <v>80</v>
      </c>
      <c r="C114" s="14">
        <v>109</v>
      </c>
      <c r="D114" s="18">
        <v>189</v>
      </c>
    </row>
    <row r="115" spans="1:4" ht="18" customHeight="1" x14ac:dyDescent="0.15">
      <c r="A115" s="5">
        <v>90</v>
      </c>
      <c r="B115" s="22">
        <v>12</v>
      </c>
      <c r="C115" s="14">
        <v>25</v>
      </c>
      <c r="D115" s="18">
        <v>37</v>
      </c>
    </row>
    <row r="116" spans="1:4" ht="18" customHeight="1" x14ac:dyDescent="0.15">
      <c r="A116" s="5">
        <v>91</v>
      </c>
      <c r="B116" s="22">
        <v>6</v>
      </c>
      <c r="C116" s="14">
        <v>16</v>
      </c>
      <c r="D116" s="18">
        <v>22</v>
      </c>
    </row>
    <row r="117" spans="1:4" ht="18" customHeight="1" x14ac:dyDescent="0.15">
      <c r="A117" s="5">
        <v>92</v>
      </c>
      <c r="B117" s="22">
        <v>6</v>
      </c>
      <c r="C117" s="14">
        <v>10</v>
      </c>
      <c r="D117" s="18">
        <v>16</v>
      </c>
    </row>
    <row r="118" spans="1:4" ht="18" customHeight="1" x14ac:dyDescent="0.15">
      <c r="A118" s="5">
        <v>93</v>
      </c>
      <c r="B118" s="22">
        <v>7</v>
      </c>
      <c r="C118" s="14">
        <v>15</v>
      </c>
      <c r="D118" s="18">
        <v>22</v>
      </c>
    </row>
    <row r="119" spans="1:4" ht="18" customHeight="1" x14ac:dyDescent="0.15">
      <c r="A119" s="5">
        <v>94</v>
      </c>
      <c r="B119" s="22">
        <v>2</v>
      </c>
      <c r="C119" s="14">
        <v>10</v>
      </c>
      <c r="D119" s="18">
        <v>12</v>
      </c>
    </row>
    <row r="120" spans="1:4" ht="18" customHeight="1" x14ac:dyDescent="0.15">
      <c r="A120" s="5" t="s">
        <v>39</v>
      </c>
      <c r="B120" s="22">
        <v>33</v>
      </c>
      <c r="C120" s="14">
        <v>76</v>
      </c>
      <c r="D120" s="18">
        <v>109</v>
      </c>
    </row>
    <row r="121" spans="1:4" ht="18" customHeight="1" x14ac:dyDescent="0.15">
      <c r="A121" s="5">
        <v>95</v>
      </c>
      <c r="B121" s="22">
        <v>3</v>
      </c>
      <c r="C121" s="14">
        <v>12</v>
      </c>
      <c r="D121" s="18">
        <v>15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7</v>
      </c>
      <c r="C126" s="14">
        <v>25</v>
      </c>
      <c r="D126" s="18">
        <v>32</v>
      </c>
    </row>
    <row r="127" spans="1:4" ht="18" customHeight="1" x14ac:dyDescent="0.15">
      <c r="A127" s="5">
        <v>100</v>
      </c>
      <c r="B127" s="22">
        <v>1</v>
      </c>
      <c r="C127" s="14">
        <v>1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767</v>
      </c>
      <c r="C130" s="14">
        <v>1020</v>
      </c>
      <c r="D130" s="18">
        <v>1787</v>
      </c>
    </row>
    <row r="131" spans="1:4" ht="18" customHeight="1" x14ac:dyDescent="0.15">
      <c r="A131" s="7" t="s">
        <v>45</v>
      </c>
      <c r="B131" s="23">
        <v>4406</v>
      </c>
      <c r="C131" s="15">
        <v>4417</v>
      </c>
      <c r="D131" s="19">
        <v>88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6" t="s">
        <v>119</v>
      </c>
      <c r="C3" s="36"/>
      <c r="D3" s="36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1</v>
      </c>
      <c r="C5" s="13">
        <v>48</v>
      </c>
      <c r="D5" s="17">
        <v>99</v>
      </c>
    </row>
    <row r="6" spans="1:4" ht="18" customHeight="1" x14ac:dyDescent="0.15">
      <c r="A6" s="5">
        <v>1</v>
      </c>
      <c r="B6" s="22">
        <v>38</v>
      </c>
      <c r="C6" s="14">
        <v>31</v>
      </c>
      <c r="D6" s="18">
        <v>69</v>
      </c>
    </row>
    <row r="7" spans="1:4" ht="18" customHeight="1" x14ac:dyDescent="0.15">
      <c r="A7" s="5">
        <v>2</v>
      </c>
      <c r="B7" s="22">
        <v>35</v>
      </c>
      <c r="C7" s="14">
        <v>27</v>
      </c>
      <c r="D7" s="18">
        <v>62</v>
      </c>
    </row>
    <row r="8" spans="1:4" ht="18" customHeight="1" x14ac:dyDescent="0.15">
      <c r="A8" s="5">
        <v>3</v>
      </c>
      <c r="B8" s="22">
        <v>39</v>
      </c>
      <c r="C8" s="14">
        <v>41</v>
      </c>
      <c r="D8" s="18">
        <v>80</v>
      </c>
    </row>
    <row r="9" spans="1:4" ht="18" customHeight="1" x14ac:dyDescent="0.15">
      <c r="A9" s="5">
        <v>4</v>
      </c>
      <c r="B9" s="22">
        <v>33</v>
      </c>
      <c r="C9" s="14">
        <v>46</v>
      </c>
      <c r="D9" s="18">
        <v>79</v>
      </c>
    </row>
    <row r="10" spans="1:4" ht="18" customHeight="1" x14ac:dyDescent="0.15">
      <c r="A10" s="5" t="s">
        <v>7</v>
      </c>
      <c r="B10" s="22">
        <v>196</v>
      </c>
      <c r="C10" s="14">
        <v>193</v>
      </c>
      <c r="D10" s="18">
        <v>389</v>
      </c>
    </row>
    <row r="11" spans="1:4" ht="18" customHeight="1" x14ac:dyDescent="0.15">
      <c r="A11" s="5">
        <v>5</v>
      </c>
      <c r="B11" s="22">
        <v>29</v>
      </c>
      <c r="C11" s="14">
        <v>50</v>
      </c>
      <c r="D11" s="18">
        <v>79</v>
      </c>
    </row>
    <row r="12" spans="1:4" ht="18" customHeight="1" x14ac:dyDescent="0.15">
      <c r="A12" s="5">
        <v>6</v>
      </c>
      <c r="B12" s="22">
        <v>48</v>
      </c>
      <c r="C12" s="14">
        <v>37</v>
      </c>
      <c r="D12" s="18">
        <v>85</v>
      </c>
    </row>
    <row r="13" spans="1:4" ht="18" customHeight="1" x14ac:dyDescent="0.15">
      <c r="A13" s="5">
        <v>7</v>
      </c>
      <c r="B13" s="22">
        <v>57</v>
      </c>
      <c r="C13" s="14">
        <v>42</v>
      </c>
      <c r="D13" s="18">
        <v>99</v>
      </c>
    </row>
    <row r="14" spans="1:4" ht="18" customHeight="1" x14ac:dyDescent="0.15">
      <c r="A14" s="5">
        <v>8</v>
      </c>
      <c r="B14" s="22">
        <v>44</v>
      </c>
      <c r="C14" s="14">
        <v>48</v>
      </c>
      <c r="D14" s="18">
        <v>92</v>
      </c>
    </row>
    <row r="15" spans="1:4" ht="18" customHeight="1" x14ac:dyDescent="0.15">
      <c r="A15" s="5">
        <v>9</v>
      </c>
      <c r="B15" s="22">
        <v>58</v>
      </c>
      <c r="C15" s="14">
        <v>54</v>
      </c>
      <c r="D15" s="18">
        <v>112</v>
      </c>
    </row>
    <row r="16" spans="1:4" ht="18" customHeight="1" x14ac:dyDescent="0.15">
      <c r="A16" s="5" t="s">
        <v>11</v>
      </c>
      <c r="B16" s="22">
        <v>236</v>
      </c>
      <c r="C16" s="14">
        <v>231</v>
      </c>
      <c r="D16" s="18">
        <v>467</v>
      </c>
    </row>
    <row r="17" spans="1:4" ht="18" customHeight="1" x14ac:dyDescent="0.15">
      <c r="A17" s="5">
        <v>10</v>
      </c>
      <c r="B17" s="22">
        <v>62</v>
      </c>
      <c r="C17" s="14">
        <v>44</v>
      </c>
      <c r="D17" s="18">
        <v>106</v>
      </c>
    </row>
    <row r="18" spans="1:4" ht="18" customHeight="1" x14ac:dyDescent="0.15">
      <c r="A18" s="5">
        <v>11</v>
      </c>
      <c r="B18" s="22">
        <v>49</v>
      </c>
      <c r="C18" s="14">
        <v>49</v>
      </c>
      <c r="D18" s="18">
        <v>98</v>
      </c>
    </row>
    <row r="19" spans="1:4" ht="18" customHeight="1" x14ac:dyDescent="0.15">
      <c r="A19" s="5">
        <v>12</v>
      </c>
      <c r="B19" s="22">
        <v>55</v>
      </c>
      <c r="C19" s="14">
        <v>54</v>
      </c>
      <c r="D19" s="18">
        <v>109</v>
      </c>
    </row>
    <row r="20" spans="1:4" ht="18" customHeight="1" x14ac:dyDescent="0.15">
      <c r="A20" s="5">
        <v>13</v>
      </c>
      <c r="B20" s="22">
        <v>52</v>
      </c>
      <c r="C20" s="14">
        <v>53</v>
      </c>
      <c r="D20" s="18">
        <v>105</v>
      </c>
    </row>
    <row r="21" spans="1:4" ht="18" customHeight="1" x14ac:dyDescent="0.15">
      <c r="A21" s="5">
        <v>14</v>
      </c>
      <c r="B21" s="22">
        <v>61</v>
      </c>
      <c r="C21" s="14">
        <v>46</v>
      </c>
      <c r="D21" s="18">
        <v>107</v>
      </c>
    </row>
    <row r="22" spans="1:4" ht="18" customHeight="1" x14ac:dyDescent="0.15">
      <c r="A22" s="5" t="s">
        <v>12</v>
      </c>
      <c r="B22" s="22">
        <v>279</v>
      </c>
      <c r="C22" s="14">
        <v>246</v>
      </c>
      <c r="D22" s="18">
        <v>525</v>
      </c>
    </row>
    <row r="23" spans="1:4" ht="18" customHeight="1" x14ac:dyDescent="0.15">
      <c r="A23" s="5" t="s">
        <v>6</v>
      </c>
      <c r="B23" s="22">
        <v>711</v>
      </c>
      <c r="C23" s="14">
        <v>670</v>
      </c>
      <c r="D23" s="18">
        <v>1381</v>
      </c>
    </row>
    <row r="24" spans="1:4" ht="18" customHeight="1" x14ac:dyDescent="0.15">
      <c r="A24" s="5">
        <v>15</v>
      </c>
      <c r="B24" s="22">
        <v>51</v>
      </c>
      <c r="C24" s="14">
        <v>43</v>
      </c>
      <c r="D24" s="18">
        <v>94</v>
      </c>
    </row>
    <row r="25" spans="1:4" ht="18" customHeight="1" x14ac:dyDescent="0.15">
      <c r="A25" s="5">
        <v>16</v>
      </c>
      <c r="B25" s="22">
        <v>53</v>
      </c>
      <c r="C25" s="14">
        <v>54</v>
      </c>
      <c r="D25" s="18">
        <v>107</v>
      </c>
    </row>
    <row r="26" spans="1:4" ht="18" customHeight="1" x14ac:dyDescent="0.15">
      <c r="A26" s="5">
        <v>17</v>
      </c>
      <c r="B26" s="22">
        <v>62</v>
      </c>
      <c r="C26" s="14">
        <v>55</v>
      </c>
      <c r="D26" s="18">
        <v>117</v>
      </c>
    </row>
    <row r="27" spans="1:4" ht="18" customHeight="1" x14ac:dyDescent="0.15">
      <c r="A27" s="5">
        <v>18</v>
      </c>
      <c r="B27" s="22">
        <v>62</v>
      </c>
      <c r="C27" s="14">
        <v>46</v>
      </c>
      <c r="D27" s="18">
        <v>108</v>
      </c>
    </row>
    <row r="28" spans="1:4" ht="18" customHeight="1" x14ac:dyDescent="0.15">
      <c r="A28" s="5">
        <v>19</v>
      </c>
      <c r="B28" s="22">
        <v>59</v>
      </c>
      <c r="C28" s="14">
        <v>43</v>
      </c>
      <c r="D28" s="18">
        <v>102</v>
      </c>
    </row>
    <row r="29" spans="1:4" ht="18" customHeight="1" x14ac:dyDescent="0.15">
      <c r="A29" s="5" t="s">
        <v>14</v>
      </c>
      <c r="B29" s="22">
        <v>287</v>
      </c>
      <c r="C29" s="14">
        <v>241</v>
      </c>
      <c r="D29" s="18">
        <v>528</v>
      </c>
    </row>
    <row r="30" spans="1:4" ht="18" customHeight="1" x14ac:dyDescent="0.15">
      <c r="A30" s="5">
        <v>20</v>
      </c>
      <c r="B30" s="22">
        <v>59</v>
      </c>
      <c r="C30" s="14">
        <v>55</v>
      </c>
      <c r="D30" s="18">
        <v>114</v>
      </c>
    </row>
    <row r="31" spans="1:4" ht="18" customHeight="1" x14ac:dyDescent="0.15">
      <c r="A31" s="5">
        <v>21</v>
      </c>
      <c r="B31" s="22">
        <v>68</v>
      </c>
      <c r="C31" s="14">
        <v>70</v>
      </c>
      <c r="D31" s="18">
        <v>138</v>
      </c>
    </row>
    <row r="32" spans="1:4" ht="18" customHeight="1" x14ac:dyDescent="0.15">
      <c r="A32" s="5">
        <v>22</v>
      </c>
      <c r="B32" s="22">
        <v>74</v>
      </c>
      <c r="C32" s="14">
        <v>56</v>
      </c>
      <c r="D32" s="18">
        <v>130</v>
      </c>
    </row>
    <row r="33" spans="1:4" ht="18" customHeight="1" x14ac:dyDescent="0.15">
      <c r="A33" s="5">
        <v>23</v>
      </c>
      <c r="B33" s="22">
        <v>69</v>
      </c>
      <c r="C33" s="14">
        <v>57</v>
      </c>
      <c r="D33" s="18">
        <v>126</v>
      </c>
    </row>
    <row r="34" spans="1:4" ht="18" customHeight="1" x14ac:dyDescent="0.15">
      <c r="A34" s="5">
        <v>24</v>
      </c>
      <c r="B34" s="22">
        <v>81</v>
      </c>
      <c r="C34" s="14">
        <v>72</v>
      </c>
      <c r="D34" s="18">
        <v>153</v>
      </c>
    </row>
    <row r="35" spans="1:4" ht="18" customHeight="1" x14ac:dyDescent="0.15">
      <c r="A35" s="5" t="s">
        <v>9</v>
      </c>
      <c r="B35" s="22">
        <v>351</v>
      </c>
      <c r="C35" s="14">
        <v>310</v>
      </c>
      <c r="D35" s="18">
        <v>661</v>
      </c>
    </row>
    <row r="36" spans="1:4" ht="18" customHeight="1" x14ac:dyDescent="0.15">
      <c r="A36" s="5">
        <v>25</v>
      </c>
      <c r="B36" s="22">
        <v>100</v>
      </c>
      <c r="C36" s="14">
        <v>65</v>
      </c>
      <c r="D36" s="18">
        <v>165</v>
      </c>
    </row>
    <row r="37" spans="1:4" ht="18" customHeight="1" x14ac:dyDescent="0.15">
      <c r="A37" s="5">
        <v>26</v>
      </c>
      <c r="B37" s="22">
        <v>85</v>
      </c>
      <c r="C37" s="14">
        <v>89</v>
      </c>
      <c r="D37" s="18">
        <v>174</v>
      </c>
    </row>
    <row r="38" spans="1:4" ht="18" customHeight="1" x14ac:dyDescent="0.15">
      <c r="A38" s="5">
        <v>27</v>
      </c>
      <c r="B38" s="22">
        <v>95</v>
      </c>
      <c r="C38" s="14">
        <v>80</v>
      </c>
      <c r="D38" s="18">
        <v>175</v>
      </c>
    </row>
    <row r="39" spans="1:4" ht="18" customHeight="1" x14ac:dyDescent="0.15">
      <c r="A39" s="5">
        <v>28</v>
      </c>
      <c r="B39" s="22">
        <v>102</v>
      </c>
      <c r="C39" s="14">
        <v>84</v>
      </c>
      <c r="D39" s="18">
        <v>186</v>
      </c>
    </row>
    <row r="40" spans="1:4" ht="18" customHeight="1" x14ac:dyDescent="0.15">
      <c r="A40" s="5">
        <v>29</v>
      </c>
      <c r="B40" s="22">
        <v>89</v>
      </c>
      <c r="C40" s="14">
        <v>92</v>
      </c>
      <c r="D40" s="18">
        <v>181</v>
      </c>
    </row>
    <row r="41" spans="1:4" ht="18" customHeight="1" x14ac:dyDescent="0.15">
      <c r="A41" s="5" t="s">
        <v>2</v>
      </c>
      <c r="B41" s="22">
        <v>471</v>
      </c>
      <c r="C41" s="14">
        <v>410</v>
      </c>
      <c r="D41" s="18">
        <v>881</v>
      </c>
    </row>
    <row r="42" spans="1:4" ht="18" customHeight="1" x14ac:dyDescent="0.15">
      <c r="A42" s="5">
        <v>30</v>
      </c>
      <c r="B42" s="22">
        <v>89</v>
      </c>
      <c r="C42" s="14">
        <v>75</v>
      </c>
      <c r="D42" s="18">
        <v>164</v>
      </c>
    </row>
    <row r="43" spans="1:4" ht="18" customHeight="1" x14ac:dyDescent="0.15">
      <c r="A43" s="5">
        <v>31</v>
      </c>
      <c r="B43" s="22">
        <v>82</v>
      </c>
      <c r="C43" s="14">
        <v>66</v>
      </c>
      <c r="D43" s="18">
        <v>148</v>
      </c>
    </row>
    <row r="44" spans="1:4" ht="18" customHeight="1" x14ac:dyDescent="0.15">
      <c r="A44" s="5">
        <v>32</v>
      </c>
      <c r="B44" s="22">
        <v>72</v>
      </c>
      <c r="C44" s="14">
        <v>67</v>
      </c>
      <c r="D44" s="18">
        <v>139</v>
      </c>
    </row>
    <row r="45" spans="1:4" ht="18" customHeight="1" x14ac:dyDescent="0.15">
      <c r="A45" s="5">
        <v>33</v>
      </c>
      <c r="B45" s="22">
        <v>79</v>
      </c>
      <c r="C45" s="14">
        <v>67</v>
      </c>
      <c r="D45" s="18">
        <v>146</v>
      </c>
    </row>
    <row r="46" spans="1:4" ht="18" customHeight="1" x14ac:dyDescent="0.15">
      <c r="A46" s="5">
        <v>34</v>
      </c>
      <c r="B46" s="22">
        <v>73</v>
      </c>
      <c r="C46" s="14">
        <v>64</v>
      </c>
      <c r="D46" s="18">
        <v>137</v>
      </c>
    </row>
    <row r="47" spans="1:4" ht="18" customHeight="1" x14ac:dyDescent="0.15">
      <c r="A47" s="5" t="s">
        <v>15</v>
      </c>
      <c r="B47" s="22">
        <v>395</v>
      </c>
      <c r="C47" s="14">
        <v>339</v>
      </c>
      <c r="D47" s="18">
        <v>734</v>
      </c>
    </row>
    <row r="48" spans="1:4" ht="18" customHeight="1" x14ac:dyDescent="0.15">
      <c r="A48" s="5">
        <v>35</v>
      </c>
      <c r="B48" s="22">
        <v>91</v>
      </c>
      <c r="C48" s="14">
        <v>54</v>
      </c>
      <c r="D48" s="18">
        <v>145</v>
      </c>
    </row>
    <row r="49" spans="1:4" ht="18" customHeight="1" x14ac:dyDescent="0.15">
      <c r="A49" s="5">
        <v>36</v>
      </c>
      <c r="B49" s="22">
        <v>70</v>
      </c>
      <c r="C49" s="14">
        <v>44</v>
      </c>
      <c r="D49" s="18">
        <v>114</v>
      </c>
    </row>
    <row r="50" spans="1:4" ht="18" customHeight="1" x14ac:dyDescent="0.15">
      <c r="A50" s="5">
        <v>37</v>
      </c>
      <c r="B50" s="22">
        <v>70</v>
      </c>
      <c r="C50" s="14">
        <v>59</v>
      </c>
      <c r="D50" s="18">
        <v>129</v>
      </c>
    </row>
    <row r="51" spans="1:4" ht="18" customHeight="1" x14ac:dyDescent="0.15">
      <c r="A51" s="5">
        <v>38</v>
      </c>
      <c r="B51" s="22">
        <v>70</v>
      </c>
      <c r="C51" s="14">
        <v>64</v>
      </c>
      <c r="D51" s="18">
        <v>134</v>
      </c>
    </row>
    <row r="52" spans="1:4" ht="18" customHeight="1" x14ac:dyDescent="0.15">
      <c r="A52" s="5">
        <v>39</v>
      </c>
      <c r="B52" s="22">
        <v>78</v>
      </c>
      <c r="C52" s="14">
        <v>84</v>
      </c>
      <c r="D52" s="18">
        <v>162</v>
      </c>
    </row>
    <row r="53" spans="1:4" ht="18" customHeight="1" x14ac:dyDescent="0.15">
      <c r="A53" s="5" t="s">
        <v>18</v>
      </c>
      <c r="B53" s="22">
        <v>379</v>
      </c>
      <c r="C53" s="14">
        <v>305</v>
      </c>
      <c r="D53" s="18">
        <v>684</v>
      </c>
    </row>
    <row r="54" spans="1:4" ht="18" customHeight="1" x14ac:dyDescent="0.15">
      <c r="A54" s="5">
        <v>40</v>
      </c>
      <c r="B54" s="22">
        <v>82</v>
      </c>
      <c r="C54" s="14">
        <v>69</v>
      </c>
      <c r="D54" s="18">
        <v>151</v>
      </c>
    </row>
    <row r="55" spans="1:4" ht="18" customHeight="1" x14ac:dyDescent="0.15">
      <c r="A55" s="5">
        <v>41</v>
      </c>
      <c r="B55" s="22">
        <v>89</v>
      </c>
      <c r="C55" s="14">
        <v>87</v>
      </c>
      <c r="D55" s="18">
        <v>176</v>
      </c>
    </row>
    <row r="56" spans="1:4" ht="18" customHeight="1" x14ac:dyDescent="0.15">
      <c r="A56" s="5">
        <v>42</v>
      </c>
      <c r="B56" s="22">
        <v>75</v>
      </c>
      <c r="C56" s="14">
        <v>78</v>
      </c>
      <c r="D56" s="18">
        <v>153</v>
      </c>
    </row>
    <row r="57" spans="1:4" ht="18" customHeight="1" x14ac:dyDescent="0.15">
      <c r="A57" s="5">
        <v>43</v>
      </c>
      <c r="B57" s="22">
        <v>68</v>
      </c>
      <c r="C57" s="14">
        <v>64</v>
      </c>
      <c r="D57" s="18">
        <v>132</v>
      </c>
    </row>
    <row r="58" spans="1:4" ht="18" customHeight="1" x14ac:dyDescent="0.15">
      <c r="A58" s="5">
        <v>44</v>
      </c>
      <c r="B58" s="22">
        <v>84</v>
      </c>
      <c r="C58" s="14">
        <v>76</v>
      </c>
      <c r="D58" s="18">
        <v>160</v>
      </c>
    </row>
    <row r="59" spans="1:4" ht="18" customHeight="1" x14ac:dyDescent="0.15">
      <c r="A59" s="5" t="s">
        <v>21</v>
      </c>
      <c r="B59" s="22">
        <v>398</v>
      </c>
      <c r="C59" s="14">
        <v>374</v>
      </c>
      <c r="D59" s="18">
        <v>772</v>
      </c>
    </row>
    <row r="60" spans="1:4" ht="18" customHeight="1" x14ac:dyDescent="0.15">
      <c r="A60" s="5">
        <v>45</v>
      </c>
      <c r="B60" s="22">
        <v>79</v>
      </c>
      <c r="C60" s="14">
        <v>62</v>
      </c>
      <c r="D60" s="18">
        <v>141</v>
      </c>
    </row>
    <row r="61" spans="1:4" ht="18" customHeight="1" x14ac:dyDescent="0.15">
      <c r="A61" s="5">
        <v>46</v>
      </c>
      <c r="B61" s="22">
        <v>86</v>
      </c>
      <c r="C61" s="14">
        <v>72</v>
      </c>
      <c r="D61" s="18">
        <v>158</v>
      </c>
    </row>
    <row r="62" spans="1:4" ht="18" customHeight="1" x14ac:dyDescent="0.15">
      <c r="A62" s="5">
        <v>47</v>
      </c>
      <c r="B62" s="22">
        <v>109</v>
      </c>
      <c r="C62" s="14">
        <v>85</v>
      </c>
      <c r="D62" s="18">
        <v>194</v>
      </c>
    </row>
    <row r="63" spans="1:4" ht="18" customHeight="1" x14ac:dyDescent="0.15">
      <c r="A63" s="5">
        <v>48</v>
      </c>
      <c r="B63" s="22">
        <v>112</v>
      </c>
      <c r="C63" s="14">
        <v>98</v>
      </c>
      <c r="D63" s="18">
        <v>210</v>
      </c>
    </row>
    <row r="64" spans="1:4" ht="18" customHeight="1" x14ac:dyDescent="0.15">
      <c r="A64" s="5">
        <v>49</v>
      </c>
      <c r="B64" s="22">
        <v>72</v>
      </c>
      <c r="C64" s="14">
        <v>94</v>
      </c>
      <c r="D64" s="18">
        <v>166</v>
      </c>
    </row>
    <row r="65" spans="1:4" ht="18" customHeight="1" x14ac:dyDescent="0.15">
      <c r="A65" s="5" t="s">
        <v>17</v>
      </c>
      <c r="B65" s="22">
        <v>458</v>
      </c>
      <c r="C65" s="14">
        <v>411</v>
      </c>
      <c r="D65" s="18">
        <v>869</v>
      </c>
    </row>
    <row r="66" spans="1:4" ht="18" customHeight="1" x14ac:dyDescent="0.15">
      <c r="A66" s="5">
        <v>50</v>
      </c>
      <c r="B66" s="22">
        <v>115</v>
      </c>
      <c r="C66" s="14">
        <v>131</v>
      </c>
      <c r="D66" s="18">
        <v>246</v>
      </c>
    </row>
    <row r="67" spans="1:4" ht="18" customHeight="1" x14ac:dyDescent="0.15">
      <c r="A67" s="5">
        <v>51</v>
      </c>
      <c r="B67" s="22">
        <v>120</v>
      </c>
      <c r="C67" s="14">
        <v>100</v>
      </c>
      <c r="D67" s="18">
        <v>220</v>
      </c>
    </row>
    <row r="68" spans="1:4" ht="18" customHeight="1" x14ac:dyDescent="0.15">
      <c r="A68" s="5">
        <v>52</v>
      </c>
      <c r="B68" s="22">
        <v>111</v>
      </c>
      <c r="C68" s="14">
        <v>107</v>
      </c>
      <c r="D68" s="18">
        <v>218</v>
      </c>
    </row>
    <row r="69" spans="1:4" ht="18" customHeight="1" x14ac:dyDescent="0.15">
      <c r="A69" s="5">
        <v>53</v>
      </c>
      <c r="B69" s="22">
        <v>104</v>
      </c>
      <c r="C69" s="14">
        <v>91</v>
      </c>
      <c r="D69" s="18">
        <v>195</v>
      </c>
    </row>
    <row r="70" spans="1:4" ht="18" customHeight="1" x14ac:dyDescent="0.15">
      <c r="A70" s="5">
        <v>54</v>
      </c>
      <c r="B70" s="22">
        <v>122</v>
      </c>
      <c r="C70" s="14">
        <v>103</v>
      </c>
      <c r="D70" s="18">
        <v>225</v>
      </c>
    </row>
    <row r="71" spans="1:4" ht="18" customHeight="1" x14ac:dyDescent="0.15">
      <c r="A71" s="5" t="s">
        <v>22</v>
      </c>
      <c r="B71" s="22">
        <v>572</v>
      </c>
      <c r="C71" s="14">
        <v>532</v>
      </c>
      <c r="D71" s="18">
        <v>1104</v>
      </c>
    </row>
    <row r="72" spans="1:4" ht="18" customHeight="1" x14ac:dyDescent="0.15">
      <c r="A72" s="5">
        <v>55</v>
      </c>
      <c r="B72" s="22">
        <v>98</v>
      </c>
      <c r="C72" s="14">
        <v>118</v>
      </c>
      <c r="D72" s="18">
        <v>216</v>
      </c>
    </row>
    <row r="73" spans="1:4" ht="18" customHeight="1" x14ac:dyDescent="0.15">
      <c r="A73" s="5">
        <v>56</v>
      </c>
      <c r="B73" s="22">
        <v>106</v>
      </c>
      <c r="C73" s="14">
        <v>109</v>
      </c>
      <c r="D73" s="18">
        <v>215</v>
      </c>
    </row>
    <row r="74" spans="1:4" ht="18" customHeight="1" x14ac:dyDescent="0.15">
      <c r="A74" s="5">
        <v>57</v>
      </c>
      <c r="B74" s="22">
        <v>76</v>
      </c>
      <c r="C74" s="14">
        <v>88</v>
      </c>
      <c r="D74" s="18">
        <v>164</v>
      </c>
    </row>
    <row r="75" spans="1:4" ht="18" customHeight="1" x14ac:dyDescent="0.15">
      <c r="A75" s="5">
        <v>58</v>
      </c>
      <c r="B75" s="22">
        <v>84</v>
      </c>
      <c r="C75" s="14">
        <v>101</v>
      </c>
      <c r="D75" s="18">
        <v>185</v>
      </c>
    </row>
    <row r="76" spans="1:4" ht="18" customHeight="1" x14ac:dyDescent="0.15">
      <c r="A76" s="5">
        <v>59</v>
      </c>
      <c r="B76" s="22">
        <v>64</v>
      </c>
      <c r="C76" s="14">
        <v>58</v>
      </c>
      <c r="D76" s="18">
        <v>122</v>
      </c>
    </row>
    <row r="77" spans="1:4" ht="18" customHeight="1" x14ac:dyDescent="0.15">
      <c r="A77" s="5" t="s">
        <v>27</v>
      </c>
      <c r="B77" s="22">
        <v>428</v>
      </c>
      <c r="C77" s="14">
        <v>474</v>
      </c>
      <c r="D77" s="18">
        <v>902</v>
      </c>
    </row>
    <row r="78" spans="1:4" ht="18" customHeight="1" x14ac:dyDescent="0.15">
      <c r="A78" s="5">
        <v>60</v>
      </c>
      <c r="B78" s="22">
        <v>93</v>
      </c>
      <c r="C78" s="14">
        <v>74</v>
      </c>
      <c r="D78" s="18">
        <v>167</v>
      </c>
    </row>
    <row r="79" spans="1:4" ht="18" customHeight="1" x14ac:dyDescent="0.15">
      <c r="A79" s="5">
        <v>61</v>
      </c>
      <c r="B79" s="22">
        <v>80</v>
      </c>
      <c r="C79" s="14">
        <v>63</v>
      </c>
      <c r="D79" s="18">
        <v>143</v>
      </c>
    </row>
    <row r="80" spans="1:4" ht="18" customHeight="1" x14ac:dyDescent="0.15">
      <c r="A80" s="5">
        <v>62</v>
      </c>
      <c r="B80" s="22">
        <v>68</v>
      </c>
      <c r="C80" s="14">
        <v>69</v>
      </c>
      <c r="D80" s="18">
        <v>137</v>
      </c>
    </row>
    <row r="81" spans="1:4" ht="18" customHeight="1" x14ac:dyDescent="0.15">
      <c r="A81" s="5">
        <v>63</v>
      </c>
      <c r="B81" s="22">
        <v>67</v>
      </c>
      <c r="C81" s="14">
        <v>67</v>
      </c>
      <c r="D81" s="18">
        <v>134</v>
      </c>
    </row>
    <row r="82" spans="1:4" ht="18" customHeight="1" x14ac:dyDescent="0.15">
      <c r="A82" s="5">
        <v>64</v>
      </c>
      <c r="B82" s="22">
        <v>64</v>
      </c>
      <c r="C82" s="14">
        <v>70</v>
      </c>
      <c r="D82" s="18">
        <v>134</v>
      </c>
    </row>
    <row r="83" spans="1:4" ht="18" customHeight="1" x14ac:dyDescent="0.15">
      <c r="A83" s="5" t="s">
        <v>28</v>
      </c>
      <c r="B83" s="22">
        <v>372</v>
      </c>
      <c r="C83" s="14">
        <v>343</v>
      </c>
      <c r="D83" s="18">
        <v>715</v>
      </c>
    </row>
    <row r="84" spans="1:4" ht="18" customHeight="1" x14ac:dyDescent="0.15">
      <c r="A84" s="5" t="s">
        <v>31</v>
      </c>
      <c r="B84" s="22">
        <v>4111</v>
      </c>
      <c r="C84" s="14">
        <v>3739</v>
      </c>
      <c r="D84" s="18">
        <v>7850</v>
      </c>
    </row>
    <row r="85" spans="1:4" ht="18" customHeight="1" x14ac:dyDescent="0.15">
      <c r="A85" s="5">
        <v>65</v>
      </c>
      <c r="B85" s="22">
        <v>73</v>
      </c>
      <c r="C85" s="14">
        <v>84</v>
      </c>
      <c r="D85" s="18">
        <v>157</v>
      </c>
    </row>
    <row r="86" spans="1:4" ht="18" customHeight="1" x14ac:dyDescent="0.15">
      <c r="A86" s="5">
        <v>66</v>
      </c>
      <c r="B86" s="22">
        <v>52</v>
      </c>
      <c r="C86" s="14">
        <v>55</v>
      </c>
      <c r="D86" s="18">
        <v>107</v>
      </c>
    </row>
    <row r="87" spans="1:4" ht="18" customHeight="1" x14ac:dyDescent="0.15">
      <c r="A87" s="5">
        <v>67</v>
      </c>
      <c r="B87" s="22">
        <v>69</v>
      </c>
      <c r="C87" s="14">
        <v>78</v>
      </c>
      <c r="D87" s="18">
        <v>147</v>
      </c>
    </row>
    <row r="88" spans="1:4" ht="18" customHeight="1" x14ac:dyDescent="0.15">
      <c r="A88" s="5">
        <v>68</v>
      </c>
      <c r="B88" s="22">
        <v>67</v>
      </c>
      <c r="C88" s="14">
        <v>54</v>
      </c>
      <c r="D88" s="18">
        <v>121</v>
      </c>
    </row>
    <row r="89" spans="1:4" ht="18" customHeight="1" x14ac:dyDescent="0.15">
      <c r="A89" s="5">
        <v>69</v>
      </c>
      <c r="B89" s="22">
        <v>70</v>
      </c>
      <c r="C89" s="14">
        <v>65</v>
      </c>
      <c r="D89" s="18">
        <v>135</v>
      </c>
    </row>
    <row r="90" spans="1:4" ht="18" customHeight="1" x14ac:dyDescent="0.15">
      <c r="A90" s="5" t="s">
        <v>20</v>
      </c>
      <c r="B90" s="22">
        <v>331</v>
      </c>
      <c r="C90" s="14">
        <v>336</v>
      </c>
      <c r="D90" s="18">
        <v>667</v>
      </c>
    </row>
    <row r="91" spans="1:4" ht="18" customHeight="1" x14ac:dyDescent="0.15">
      <c r="A91" s="5">
        <v>70</v>
      </c>
      <c r="B91" s="22">
        <v>57</v>
      </c>
      <c r="C91" s="14">
        <v>67</v>
      </c>
      <c r="D91" s="18">
        <v>124</v>
      </c>
    </row>
    <row r="92" spans="1:4" ht="18" customHeight="1" x14ac:dyDescent="0.15">
      <c r="A92" s="5">
        <v>71</v>
      </c>
      <c r="B92" s="22">
        <v>74</v>
      </c>
      <c r="C92" s="14">
        <v>70</v>
      </c>
      <c r="D92" s="18">
        <v>144</v>
      </c>
    </row>
    <row r="93" spans="1:4" ht="18" customHeight="1" x14ac:dyDescent="0.15">
      <c r="A93" s="5">
        <v>72</v>
      </c>
      <c r="B93" s="22">
        <v>77</v>
      </c>
      <c r="C93" s="14">
        <v>77</v>
      </c>
      <c r="D93" s="18">
        <v>154</v>
      </c>
    </row>
    <row r="94" spans="1:4" ht="18" customHeight="1" x14ac:dyDescent="0.15">
      <c r="A94" s="5">
        <v>73</v>
      </c>
      <c r="B94" s="22">
        <v>76</v>
      </c>
      <c r="C94" s="14">
        <v>67</v>
      </c>
      <c r="D94" s="18">
        <v>143</v>
      </c>
    </row>
    <row r="95" spans="1:4" ht="18" customHeight="1" x14ac:dyDescent="0.15">
      <c r="A95" s="5">
        <v>74</v>
      </c>
      <c r="B95" s="22">
        <v>67</v>
      </c>
      <c r="C95" s="14">
        <v>80</v>
      </c>
      <c r="D95" s="18">
        <v>147</v>
      </c>
    </row>
    <row r="96" spans="1:4" ht="18" customHeight="1" x14ac:dyDescent="0.15">
      <c r="A96" s="5" t="s">
        <v>33</v>
      </c>
      <c r="B96" s="22">
        <v>351</v>
      </c>
      <c r="C96" s="14">
        <v>361</v>
      </c>
      <c r="D96" s="18">
        <v>712</v>
      </c>
    </row>
    <row r="97" spans="1:4" ht="18" customHeight="1" x14ac:dyDescent="0.15">
      <c r="A97" s="5">
        <v>75</v>
      </c>
      <c r="B97" s="22">
        <v>70</v>
      </c>
      <c r="C97" s="14">
        <v>100</v>
      </c>
      <c r="D97" s="18">
        <v>170</v>
      </c>
    </row>
    <row r="98" spans="1:4" ht="18" customHeight="1" x14ac:dyDescent="0.15">
      <c r="A98" s="5">
        <v>76</v>
      </c>
      <c r="B98" s="22">
        <v>85</v>
      </c>
      <c r="C98" s="14">
        <v>77</v>
      </c>
      <c r="D98" s="18">
        <v>162</v>
      </c>
    </row>
    <row r="99" spans="1:4" ht="18" customHeight="1" x14ac:dyDescent="0.15">
      <c r="A99" s="5">
        <v>77</v>
      </c>
      <c r="B99" s="22">
        <v>76</v>
      </c>
      <c r="C99" s="14">
        <v>91</v>
      </c>
      <c r="D99" s="18">
        <v>167</v>
      </c>
    </row>
    <row r="100" spans="1:4" ht="18" customHeight="1" x14ac:dyDescent="0.15">
      <c r="A100" s="5">
        <v>78</v>
      </c>
      <c r="B100" s="22">
        <v>83</v>
      </c>
      <c r="C100" s="14">
        <v>137</v>
      </c>
      <c r="D100" s="18">
        <v>220</v>
      </c>
    </row>
    <row r="101" spans="1:4" ht="18" customHeight="1" x14ac:dyDescent="0.15">
      <c r="A101" s="5">
        <v>79</v>
      </c>
      <c r="B101" s="22">
        <v>57</v>
      </c>
      <c r="C101" s="14">
        <v>77</v>
      </c>
      <c r="D101" s="18">
        <v>134</v>
      </c>
    </row>
    <row r="102" spans="1:4" ht="18" customHeight="1" x14ac:dyDescent="0.15">
      <c r="A102" s="5" t="s">
        <v>0</v>
      </c>
      <c r="B102" s="22">
        <v>371</v>
      </c>
      <c r="C102" s="14">
        <v>482</v>
      </c>
      <c r="D102" s="18">
        <v>853</v>
      </c>
    </row>
    <row r="103" spans="1:4" ht="18" customHeight="1" x14ac:dyDescent="0.15">
      <c r="A103" s="5">
        <v>80</v>
      </c>
      <c r="B103" s="22">
        <v>41</v>
      </c>
      <c r="C103" s="14">
        <v>45</v>
      </c>
      <c r="D103" s="18">
        <v>86</v>
      </c>
    </row>
    <row r="104" spans="1:4" ht="18" customHeight="1" x14ac:dyDescent="0.15">
      <c r="A104" s="5">
        <v>81</v>
      </c>
      <c r="B104" s="22">
        <v>44</v>
      </c>
      <c r="C104" s="14">
        <v>74</v>
      </c>
      <c r="D104" s="18">
        <v>118</v>
      </c>
    </row>
    <row r="105" spans="1:4" ht="18" customHeight="1" x14ac:dyDescent="0.15">
      <c r="A105" s="5">
        <v>82</v>
      </c>
      <c r="B105" s="22">
        <v>45</v>
      </c>
      <c r="C105" s="14">
        <v>66</v>
      </c>
      <c r="D105" s="18">
        <v>111</v>
      </c>
    </row>
    <row r="106" spans="1:4" ht="18" customHeight="1" x14ac:dyDescent="0.15">
      <c r="A106" s="5">
        <v>83</v>
      </c>
      <c r="B106" s="22">
        <v>66</v>
      </c>
      <c r="C106" s="14">
        <v>59</v>
      </c>
      <c r="D106" s="18">
        <v>125</v>
      </c>
    </row>
    <row r="107" spans="1:4" ht="18" customHeight="1" x14ac:dyDescent="0.15">
      <c r="A107" s="5">
        <v>84</v>
      </c>
      <c r="B107" s="22">
        <v>41</v>
      </c>
      <c r="C107" s="14">
        <v>60</v>
      </c>
      <c r="D107" s="18">
        <v>101</v>
      </c>
    </row>
    <row r="108" spans="1:4" ht="18" customHeight="1" x14ac:dyDescent="0.15">
      <c r="A108" s="5" t="s">
        <v>35</v>
      </c>
      <c r="B108" s="22">
        <v>237</v>
      </c>
      <c r="C108" s="14">
        <v>304</v>
      </c>
      <c r="D108" s="18">
        <v>541</v>
      </c>
    </row>
    <row r="109" spans="1:4" ht="18" customHeight="1" x14ac:dyDescent="0.15">
      <c r="A109" s="5">
        <v>85</v>
      </c>
      <c r="B109" s="22">
        <v>42</v>
      </c>
      <c r="C109" s="14">
        <v>49</v>
      </c>
      <c r="D109" s="18">
        <v>91</v>
      </c>
    </row>
    <row r="110" spans="1:4" ht="18" customHeight="1" x14ac:dyDescent="0.15">
      <c r="A110" s="5">
        <v>86</v>
      </c>
      <c r="B110" s="22">
        <v>31</v>
      </c>
      <c r="C110" s="14">
        <v>50</v>
      </c>
      <c r="D110" s="18">
        <v>81</v>
      </c>
    </row>
    <row r="111" spans="1:4" ht="18" customHeight="1" x14ac:dyDescent="0.15">
      <c r="A111" s="5">
        <v>87</v>
      </c>
      <c r="B111" s="22">
        <v>24</v>
      </c>
      <c r="C111" s="14">
        <v>33</v>
      </c>
      <c r="D111" s="18">
        <v>57</v>
      </c>
    </row>
    <row r="112" spans="1:4" ht="18" customHeight="1" x14ac:dyDescent="0.15">
      <c r="A112" s="5">
        <v>88</v>
      </c>
      <c r="B112" s="22">
        <v>19</v>
      </c>
      <c r="C112" s="14">
        <v>40</v>
      </c>
      <c r="D112" s="18">
        <v>59</v>
      </c>
    </row>
    <row r="113" spans="1:4" ht="18" customHeight="1" x14ac:dyDescent="0.15">
      <c r="A113" s="5">
        <v>89</v>
      </c>
      <c r="B113" s="22">
        <v>21</v>
      </c>
      <c r="C113" s="14">
        <v>40</v>
      </c>
      <c r="D113" s="18">
        <v>61</v>
      </c>
    </row>
    <row r="114" spans="1:4" ht="18" customHeight="1" x14ac:dyDescent="0.15">
      <c r="A114" s="5" t="s">
        <v>37</v>
      </c>
      <c r="B114" s="22">
        <v>137</v>
      </c>
      <c r="C114" s="14">
        <v>212</v>
      </c>
      <c r="D114" s="18">
        <v>349</v>
      </c>
    </row>
    <row r="115" spans="1:4" ht="18" customHeight="1" x14ac:dyDescent="0.15">
      <c r="A115" s="5">
        <v>90</v>
      </c>
      <c r="B115" s="22">
        <v>13</v>
      </c>
      <c r="C115" s="14">
        <v>31</v>
      </c>
      <c r="D115" s="18">
        <v>44</v>
      </c>
    </row>
    <row r="116" spans="1:4" ht="18" customHeight="1" x14ac:dyDescent="0.15">
      <c r="A116" s="5">
        <v>91</v>
      </c>
      <c r="B116" s="22">
        <v>13</v>
      </c>
      <c r="C116" s="14">
        <v>27</v>
      </c>
      <c r="D116" s="18">
        <v>40</v>
      </c>
    </row>
    <row r="117" spans="1:4" ht="18" customHeight="1" x14ac:dyDescent="0.15">
      <c r="A117" s="5">
        <v>92</v>
      </c>
      <c r="B117" s="22">
        <v>7</v>
      </c>
      <c r="C117" s="14">
        <v>18</v>
      </c>
      <c r="D117" s="18">
        <v>25</v>
      </c>
    </row>
    <row r="118" spans="1:4" ht="18" customHeight="1" x14ac:dyDescent="0.15">
      <c r="A118" s="5">
        <v>93</v>
      </c>
      <c r="B118" s="22">
        <v>3</v>
      </c>
      <c r="C118" s="14">
        <v>22</v>
      </c>
      <c r="D118" s="18">
        <v>25</v>
      </c>
    </row>
    <row r="119" spans="1:4" ht="18" customHeight="1" x14ac:dyDescent="0.15">
      <c r="A119" s="5">
        <v>94</v>
      </c>
      <c r="B119" s="22">
        <v>3</v>
      </c>
      <c r="C119" s="14">
        <v>15</v>
      </c>
      <c r="D119" s="18">
        <v>18</v>
      </c>
    </row>
    <row r="120" spans="1:4" ht="18" customHeight="1" x14ac:dyDescent="0.15">
      <c r="A120" s="5" t="s">
        <v>39</v>
      </c>
      <c r="B120" s="22">
        <v>39</v>
      </c>
      <c r="C120" s="14">
        <v>113</v>
      </c>
      <c r="D120" s="18">
        <v>152</v>
      </c>
    </row>
    <row r="121" spans="1:4" ht="18" customHeight="1" x14ac:dyDescent="0.15">
      <c r="A121" s="5">
        <v>95</v>
      </c>
      <c r="B121" s="22">
        <v>5</v>
      </c>
      <c r="C121" s="14">
        <v>11</v>
      </c>
      <c r="D121" s="18">
        <v>16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13</v>
      </c>
      <c r="D123" s="18">
        <v>13</v>
      </c>
    </row>
    <row r="124" spans="1:4" ht="18" customHeight="1" x14ac:dyDescent="0.15">
      <c r="A124" s="5">
        <v>98</v>
      </c>
      <c r="B124" s="22">
        <v>2</v>
      </c>
      <c r="C124" s="14">
        <v>7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10</v>
      </c>
      <c r="C126" s="14">
        <v>43</v>
      </c>
      <c r="D126" s="18">
        <v>5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476</v>
      </c>
      <c r="C130" s="14">
        <v>1856</v>
      </c>
      <c r="D130" s="18">
        <v>3332</v>
      </c>
    </row>
    <row r="131" spans="1:4" ht="18" customHeight="1" x14ac:dyDescent="0.15">
      <c r="A131" s="7" t="s">
        <v>45</v>
      </c>
      <c r="B131" s="23">
        <v>6298</v>
      </c>
      <c r="C131" s="15">
        <v>6265</v>
      </c>
      <c r="D131" s="19">
        <v>125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44</v>
      </c>
      <c r="C5" s="29">
        <v>937</v>
      </c>
      <c r="D5" s="31">
        <v>1881</v>
      </c>
    </row>
    <row r="6" spans="1:4" ht="18" customHeight="1" x14ac:dyDescent="0.15">
      <c r="A6" s="5">
        <v>1</v>
      </c>
      <c r="B6" s="27">
        <v>901</v>
      </c>
      <c r="C6" s="14">
        <v>919</v>
      </c>
      <c r="D6" s="18">
        <v>1820</v>
      </c>
    </row>
    <row r="7" spans="1:4" ht="18" customHeight="1" x14ac:dyDescent="0.15">
      <c r="A7" s="5">
        <v>2</v>
      </c>
      <c r="B7" s="27">
        <v>1036</v>
      </c>
      <c r="C7" s="14">
        <v>963</v>
      </c>
      <c r="D7" s="18">
        <v>1999</v>
      </c>
    </row>
    <row r="8" spans="1:4" ht="18" customHeight="1" x14ac:dyDescent="0.15">
      <c r="A8" s="5">
        <v>3</v>
      </c>
      <c r="B8" s="27">
        <v>1060</v>
      </c>
      <c r="C8" s="14">
        <v>1010</v>
      </c>
      <c r="D8" s="18">
        <v>2070</v>
      </c>
    </row>
    <row r="9" spans="1:4" ht="18" customHeight="1" x14ac:dyDescent="0.15">
      <c r="A9" s="5">
        <v>4</v>
      </c>
      <c r="B9" s="28">
        <v>1073</v>
      </c>
      <c r="C9" s="30">
        <v>1047</v>
      </c>
      <c r="D9" s="32">
        <v>2120</v>
      </c>
    </row>
    <row r="10" spans="1:4" ht="18" customHeight="1" x14ac:dyDescent="0.15">
      <c r="A10" s="5" t="s">
        <v>7</v>
      </c>
      <c r="B10" s="22">
        <v>5014</v>
      </c>
      <c r="C10" s="14">
        <v>4876</v>
      </c>
      <c r="D10" s="18">
        <v>9890</v>
      </c>
    </row>
    <row r="11" spans="1:4" ht="18" customHeight="1" x14ac:dyDescent="0.15">
      <c r="A11" s="5">
        <v>5</v>
      </c>
      <c r="B11" s="27">
        <v>1125</v>
      </c>
      <c r="C11" s="14">
        <v>1038</v>
      </c>
      <c r="D11" s="18">
        <v>2163</v>
      </c>
    </row>
    <row r="12" spans="1:4" ht="18" customHeight="1" x14ac:dyDescent="0.15">
      <c r="A12" s="5">
        <v>6</v>
      </c>
      <c r="B12" s="27">
        <v>1153</v>
      </c>
      <c r="C12" s="14">
        <v>1103</v>
      </c>
      <c r="D12" s="18">
        <v>2256</v>
      </c>
    </row>
    <row r="13" spans="1:4" ht="18" customHeight="1" x14ac:dyDescent="0.15">
      <c r="A13" s="5">
        <v>7</v>
      </c>
      <c r="B13" s="27">
        <v>1197</v>
      </c>
      <c r="C13" s="14">
        <v>1137</v>
      </c>
      <c r="D13" s="18">
        <v>2334</v>
      </c>
    </row>
    <row r="14" spans="1:4" ht="18" customHeight="1" x14ac:dyDescent="0.15">
      <c r="A14" s="5">
        <v>8</v>
      </c>
      <c r="B14" s="27">
        <v>1199</v>
      </c>
      <c r="C14" s="14">
        <v>1156</v>
      </c>
      <c r="D14" s="18">
        <v>2355</v>
      </c>
    </row>
    <row r="15" spans="1:4" ht="18" customHeight="1" x14ac:dyDescent="0.15">
      <c r="A15" s="5">
        <v>9</v>
      </c>
      <c r="B15" s="27">
        <v>1266</v>
      </c>
      <c r="C15" s="14">
        <v>1241</v>
      </c>
      <c r="D15" s="18">
        <v>2507</v>
      </c>
    </row>
    <row r="16" spans="1:4" ht="18" customHeight="1" x14ac:dyDescent="0.15">
      <c r="A16" s="5" t="s">
        <v>11</v>
      </c>
      <c r="B16" s="22">
        <v>5940</v>
      </c>
      <c r="C16" s="14">
        <v>5675</v>
      </c>
      <c r="D16" s="18">
        <v>11615</v>
      </c>
    </row>
    <row r="17" spans="1:4" ht="18" customHeight="1" x14ac:dyDescent="0.15">
      <c r="A17" s="5">
        <v>10</v>
      </c>
      <c r="B17" s="22">
        <v>1237</v>
      </c>
      <c r="C17" s="14">
        <v>1220</v>
      </c>
      <c r="D17" s="18">
        <v>2457</v>
      </c>
    </row>
    <row r="18" spans="1:4" ht="18" customHeight="1" x14ac:dyDescent="0.15">
      <c r="A18" s="5">
        <v>11</v>
      </c>
      <c r="B18" s="22">
        <v>1234</v>
      </c>
      <c r="C18" s="14">
        <v>1235</v>
      </c>
      <c r="D18" s="18">
        <v>2469</v>
      </c>
    </row>
    <row r="19" spans="1:4" ht="18" customHeight="1" x14ac:dyDescent="0.15">
      <c r="A19" s="5">
        <v>12</v>
      </c>
      <c r="B19" s="22">
        <v>1290</v>
      </c>
      <c r="C19" s="14">
        <v>1217</v>
      </c>
      <c r="D19" s="18">
        <v>2507</v>
      </c>
    </row>
    <row r="20" spans="1:4" ht="18" customHeight="1" x14ac:dyDescent="0.15">
      <c r="A20" s="5">
        <v>13</v>
      </c>
      <c r="B20" s="22">
        <v>1315</v>
      </c>
      <c r="C20" s="14">
        <v>1252</v>
      </c>
      <c r="D20" s="18">
        <v>2567</v>
      </c>
    </row>
    <row r="21" spans="1:4" ht="18" customHeight="1" x14ac:dyDescent="0.15">
      <c r="A21" s="5">
        <v>14</v>
      </c>
      <c r="B21" s="22">
        <v>1290</v>
      </c>
      <c r="C21" s="14">
        <v>1285</v>
      </c>
      <c r="D21" s="18">
        <v>2575</v>
      </c>
    </row>
    <row r="22" spans="1:4" ht="18" customHeight="1" x14ac:dyDescent="0.15">
      <c r="A22" s="5" t="s">
        <v>12</v>
      </c>
      <c r="B22" s="22">
        <v>6366</v>
      </c>
      <c r="C22" s="14">
        <v>6209</v>
      </c>
      <c r="D22" s="18">
        <v>12575</v>
      </c>
    </row>
    <row r="23" spans="1:4" ht="18" customHeight="1" x14ac:dyDescent="0.15">
      <c r="A23" s="5" t="s">
        <v>6</v>
      </c>
      <c r="B23" s="22">
        <v>17320</v>
      </c>
      <c r="C23" s="14">
        <v>16760</v>
      </c>
      <c r="D23" s="18">
        <v>34080</v>
      </c>
    </row>
    <row r="24" spans="1:4" ht="18" customHeight="1" x14ac:dyDescent="0.15">
      <c r="A24" s="5">
        <v>15</v>
      </c>
      <c r="B24" s="22">
        <v>1394</v>
      </c>
      <c r="C24" s="14">
        <v>1228</v>
      </c>
      <c r="D24" s="18">
        <v>2622</v>
      </c>
    </row>
    <row r="25" spans="1:4" ht="18" customHeight="1" x14ac:dyDescent="0.15">
      <c r="A25" s="5">
        <v>16</v>
      </c>
      <c r="B25" s="22">
        <v>1313</v>
      </c>
      <c r="C25" s="14">
        <v>1289</v>
      </c>
      <c r="D25" s="18">
        <v>2602</v>
      </c>
    </row>
    <row r="26" spans="1:4" ht="18" customHeight="1" x14ac:dyDescent="0.15">
      <c r="A26" s="5">
        <v>17</v>
      </c>
      <c r="B26" s="22">
        <v>1370</v>
      </c>
      <c r="C26" s="14">
        <v>1307</v>
      </c>
      <c r="D26" s="18">
        <v>2677</v>
      </c>
    </row>
    <row r="27" spans="1:4" ht="18" customHeight="1" x14ac:dyDescent="0.15">
      <c r="A27" s="5">
        <v>18</v>
      </c>
      <c r="B27" s="22">
        <v>1396</v>
      </c>
      <c r="C27" s="14">
        <v>1347</v>
      </c>
      <c r="D27" s="18">
        <v>2743</v>
      </c>
    </row>
    <row r="28" spans="1:4" ht="18" customHeight="1" x14ac:dyDescent="0.15">
      <c r="A28" s="5">
        <v>19</v>
      </c>
      <c r="B28" s="22">
        <v>1493</v>
      </c>
      <c r="C28" s="14">
        <v>1403</v>
      </c>
      <c r="D28" s="18">
        <v>2896</v>
      </c>
    </row>
    <row r="29" spans="1:4" ht="18" customHeight="1" x14ac:dyDescent="0.15">
      <c r="A29" s="5" t="s">
        <v>14</v>
      </c>
      <c r="B29" s="22">
        <v>6966</v>
      </c>
      <c r="C29" s="14">
        <v>6574</v>
      </c>
      <c r="D29" s="18">
        <v>13540</v>
      </c>
    </row>
    <row r="30" spans="1:4" ht="18" customHeight="1" x14ac:dyDescent="0.15">
      <c r="A30" s="5">
        <v>20</v>
      </c>
      <c r="B30" s="22">
        <v>1504</v>
      </c>
      <c r="C30" s="14">
        <v>1357</v>
      </c>
      <c r="D30" s="18">
        <v>2861</v>
      </c>
    </row>
    <row r="31" spans="1:4" ht="18" customHeight="1" x14ac:dyDescent="0.15">
      <c r="A31" s="5">
        <v>21</v>
      </c>
      <c r="B31" s="22">
        <v>1642</v>
      </c>
      <c r="C31" s="14">
        <v>1505</v>
      </c>
      <c r="D31" s="18">
        <v>3147</v>
      </c>
    </row>
    <row r="32" spans="1:4" ht="18" customHeight="1" x14ac:dyDescent="0.15">
      <c r="A32" s="5">
        <v>22</v>
      </c>
      <c r="B32" s="22">
        <v>1627</v>
      </c>
      <c r="C32" s="14">
        <v>1435</v>
      </c>
      <c r="D32" s="18">
        <v>3062</v>
      </c>
    </row>
    <row r="33" spans="1:4" ht="18" customHeight="1" x14ac:dyDescent="0.15">
      <c r="A33" s="5">
        <v>23</v>
      </c>
      <c r="B33" s="22">
        <v>1726</v>
      </c>
      <c r="C33" s="14">
        <v>1456</v>
      </c>
      <c r="D33" s="18">
        <v>3182</v>
      </c>
    </row>
    <row r="34" spans="1:4" ht="18" customHeight="1" x14ac:dyDescent="0.15">
      <c r="A34" s="5">
        <v>24</v>
      </c>
      <c r="B34" s="22">
        <v>1765</v>
      </c>
      <c r="C34" s="14">
        <v>1474</v>
      </c>
      <c r="D34" s="18">
        <v>3239</v>
      </c>
    </row>
    <row r="35" spans="1:4" ht="18" customHeight="1" x14ac:dyDescent="0.15">
      <c r="A35" s="5" t="s">
        <v>9</v>
      </c>
      <c r="B35" s="22">
        <v>8264</v>
      </c>
      <c r="C35" s="14">
        <v>7227</v>
      </c>
      <c r="D35" s="18">
        <v>15491</v>
      </c>
    </row>
    <row r="36" spans="1:4" ht="18" customHeight="1" x14ac:dyDescent="0.15">
      <c r="A36" s="5">
        <v>25</v>
      </c>
      <c r="B36" s="22">
        <v>1776</v>
      </c>
      <c r="C36" s="14">
        <v>1521</v>
      </c>
      <c r="D36" s="18">
        <v>3297</v>
      </c>
    </row>
    <row r="37" spans="1:4" ht="18" customHeight="1" x14ac:dyDescent="0.15">
      <c r="A37" s="5">
        <v>26</v>
      </c>
      <c r="B37" s="22">
        <v>1728</v>
      </c>
      <c r="C37" s="14">
        <v>1549</v>
      </c>
      <c r="D37" s="18">
        <v>3277</v>
      </c>
    </row>
    <row r="38" spans="1:4" ht="18" customHeight="1" x14ac:dyDescent="0.15">
      <c r="A38" s="5">
        <v>27</v>
      </c>
      <c r="B38" s="22">
        <v>1626</v>
      </c>
      <c r="C38" s="14">
        <v>1442</v>
      </c>
      <c r="D38" s="18">
        <v>3068</v>
      </c>
    </row>
    <row r="39" spans="1:4" ht="18" customHeight="1" x14ac:dyDescent="0.15">
      <c r="A39" s="5">
        <v>28</v>
      </c>
      <c r="B39" s="22">
        <v>1765</v>
      </c>
      <c r="C39" s="14">
        <v>1520</v>
      </c>
      <c r="D39" s="18">
        <v>3285</v>
      </c>
    </row>
    <row r="40" spans="1:4" ht="18" customHeight="1" x14ac:dyDescent="0.15">
      <c r="A40" s="5">
        <v>29</v>
      </c>
      <c r="B40" s="22">
        <v>1740</v>
      </c>
      <c r="C40" s="14">
        <v>1611</v>
      </c>
      <c r="D40" s="18">
        <v>3351</v>
      </c>
    </row>
    <row r="41" spans="1:4" ht="18" customHeight="1" x14ac:dyDescent="0.15">
      <c r="A41" s="5" t="s">
        <v>2</v>
      </c>
      <c r="B41" s="22">
        <v>8635</v>
      </c>
      <c r="C41" s="14">
        <v>7643</v>
      </c>
      <c r="D41" s="18">
        <v>16278</v>
      </c>
    </row>
    <row r="42" spans="1:4" ht="18" customHeight="1" x14ac:dyDescent="0.15">
      <c r="A42" s="5">
        <v>30</v>
      </c>
      <c r="B42" s="22">
        <v>1757</v>
      </c>
      <c r="C42" s="14">
        <v>1473</v>
      </c>
      <c r="D42" s="18">
        <v>3230</v>
      </c>
    </row>
    <row r="43" spans="1:4" ht="18" customHeight="1" x14ac:dyDescent="0.15">
      <c r="A43" s="5">
        <v>31</v>
      </c>
      <c r="B43" s="22">
        <v>1752</v>
      </c>
      <c r="C43" s="14">
        <v>1535</v>
      </c>
      <c r="D43" s="18">
        <v>3287</v>
      </c>
    </row>
    <row r="44" spans="1:4" ht="18" customHeight="1" x14ac:dyDescent="0.15">
      <c r="A44" s="5">
        <v>32</v>
      </c>
      <c r="B44" s="22">
        <v>1650</v>
      </c>
      <c r="C44" s="14">
        <v>1451</v>
      </c>
      <c r="D44" s="18">
        <v>3101</v>
      </c>
    </row>
    <row r="45" spans="1:4" ht="18" customHeight="1" x14ac:dyDescent="0.15">
      <c r="A45" s="5">
        <v>33</v>
      </c>
      <c r="B45" s="22">
        <v>1555</v>
      </c>
      <c r="C45" s="14">
        <v>1458</v>
      </c>
      <c r="D45" s="18">
        <v>3013</v>
      </c>
    </row>
    <row r="46" spans="1:4" ht="18" customHeight="1" x14ac:dyDescent="0.15">
      <c r="A46" s="5">
        <v>34</v>
      </c>
      <c r="B46" s="22">
        <v>1631</v>
      </c>
      <c r="C46" s="14">
        <v>1498</v>
      </c>
      <c r="D46" s="18">
        <v>3129</v>
      </c>
    </row>
    <row r="47" spans="1:4" ht="18" customHeight="1" x14ac:dyDescent="0.15">
      <c r="A47" s="5" t="s">
        <v>15</v>
      </c>
      <c r="B47" s="22">
        <v>8345</v>
      </c>
      <c r="C47" s="14">
        <v>7415</v>
      </c>
      <c r="D47" s="18">
        <v>15760</v>
      </c>
    </row>
    <row r="48" spans="1:4" ht="18" customHeight="1" x14ac:dyDescent="0.15">
      <c r="A48" s="5">
        <v>35</v>
      </c>
      <c r="B48" s="22">
        <v>1684</v>
      </c>
      <c r="C48" s="14">
        <v>1455</v>
      </c>
      <c r="D48" s="18">
        <v>3139</v>
      </c>
    </row>
    <row r="49" spans="1:4" ht="18" customHeight="1" x14ac:dyDescent="0.15">
      <c r="A49" s="5">
        <v>36</v>
      </c>
      <c r="B49" s="22">
        <v>1661</v>
      </c>
      <c r="C49" s="14">
        <v>1473</v>
      </c>
      <c r="D49" s="18">
        <v>3134</v>
      </c>
    </row>
    <row r="50" spans="1:4" ht="18" customHeight="1" x14ac:dyDescent="0.15">
      <c r="A50" s="5">
        <v>37</v>
      </c>
      <c r="B50" s="22">
        <v>1737</v>
      </c>
      <c r="C50" s="14">
        <v>1538</v>
      </c>
      <c r="D50" s="18">
        <v>3275</v>
      </c>
    </row>
    <row r="51" spans="1:4" ht="18" customHeight="1" x14ac:dyDescent="0.15">
      <c r="A51" s="5">
        <v>38</v>
      </c>
      <c r="B51" s="22">
        <v>1641</v>
      </c>
      <c r="C51" s="14">
        <v>1558</v>
      </c>
      <c r="D51" s="18">
        <v>3199</v>
      </c>
    </row>
    <row r="52" spans="1:4" ht="18" customHeight="1" x14ac:dyDescent="0.15">
      <c r="A52" s="5">
        <v>39</v>
      </c>
      <c r="B52" s="22">
        <v>1809</v>
      </c>
      <c r="C52" s="14">
        <v>1654</v>
      </c>
      <c r="D52" s="18">
        <v>3463</v>
      </c>
    </row>
    <row r="53" spans="1:4" ht="18" customHeight="1" x14ac:dyDescent="0.15">
      <c r="A53" s="5" t="s">
        <v>18</v>
      </c>
      <c r="B53" s="22">
        <v>8532</v>
      </c>
      <c r="C53" s="14">
        <v>7678</v>
      </c>
      <c r="D53" s="18">
        <v>16210</v>
      </c>
    </row>
    <row r="54" spans="1:4" ht="18" customHeight="1" x14ac:dyDescent="0.15">
      <c r="A54" s="5">
        <v>40</v>
      </c>
      <c r="B54" s="22">
        <v>1861</v>
      </c>
      <c r="C54" s="14">
        <v>1760</v>
      </c>
      <c r="D54" s="18">
        <v>3621</v>
      </c>
    </row>
    <row r="55" spans="1:4" ht="18" customHeight="1" x14ac:dyDescent="0.15">
      <c r="A55" s="5">
        <v>41</v>
      </c>
      <c r="B55" s="22">
        <v>1968</v>
      </c>
      <c r="C55" s="14">
        <v>1769</v>
      </c>
      <c r="D55" s="18">
        <v>3737</v>
      </c>
    </row>
    <row r="56" spans="1:4" ht="18" customHeight="1" x14ac:dyDescent="0.15">
      <c r="A56" s="5">
        <v>42</v>
      </c>
      <c r="B56" s="22">
        <v>1849</v>
      </c>
      <c r="C56" s="14">
        <v>1689</v>
      </c>
      <c r="D56" s="18">
        <v>3538</v>
      </c>
    </row>
    <row r="57" spans="1:4" ht="18" customHeight="1" x14ac:dyDescent="0.15">
      <c r="A57" s="5">
        <v>43</v>
      </c>
      <c r="B57" s="22">
        <v>1956</v>
      </c>
      <c r="C57" s="14">
        <v>1754</v>
      </c>
      <c r="D57" s="18">
        <v>3710</v>
      </c>
    </row>
    <row r="58" spans="1:4" ht="18" customHeight="1" x14ac:dyDescent="0.15">
      <c r="A58" s="5">
        <v>44</v>
      </c>
      <c r="B58" s="22">
        <v>1914</v>
      </c>
      <c r="C58" s="14">
        <v>1900</v>
      </c>
      <c r="D58" s="18">
        <v>3814</v>
      </c>
    </row>
    <row r="59" spans="1:4" ht="18" customHeight="1" x14ac:dyDescent="0.15">
      <c r="A59" s="5" t="s">
        <v>21</v>
      </c>
      <c r="B59" s="22">
        <v>9548</v>
      </c>
      <c r="C59" s="14">
        <v>8872</v>
      </c>
      <c r="D59" s="18">
        <v>18420</v>
      </c>
    </row>
    <row r="60" spans="1:4" ht="18" customHeight="1" x14ac:dyDescent="0.15">
      <c r="A60" s="5">
        <v>45</v>
      </c>
      <c r="B60" s="22">
        <v>1946</v>
      </c>
      <c r="C60" s="14">
        <v>1823</v>
      </c>
      <c r="D60" s="18">
        <v>3769</v>
      </c>
    </row>
    <row r="61" spans="1:4" ht="18" customHeight="1" x14ac:dyDescent="0.15">
      <c r="A61" s="5">
        <v>46</v>
      </c>
      <c r="B61" s="22">
        <v>2052</v>
      </c>
      <c r="C61" s="14">
        <v>1941</v>
      </c>
      <c r="D61" s="18">
        <v>3993</v>
      </c>
    </row>
    <row r="62" spans="1:4" ht="18" customHeight="1" x14ac:dyDescent="0.15">
      <c r="A62" s="5">
        <v>47</v>
      </c>
      <c r="B62" s="22">
        <v>2216</v>
      </c>
      <c r="C62" s="14">
        <v>2131</v>
      </c>
      <c r="D62" s="18">
        <v>4347</v>
      </c>
    </row>
    <row r="63" spans="1:4" ht="18" customHeight="1" x14ac:dyDescent="0.15">
      <c r="A63" s="5">
        <v>48</v>
      </c>
      <c r="B63" s="22">
        <v>2297</v>
      </c>
      <c r="C63" s="14">
        <v>2066</v>
      </c>
      <c r="D63" s="18">
        <v>4363</v>
      </c>
    </row>
    <row r="64" spans="1:4" ht="18" customHeight="1" x14ac:dyDescent="0.15">
      <c r="A64" s="5">
        <v>49</v>
      </c>
      <c r="B64" s="22">
        <v>2388</v>
      </c>
      <c r="C64" s="14">
        <v>2255</v>
      </c>
      <c r="D64" s="18">
        <v>4643</v>
      </c>
    </row>
    <row r="65" spans="1:4" ht="18" customHeight="1" x14ac:dyDescent="0.15">
      <c r="A65" s="5" t="s">
        <v>17</v>
      </c>
      <c r="B65" s="22">
        <v>10899</v>
      </c>
      <c r="C65" s="14">
        <v>10216</v>
      </c>
      <c r="D65" s="18">
        <v>21115</v>
      </c>
    </row>
    <row r="66" spans="1:4" ht="18" customHeight="1" x14ac:dyDescent="0.15">
      <c r="A66" s="5">
        <v>50</v>
      </c>
      <c r="B66" s="22">
        <v>2546</v>
      </c>
      <c r="C66" s="14">
        <v>2361</v>
      </c>
      <c r="D66" s="18">
        <v>4907</v>
      </c>
    </row>
    <row r="67" spans="1:4" ht="18" customHeight="1" x14ac:dyDescent="0.15">
      <c r="A67" s="5">
        <v>51</v>
      </c>
      <c r="B67" s="22">
        <v>2703</v>
      </c>
      <c r="C67" s="14">
        <v>2639</v>
      </c>
      <c r="D67" s="18">
        <v>5342</v>
      </c>
    </row>
    <row r="68" spans="1:4" ht="18" customHeight="1" x14ac:dyDescent="0.15">
      <c r="A68" s="5">
        <v>52</v>
      </c>
      <c r="B68" s="22">
        <v>2721</v>
      </c>
      <c r="C68" s="14">
        <v>2694</v>
      </c>
      <c r="D68" s="18">
        <v>5415</v>
      </c>
    </row>
    <row r="69" spans="1:4" ht="18" customHeight="1" x14ac:dyDescent="0.15">
      <c r="A69" s="5">
        <v>53</v>
      </c>
      <c r="B69" s="22">
        <v>2733</v>
      </c>
      <c r="C69" s="14">
        <v>2641</v>
      </c>
      <c r="D69" s="18">
        <v>5374</v>
      </c>
    </row>
    <row r="70" spans="1:4" ht="18" customHeight="1" x14ac:dyDescent="0.15">
      <c r="A70" s="5">
        <v>54</v>
      </c>
      <c r="B70" s="22">
        <v>2651</v>
      </c>
      <c r="C70" s="14">
        <v>2479</v>
      </c>
      <c r="D70" s="18">
        <v>5130</v>
      </c>
    </row>
    <row r="71" spans="1:4" ht="18" customHeight="1" x14ac:dyDescent="0.15">
      <c r="A71" s="5" t="s">
        <v>22</v>
      </c>
      <c r="B71" s="22">
        <v>13354</v>
      </c>
      <c r="C71" s="14">
        <v>12814</v>
      </c>
      <c r="D71" s="18">
        <v>26168</v>
      </c>
    </row>
    <row r="72" spans="1:4" ht="18" customHeight="1" x14ac:dyDescent="0.15">
      <c r="A72" s="5">
        <v>55</v>
      </c>
      <c r="B72" s="22">
        <v>2499</v>
      </c>
      <c r="C72" s="14">
        <v>2425</v>
      </c>
      <c r="D72" s="18">
        <v>4924</v>
      </c>
    </row>
    <row r="73" spans="1:4" ht="18" customHeight="1" x14ac:dyDescent="0.15">
      <c r="A73" s="5">
        <v>56</v>
      </c>
      <c r="B73" s="22">
        <v>2379</v>
      </c>
      <c r="C73" s="14">
        <v>2265</v>
      </c>
      <c r="D73" s="18">
        <v>4644</v>
      </c>
    </row>
    <row r="74" spans="1:4" ht="18" customHeight="1" x14ac:dyDescent="0.15">
      <c r="A74" s="5">
        <v>57</v>
      </c>
      <c r="B74" s="22">
        <v>2351</v>
      </c>
      <c r="C74" s="14">
        <v>2224</v>
      </c>
      <c r="D74" s="18">
        <v>4575</v>
      </c>
    </row>
    <row r="75" spans="1:4" ht="18" customHeight="1" x14ac:dyDescent="0.15">
      <c r="A75" s="5">
        <v>58</v>
      </c>
      <c r="B75" s="22">
        <v>2351</v>
      </c>
      <c r="C75" s="14">
        <v>2286</v>
      </c>
      <c r="D75" s="18">
        <v>4637</v>
      </c>
    </row>
    <row r="76" spans="1:4" ht="18" customHeight="1" x14ac:dyDescent="0.15">
      <c r="A76" s="5">
        <v>59</v>
      </c>
      <c r="B76" s="22">
        <v>1636</v>
      </c>
      <c r="C76" s="14">
        <v>1662</v>
      </c>
      <c r="D76" s="18">
        <v>3298</v>
      </c>
    </row>
    <row r="77" spans="1:4" ht="18" customHeight="1" x14ac:dyDescent="0.15">
      <c r="A77" s="5" t="s">
        <v>27</v>
      </c>
      <c r="B77" s="22">
        <v>11216</v>
      </c>
      <c r="C77" s="14">
        <v>10862</v>
      </c>
      <c r="D77" s="18">
        <v>22078</v>
      </c>
    </row>
    <row r="78" spans="1:4" ht="18" customHeight="1" x14ac:dyDescent="0.15">
      <c r="A78" s="5">
        <v>60</v>
      </c>
      <c r="B78" s="22">
        <v>2056</v>
      </c>
      <c r="C78" s="14">
        <v>2106</v>
      </c>
      <c r="D78" s="18">
        <v>4162</v>
      </c>
    </row>
    <row r="79" spans="1:4" ht="18" customHeight="1" x14ac:dyDescent="0.15">
      <c r="A79" s="5">
        <v>61</v>
      </c>
      <c r="B79" s="22">
        <v>1949</v>
      </c>
      <c r="C79" s="14">
        <v>1996</v>
      </c>
      <c r="D79" s="18">
        <v>3945</v>
      </c>
    </row>
    <row r="80" spans="1:4" ht="18" customHeight="1" x14ac:dyDescent="0.15">
      <c r="A80" s="5">
        <v>62</v>
      </c>
      <c r="B80" s="22">
        <v>1906</v>
      </c>
      <c r="C80" s="14">
        <v>1937</v>
      </c>
      <c r="D80" s="18">
        <v>3843</v>
      </c>
    </row>
    <row r="81" spans="1:4" ht="18" customHeight="1" x14ac:dyDescent="0.15">
      <c r="A81" s="5">
        <v>63</v>
      </c>
      <c r="B81" s="22">
        <v>1809</v>
      </c>
      <c r="C81" s="14">
        <v>1847</v>
      </c>
      <c r="D81" s="18">
        <v>3656</v>
      </c>
    </row>
    <row r="82" spans="1:4" ht="18" customHeight="1" x14ac:dyDescent="0.15">
      <c r="A82" s="5">
        <v>64</v>
      </c>
      <c r="B82" s="22">
        <v>1708</v>
      </c>
      <c r="C82" s="14">
        <v>1781</v>
      </c>
      <c r="D82" s="18">
        <v>3489</v>
      </c>
    </row>
    <row r="83" spans="1:4" ht="18" customHeight="1" x14ac:dyDescent="0.15">
      <c r="A83" s="5" t="s">
        <v>28</v>
      </c>
      <c r="B83" s="22">
        <v>9428</v>
      </c>
      <c r="C83" s="14">
        <v>9667</v>
      </c>
      <c r="D83" s="18">
        <v>19095</v>
      </c>
    </row>
    <row r="84" spans="1:4" ht="18" customHeight="1" x14ac:dyDescent="0.15">
      <c r="A84" s="5" t="s">
        <v>31</v>
      </c>
      <c r="B84" s="22">
        <v>95187</v>
      </c>
      <c r="C84" s="14">
        <v>88968</v>
      </c>
      <c r="D84" s="18">
        <v>184155</v>
      </c>
    </row>
    <row r="85" spans="1:4" ht="18" customHeight="1" x14ac:dyDescent="0.15">
      <c r="A85" s="5">
        <v>65</v>
      </c>
      <c r="B85" s="22">
        <v>1730</v>
      </c>
      <c r="C85" s="14">
        <v>1836</v>
      </c>
      <c r="D85" s="18">
        <v>3566</v>
      </c>
    </row>
    <row r="86" spans="1:4" ht="18" customHeight="1" x14ac:dyDescent="0.15">
      <c r="A86" s="5">
        <v>66</v>
      </c>
      <c r="B86" s="22">
        <v>1696</v>
      </c>
      <c r="C86" s="14">
        <v>1817</v>
      </c>
      <c r="D86" s="18">
        <v>3513</v>
      </c>
    </row>
    <row r="87" spans="1:4" ht="18" customHeight="1" x14ac:dyDescent="0.15">
      <c r="A87" s="5">
        <v>67</v>
      </c>
      <c r="B87" s="22">
        <v>1670</v>
      </c>
      <c r="C87" s="14">
        <v>1861</v>
      </c>
      <c r="D87" s="18">
        <v>3531</v>
      </c>
    </row>
    <row r="88" spans="1:4" ht="18" customHeight="1" x14ac:dyDescent="0.15">
      <c r="A88" s="5">
        <v>68</v>
      </c>
      <c r="B88" s="22">
        <v>1605</v>
      </c>
      <c r="C88" s="14">
        <v>1645</v>
      </c>
      <c r="D88" s="18">
        <v>3250</v>
      </c>
    </row>
    <row r="89" spans="1:4" ht="18" customHeight="1" x14ac:dyDescent="0.15">
      <c r="A89" s="5">
        <v>69</v>
      </c>
      <c r="B89" s="22">
        <v>1524</v>
      </c>
      <c r="C89" s="14">
        <v>1786</v>
      </c>
      <c r="D89" s="18">
        <v>3310</v>
      </c>
    </row>
    <row r="90" spans="1:4" ht="18" customHeight="1" x14ac:dyDescent="0.15">
      <c r="A90" s="5" t="s">
        <v>20</v>
      </c>
      <c r="B90" s="22">
        <v>8225</v>
      </c>
      <c r="C90" s="14">
        <v>8945</v>
      </c>
      <c r="D90" s="18">
        <v>17170</v>
      </c>
    </row>
    <row r="91" spans="1:4" ht="18" customHeight="1" x14ac:dyDescent="0.15">
      <c r="A91" s="5">
        <v>70</v>
      </c>
      <c r="B91" s="22">
        <v>1773</v>
      </c>
      <c r="C91" s="14">
        <v>1890</v>
      </c>
      <c r="D91" s="18">
        <v>3663</v>
      </c>
    </row>
    <row r="92" spans="1:4" ht="18" customHeight="1" x14ac:dyDescent="0.15">
      <c r="A92" s="5">
        <v>71</v>
      </c>
      <c r="B92" s="22">
        <v>1682</v>
      </c>
      <c r="C92" s="14">
        <v>1881</v>
      </c>
      <c r="D92" s="18">
        <v>3563</v>
      </c>
    </row>
    <row r="93" spans="1:4" ht="18" customHeight="1" x14ac:dyDescent="0.15">
      <c r="A93" s="5">
        <v>72</v>
      </c>
      <c r="B93" s="22">
        <v>1762</v>
      </c>
      <c r="C93" s="14">
        <v>2060</v>
      </c>
      <c r="D93" s="18">
        <v>3822</v>
      </c>
    </row>
    <row r="94" spans="1:4" ht="18" customHeight="1" x14ac:dyDescent="0.15">
      <c r="A94" s="5">
        <v>73</v>
      </c>
      <c r="B94" s="22">
        <v>1873</v>
      </c>
      <c r="C94" s="14">
        <v>2042</v>
      </c>
      <c r="D94" s="18">
        <v>3915</v>
      </c>
    </row>
    <row r="95" spans="1:4" ht="18" customHeight="1" x14ac:dyDescent="0.15">
      <c r="A95" s="5">
        <v>74</v>
      </c>
      <c r="B95" s="22">
        <v>1748</v>
      </c>
      <c r="C95" s="14">
        <v>2146</v>
      </c>
      <c r="D95" s="18">
        <v>3894</v>
      </c>
    </row>
    <row r="96" spans="1:4" ht="18" customHeight="1" x14ac:dyDescent="0.15">
      <c r="A96" s="5" t="s">
        <v>33</v>
      </c>
      <c r="B96" s="22">
        <v>8838</v>
      </c>
      <c r="C96" s="14">
        <v>10019</v>
      </c>
      <c r="D96" s="18">
        <v>18857</v>
      </c>
    </row>
    <row r="97" spans="1:4" ht="18" customHeight="1" x14ac:dyDescent="0.15">
      <c r="A97" s="5">
        <v>75</v>
      </c>
      <c r="B97" s="22">
        <v>1946</v>
      </c>
      <c r="C97" s="14">
        <v>2457</v>
      </c>
      <c r="D97" s="18">
        <v>4403</v>
      </c>
    </row>
    <row r="98" spans="1:4" ht="18" customHeight="1" x14ac:dyDescent="0.15">
      <c r="A98" s="5">
        <v>76</v>
      </c>
      <c r="B98" s="22">
        <v>2275</v>
      </c>
      <c r="C98" s="14">
        <v>2744</v>
      </c>
      <c r="D98" s="18">
        <v>5019</v>
      </c>
    </row>
    <row r="99" spans="1:4" ht="18" customHeight="1" x14ac:dyDescent="0.15">
      <c r="A99" s="5">
        <v>77</v>
      </c>
      <c r="B99" s="22">
        <v>2317</v>
      </c>
      <c r="C99" s="14">
        <v>2838</v>
      </c>
      <c r="D99" s="18">
        <v>5155</v>
      </c>
    </row>
    <row r="100" spans="1:4" ht="18" customHeight="1" x14ac:dyDescent="0.15">
      <c r="A100" s="5">
        <v>78</v>
      </c>
      <c r="B100" s="22">
        <v>2265</v>
      </c>
      <c r="C100" s="14">
        <v>2960</v>
      </c>
      <c r="D100" s="18">
        <v>5225</v>
      </c>
    </row>
    <row r="101" spans="1:4" ht="18" customHeight="1" x14ac:dyDescent="0.15">
      <c r="A101" s="5">
        <v>79</v>
      </c>
      <c r="B101" s="22">
        <v>1495</v>
      </c>
      <c r="C101" s="14">
        <v>1988</v>
      </c>
      <c r="D101" s="18">
        <v>3483</v>
      </c>
    </row>
    <row r="102" spans="1:4" ht="18" customHeight="1" x14ac:dyDescent="0.15">
      <c r="A102" s="5" t="s">
        <v>0</v>
      </c>
      <c r="B102" s="22">
        <v>10298</v>
      </c>
      <c r="C102" s="14">
        <v>12987</v>
      </c>
      <c r="D102" s="18">
        <v>23285</v>
      </c>
    </row>
    <row r="103" spans="1:4" ht="18" customHeight="1" x14ac:dyDescent="0.15">
      <c r="A103" s="5">
        <v>80</v>
      </c>
      <c r="B103" s="22">
        <v>1157</v>
      </c>
      <c r="C103" s="14">
        <v>1569</v>
      </c>
      <c r="D103" s="18">
        <v>2726</v>
      </c>
    </row>
    <row r="104" spans="1:4" ht="18" customHeight="1" x14ac:dyDescent="0.15">
      <c r="A104" s="5">
        <v>81</v>
      </c>
      <c r="B104" s="22">
        <v>1522</v>
      </c>
      <c r="C104" s="14">
        <v>2122</v>
      </c>
      <c r="D104" s="18">
        <v>3644</v>
      </c>
    </row>
    <row r="105" spans="1:4" ht="18" customHeight="1" x14ac:dyDescent="0.15">
      <c r="A105" s="5">
        <v>82</v>
      </c>
      <c r="B105" s="22">
        <v>1352</v>
      </c>
      <c r="C105" s="14">
        <v>2085</v>
      </c>
      <c r="D105" s="18">
        <v>3437</v>
      </c>
    </row>
    <row r="106" spans="1:4" ht="18" customHeight="1" x14ac:dyDescent="0.15">
      <c r="A106" s="5">
        <v>83</v>
      </c>
      <c r="B106" s="22">
        <v>1321</v>
      </c>
      <c r="C106" s="14">
        <v>1926</v>
      </c>
      <c r="D106" s="18">
        <v>3247</v>
      </c>
    </row>
    <row r="107" spans="1:4" ht="18" customHeight="1" x14ac:dyDescent="0.15">
      <c r="A107" s="5">
        <v>84</v>
      </c>
      <c r="B107" s="22">
        <v>1273</v>
      </c>
      <c r="C107" s="14">
        <v>1955</v>
      </c>
      <c r="D107" s="18">
        <v>3228</v>
      </c>
    </row>
    <row r="108" spans="1:4" ht="18" customHeight="1" x14ac:dyDescent="0.15">
      <c r="A108" s="5" t="s">
        <v>35</v>
      </c>
      <c r="B108" s="22">
        <v>6625</v>
      </c>
      <c r="C108" s="14">
        <v>9657</v>
      </c>
      <c r="D108" s="18">
        <v>16282</v>
      </c>
    </row>
    <row r="109" spans="1:4" ht="18" customHeight="1" x14ac:dyDescent="0.15">
      <c r="A109" s="5">
        <v>85</v>
      </c>
      <c r="B109" s="22">
        <v>1081</v>
      </c>
      <c r="C109" s="14">
        <v>1648</v>
      </c>
      <c r="D109" s="18">
        <v>2729</v>
      </c>
    </row>
    <row r="110" spans="1:4" ht="18" customHeight="1" x14ac:dyDescent="0.15">
      <c r="A110" s="5">
        <v>86</v>
      </c>
      <c r="B110" s="22">
        <v>831</v>
      </c>
      <c r="C110" s="14">
        <v>1312</v>
      </c>
      <c r="D110" s="18">
        <v>2143</v>
      </c>
    </row>
    <row r="111" spans="1:4" ht="18" customHeight="1" x14ac:dyDescent="0.15">
      <c r="A111" s="5">
        <v>87</v>
      </c>
      <c r="B111" s="22">
        <v>633</v>
      </c>
      <c r="C111" s="14">
        <v>1159</v>
      </c>
      <c r="D111" s="18">
        <v>1792</v>
      </c>
    </row>
    <row r="112" spans="1:4" ht="18" customHeight="1" x14ac:dyDescent="0.15">
      <c r="A112" s="5">
        <v>88</v>
      </c>
      <c r="B112" s="22">
        <v>687</v>
      </c>
      <c r="C112" s="14">
        <v>1278</v>
      </c>
      <c r="D112" s="18">
        <v>1965</v>
      </c>
    </row>
    <row r="113" spans="1:4" ht="18" customHeight="1" x14ac:dyDescent="0.15">
      <c r="A113" s="5">
        <v>89</v>
      </c>
      <c r="B113" s="22">
        <v>580</v>
      </c>
      <c r="C113" s="14">
        <v>1191</v>
      </c>
      <c r="D113" s="18">
        <v>1771</v>
      </c>
    </row>
    <row r="114" spans="1:4" ht="18" customHeight="1" x14ac:dyDescent="0.15">
      <c r="A114" s="5" t="s">
        <v>37</v>
      </c>
      <c r="B114" s="22">
        <v>3812</v>
      </c>
      <c r="C114" s="14">
        <v>6588</v>
      </c>
      <c r="D114" s="18">
        <v>10400</v>
      </c>
    </row>
    <row r="115" spans="1:4" ht="18" customHeight="1" x14ac:dyDescent="0.15">
      <c r="A115" s="5">
        <v>90</v>
      </c>
      <c r="B115" s="22">
        <v>463</v>
      </c>
      <c r="C115" s="14">
        <v>1106</v>
      </c>
      <c r="D115" s="18">
        <v>1569</v>
      </c>
    </row>
    <row r="116" spans="1:4" ht="18" customHeight="1" x14ac:dyDescent="0.15">
      <c r="A116" s="5">
        <v>91</v>
      </c>
      <c r="B116" s="22">
        <v>349</v>
      </c>
      <c r="C116" s="14">
        <v>859</v>
      </c>
      <c r="D116" s="18">
        <v>1208</v>
      </c>
    </row>
    <row r="117" spans="1:4" ht="18" customHeight="1" x14ac:dyDescent="0.15">
      <c r="A117" s="5">
        <v>92</v>
      </c>
      <c r="B117" s="22">
        <v>307</v>
      </c>
      <c r="C117" s="14">
        <v>855</v>
      </c>
      <c r="D117" s="18">
        <v>1162</v>
      </c>
    </row>
    <row r="118" spans="1:4" ht="18" customHeight="1" x14ac:dyDescent="0.15">
      <c r="A118" s="5">
        <v>93</v>
      </c>
      <c r="B118" s="22">
        <v>212</v>
      </c>
      <c r="C118" s="14">
        <v>812</v>
      </c>
      <c r="D118" s="18">
        <v>1024</v>
      </c>
    </row>
    <row r="119" spans="1:4" ht="18" customHeight="1" x14ac:dyDescent="0.15">
      <c r="A119" s="5">
        <v>94</v>
      </c>
      <c r="B119" s="22">
        <v>182</v>
      </c>
      <c r="C119" s="14">
        <v>547</v>
      </c>
      <c r="D119" s="18">
        <v>729</v>
      </c>
    </row>
    <row r="120" spans="1:4" ht="18" customHeight="1" x14ac:dyDescent="0.15">
      <c r="A120" s="5" t="s">
        <v>39</v>
      </c>
      <c r="B120" s="22">
        <v>1513</v>
      </c>
      <c r="C120" s="14">
        <v>4179</v>
      </c>
      <c r="D120" s="18">
        <v>5692</v>
      </c>
    </row>
    <row r="121" spans="1:4" ht="18" customHeight="1" x14ac:dyDescent="0.15">
      <c r="A121" s="5">
        <v>95</v>
      </c>
      <c r="B121" s="22">
        <v>110</v>
      </c>
      <c r="C121" s="14">
        <v>430</v>
      </c>
      <c r="D121" s="18">
        <v>540</v>
      </c>
    </row>
    <row r="122" spans="1:4" ht="18" customHeight="1" x14ac:dyDescent="0.15">
      <c r="A122" s="5">
        <v>96</v>
      </c>
      <c r="B122" s="22">
        <v>77</v>
      </c>
      <c r="C122" s="14">
        <v>333</v>
      </c>
      <c r="D122" s="18">
        <v>410</v>
      </c>
    </row>
    <row r="123" spans="1:4" ht="18" customHeight="1" x14ac:dyDescent="0.15">
      <c r="A123" s="5">
        <v>97</v>
      </c>
      <c r="B123" s="22">
        <v>57</v>
      </c>
      <c r="C123" s="14">
        <v>273</v>
      </c>
      <c r="D123" s="18">
        <v>330</v>
      </c>
    </row>
    <row r="124" spans="1:4" ht="18" customHeight="1" x14ac:dyDescent="0.15">
      <c r="A124" s="5">
        <v>98</v>
      </c>
      <c r="B124" s="22">
        <v>39</v>
      </c>
      <c r="C124" s="14">
        <v>196</v>
      </c>
      <c r="D124" s="18">
        <v>235</v>
      </c>
    </row>
    <row r="125" spans="1:4" ht="18" customHeight="1" x14ac:dyDescent="0.15">
      <c r="A125" s="5">
        <v>99</v>
      </c>
      <c r="B125" s="22">
        <v>24</v>
      </c>
      <c r="C125" s="14">
        <v>145</v>
      </c>
      <c r="D125" s="18">
        <v>169</v>
      </c>
    </row>
    <row r="126" spans="1:4" ht="18" customHeight="1" x14ac:dyDescent="0.15">
      <c r="A126" s="5" t="s">
        <v>40</v>
      </c>
      <c r="B126" s="22">
        <v>307</v>
      </c>
      <c r="C126" s="14">
        <v>1377</v>
      </c>
      <c r="D126" s="18">
        <v>1684</v>
      </c>
    </row>
    <row r="127" spans="1:4" ht="18" customHeight="1" x14ac:dyDescent="0.15">
      <c r="A127" s="5">
        <v>100</v>
      </c>
      <c r="B127" s="22">
        <v>10</v>
      </c>
      <c r="C127" s="14">
        <v>108</v>
      </c>
      <c r="D127" s="18">
        <v>118</v>
      </c>
    </row>
    <row r="128" spans="1:4" ht="18" customHeight="1" x14ac:dyDescent="0.15">
      <c r="A128" s="6" t="s">
        <v>43</v>
      </c>
      <c r="B128" s="22">
        <v>13</v>
      </c>
      <c r="C128" s="14">
        <v>153</v>
      </c>
      <c r="D128" s="18">
        <v>166</v>
      </c>
    </row>
    <row r="129" spans="1:4" ht="18" customHeight="1" x14ac:dyDescent="0.15">
      <c r="A129" s="5" t="s">
        <v>44</v>
      </c>
      <c r="B129" s="22">
        <v>23</v>
      </c>
      <c r="C129" s="14">
        <v>261</v>
      </c>
      <c r="D129" s="18">
        <v>284</v>
      </c>
    </row>
    <row r="130" spans="1:4" ht="18" customHeight="1" x14ac:dyDescent="0.15">
      <c r="A130" s="5" t="s">
        <v>46</v>
      </c>
      <c r="B130" s="22">
        <v>39641</v>
      </c>
      <c r="C130" s="14">
        <v>54013</v>
      </c>
      <c r="D130" s="18">
        <v>93654</v>
      </c>
    </row>
    <row r="131" spans="1:4" ht="18" customHeight="1" x14ac:dyDescent="0.15">
      <c r="A131" s="7" t="s">
        <v>45</v>
      </c>
      <c r="B131" s="23">
        <v>152148</v>
      </c>
      <c r="C131" s="15">
        <v>159741</v>
      </c>
      <c r="D131" s="19">
        <v>3118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2</v>
      </c>
      <c r="C14" s="14">
        <v>0</v>
      </c>
      <c r="D14" s="18">
        <v>2</v>
      </c>
    </row>
    <row r="15" spans="1:4" ht="18" customHeight="1" x14ac:dyDescent="0.15">
      <c r="A15" s="5">
        <v>9</v>
      </c>
      <c r="B15" s="27">
        <v>0</v>
      </c>
      <c r="C15" s="14">
        <v>1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1</v>
      </c>
      <c r="D16" s="18">
        <v>4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3</v>
      </c>
      <c r="C18" s="14">
        <v>1</v>
      </c>
      <c r="D18" s="18">
        <v>4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0</v>
      </c>
      <c r="C20" s="14">
        <v>1</v>
      </c>
      <c r="D20" s="18">
        <v>1</v>
      </c>
    </row>
    <row r="21" spans="1:4" ht="18" customHeight="1" x14ac:dyDescent="0.15">
      <c r="A21" s="5">
        <v>14</v>
      </c>
      <c r="B21" s="22">
        <v>2</v>
      </c>
      <c r="C21" s="14">
        <v>0</v>
      </c>
      <c r="D21" s="18">
        <v>2</v>
      </c>
    </row>
    <row r="22" spans="1:4" ht="18" customHeight="1" x14ac:dyDescent="0.15">
      <c r="A22" s="5" t="s">
        <v>12</v>
      </c>
      <c r="B22" s="22">
        <v>8</v>
      </c>
      <c r="C22" s="14">
        <v>3</v>
      </c>
      <c r="D22" s="18">
        <v>11</v>
      </c>
    </row>
    <row r="23" spans="1:4" ht="18" customHeight="1" x14ac:dyDescent="0.15">
      <c r="A23" s="5" t="s">
        <v>6</v>
      </c>
      <c r="B23" s="22">
        <v>12</v>
      </c>
      <c r="C23" s="14">
        <v>4</v>
      </c>
      <c r="D23" s="18">
        <v>16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2</v>
      </c>
      <c r="C25" s="14">
        <v>2</v>
      </c>
      <c r="D25" s="18">
        <v>4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3</v>
      </c>
      <c r="D29" s="18">
        <v>6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1</v>
      </c>
      <c r="C32" s="14">
        <v>3</v>
      </c>
      <c r="D32" s="18">
        <v>4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4</v>
      </c>
      <c r="C35" s="14">
        <v>5</v>
      </c>
      <c r="D35" s="18">
        <v>9</v>
      </c>
    </row>
    <row r="36" spans="1:4" ht="18" customHeight="1" x14ac:dyDescent="0.15">
      <c r="A36" s="5">
        <v>25</v>
      </c>
      <c r="B36" s="22">
        <v>2</v>
      </c>
      <c r="C36" s="14">
        <v>0</v>
      </c>
      <c r="D36" s="18">
        <v>2</v>
      </c>
    </row>
    <row r="37" spans="1:4" ht="18" customHeight="1" x14ac:dyDescent="0.15">
      <c r="A37" s="5">
        <v>26</v>
      </c>
      <c r="B37" s="22">
        <v>0</v>
      </c>
      <c r="C37" s="14">
        <v>2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2</v>
      </c>
      <c r="D41" s="18">
        <v>7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3</v>
      </c>
      <c r="C47" s="14">
        <v>1</v>
      </c>
      <c r="D47" s="18">
        <v>4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0</v>
      </c>
      <c r="C51" s="14">
        <v>1</v>
      </c>
      <c r="D51" s="18">
        <v>1</v>
      </c>
    </row>
    <row r="52" spans="1:4" ht="18" customHeight="1" x14ac:dyDescent="0.15">
      <c r="A52" s="5">
        <v>39</v>
      </c>
      <c r="B52" s="22">
        <v>0</v>
      </c>
      <c r="C52" s="14">
        <v>1</v>
      </c>
      <c r="D52" s="18">
        <v>1</v>
      </c>
    </row>
    <row r="53" spans="1:4" ht="18" customHeight="1" x14ac:dyDescent="0.15">
      <c r="A53" s="5" t="s">
        <v>18</v>
      </c>
      <c r="B53" s="22">
        <v>1</v>
      </c>
      <c r="C53" s="14">
        <v>2</v>
      </c>
      <c r="D53" s="18">
        <v>3</v>
      </c>
    </row>
    <row r="54" spans="1:4" ht="18" customHeight="1" x14ac:dyDescent="0.15">
      <c r="A54" s="5">
        <v>40</v>
      </c>
      <c r="B54" s="22">
        <v>2</v>
      </c>
      <c r="C54" s="14">
        <v>1</v>
      </c>
      <c r="D54" s="18">
        <v>3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2</v>
      </c>
      <c r="C57" s="14">
        <v>1</v>
      </c>
      <c r="D57" s="18">
        <v>3</v>
      </c>
    </row>
    <row r="58" spans="1:4" ht="18" customHeight="1" x14ac:dyDescent="0.15">
      <c r="A58" s="5">
        <v>44</v>
      </c>
      <c r="B58" s="22">
        <v>0</v>
      </c>
      <c r="C58" s="14">
        <v>2</v>
      </c>
      <c r="D58" s="18">
        <v>2</v>
      </c>
    </row>
    <row r="59" spans="1:4" ht="18" customHeight="1" x14ac:dyDescent="0.15">
      <c r="A59" s="5" t="s">
        <v>21</v>
      </c>
      <c r="B59" s="22">
        <v>8</v>
      </c>
      <c r="C59" s="14">
        <v>4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2</v>
      </c>
      <c r="C61" s="14">
        <v>1</v>
      </c>
      <c r="D61" s="18">
        <v>3</v>
      </c>
    </row>
    <row r="62" spans="1:4" ht="18" customHeight="1" x14ac:dyDescent="0.15">
      <c r="A62" s="5">
        <v>47</v>
      </c>
      <c r="B62" s="22">
        <v>0</v>
      </c>
      <c r="C62" s="14">
        <v>1</v>
      </c>
      <c r="D62" s="18">
        <v>1</v>
      </c>
    </row>
    <row r="63" spans="1:4" ht="18" customHeight="1" x14ac:dyDescent="0.15">
      <c r="A63" s="5">
        <v>48</v>
      </c>
      <c r="B63" s="22">
        <v>3</v>
      </c>
      <c r="C63" s="14">
        <v>2</v>
      </c>
      <c r="D63" s="18">
        <v>5</v>
      </c>
    </row>
    <row r="64" spans="1:4" ht="18" customHeight="1" x14ac:dyDescent="0.15">
      <c r="A64" s="5">
        <v>49</v>
      </c>
      <c r="B64" s="22">
        <v>1</v>
      </c>
      <c r="C64" s="14">
        <v>4</v>
      </c>
      <c r="D64" s="18">
        <v>5</v>
      </c>
    </row>
    <row r="65" spans="1:4" ht="18" customHeight="1" x14ac:dyDescent="0.15">
      <c r="A65" s="5" t="s">
        <v>17</v>
      </c>
      <c r="B65" s="22">
        <v>7</v>
      </c>
      <c r="C65" s="14">
        <v>9</v>
      </c>
      <c r="D65" s="18">
        <v>16</v>
      </c>
    </row>
    <row r="66" spans="1:4" ht="18" customHeight="1" x14ac:dyDescent="0.15">
      <c r="A66" s="5">
        <v>50</v>
      </c>
      <c r="B66" s="22">
        <v>3</v>
      </c>
      <c r="C66" s="14">
        <v>1</v>
      </c>
      <c r="D66" s="18">
        <v>4</v>
      </c>
    </row>
    <row r="67" spans="1:4" ht="18" customHeight="1" x14ac:dyDescent="0.15">
      <c r="A67" s="5">
        <v>51</v>
      </c>
      <c r="B67" s="22">
        <v>3</v>
      </c>
      <c r="C67" s="14">
        <v>0</v>
      </c>
      <c r="D67" s="18">
        <v>3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2</v>
      </c>
      <c r="C70" s="14">
        <v>1</v>
      </c>
      <c r="D70" s="18">
        <v>3</v>
      </c>
    </row>
    <row r="71" spans="1:4" ht="18" customHeight="1" x14ac:dyDescent="0.15">
      <c r="A71" s="5" t="s">
        <v>22</v>
      </c>
      <c r="B71" s="22">
        <v>9</v>
      </c>
      <c r="C71" s="14">
        <v>3</v>
      </c>
      <c r="D71" s="18">
        <v>12</v>
      </c>
    </row>
    <row r="72" spans="1:4" ht="18" customHeight="1" x14ac:dyDescent="0.15">
      <c r="A72" s="5">
        <v>55</v>
      </c>
      <c r="B72" s="22">
        <v>0</v>
      </c>
      <c r="C72" s="14">
        <v>0</v>
      </c>
      <c r="D72" s="18">
        <v>0</v>
      </c>
    </row>
    <row r="73" spans="1:4" ht="18" customHeight="1" x14ac:dyDescent="0.15">
      <c r="A73" s="5">
        <v>56</v>
      </c>
      <c r="B73" s="22">
        <v>1</v>
      </c>
      <c r="C73" s="14">
        <v>2</v>
      </c>
      <c r="D73" s="18">
        <v>3</v>
      </c>
    </row>
    <row r="74" spans="1:4" ht="18" customHeight="1" x14ac:dyDescent="0.15">
      <c r="A74" s="5">
        <v>57</v>
      </c>
      <c r="B74" s="22">
        <v>3</v>
      </c>
      <c r="C74" s="14">
        <v>2</v>
      </c>
      <c r="D74" s="18">
        <v>5</v>
      </c>
    </row>
    <row r="75" spans="1:4" ht="18" customHeight="1" x14ac:dyDescent="0.15">
      <c r="A75" s="5">
        <v>58</v>
      </c>
      <c r="B75" s="22">
        <v>1</v>
      </c>
      <c r="C75" s="14">
        <v>0</v>
      </c>
      <c r="D75" s="18">
        <v>1</v>
      </c>
    </row>
    <row r="76" spans="1:4" ht="18" customHeight="1" x14ac:dyDescent="0.15">
      <c r="A76" s="5">
        <v>59</v>
      </c>
      <c r="B76" s="22">
        <v>1</v>
      </c>
      <c r="C76" s="14">
        <v>1</v>
      </c>
      <c r="D76" s="18">
        <v>2</v>
      </c>
    </row>
    <row r="77" spans="1:4" ht="18" customHeight="1" x14ac:dyDescent="0.15">
      <c r="A77" s="5" t="s">
        <v>27</v>
      </c>
      <c r="B77" s="22">
        <v>6</v>
      </c>
      <c r="C77" s="14">
        <v>5</v>
      </c>
      <c r="D77" s="18">
        <v>11</v>
      </c>
    </row>
    <row r="78" spans="1:4" ht="18" customHeight="1" x14ac:dyDescent="0.15">
      <c r="A78" s="5">
        <v>60</v>
      </c>
      <c r="B78" s="22">
        <v>2</v>
      </c>
      <c r="C78" s="14">
        <v>2</v>
      </c>
      <c r="D78" s="18">
        <v>4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4</v>
      </c>
      <c r="C81" s="14">
        <v>2</v>
      </c>
      <c r="D81" s="18">
        <v>6</v>
      </c>
    </row>
    <row r="82" spans="1:4" ht="18" customHeight="1" x14ac:dyDescent="0.15">
      <c r="A82" s="5">
        <v>64</v>
      </c>
      <c r="B82" s="22">
        <v>3</v>
      </c>
      <c r="C82" s="14">
        <v>3</v>
      </c>
      <c r="D82" s="18">
        <v>6</v>
      </c>
    </row>
    <row r="83" spans="1:4" ht="18" customHeight="1" x14ac:dyDescent="0.15">
      <c r="A83" s="5" t="s">
        <v>28</v>
      </c>
      <c r="B83" s="22">
        <v>12</v>
      </c>
      <c r="C83" s="14">
        <v>9</v>
      </c>
      <c r="D83" s="18">
        <v>21</v>
      </c>
    </row>
    <row r="84" spans="1:4" ht="18" customHeight="1" x14ac:dyDescent="0.15">
      <c r="A84" s="5" t="s">
        <v>31</v>
      </c>
      <c r="B84" s="22">
        <v>58</v>
      </c>
      <c r="C84" s="14">
        <v>43</v>
      </c>
      <c r="D84" s="18">
        <v>101</v>
      </c>
    </row>
    <row r="85" spans="1:4" ht="18" customHeight="1" x14ac:dyDescent="0.15">
      <c r="A85" s="5">
        <v>65</v>
      </c>
      <c r="B85" s="22">
        <v>3</v>
      </c>
      <c r="C85" s="14">
        <v>1</v>
      </c>
      <c r="D85" s="18">
        <v>4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2</v>
      </c>
      <c r="C88" s="14">
        <v>0</v>
      </c>
      <c r="D88" s="18">
        <v>2</v>
      </c>
    </row>
    <row r="89" spans="1:4" ht="18" customHeight="1" x14ac:dyDescent="0.15">
      <c r="A89" s="5">
        <v>69</v>
      </c>
      <c r="B89" s="22">
        <v>0</v>
      </c>
      <c r="C89" s="14">
        <v>1</v>
      </c>
      <c r="D89" s="18">
        <v>1</v>
      </c>
    </row>
    <row r="90" spans="1:4" ht="18" customHeight="1" x14ac:dyDescent="0.15">
      <c r="A90" s="5" t="s">
        <v>20</v>
      </c>
      <c r="B90" s="22">
        <v>7</v>
      </c>
      <c r="C90" s="14">
        <v>4</v>
      </c>
      <c r="D90" s="18">
        <v>11</v>
      </c>
    </row>
    <row r="91" spans="1:4" ht="18" customHeight="1" x14ac:dyDescent="0.15">
      <c r="A91" s="5">
        <v>70</v>
      </c>
      <c r="B91" s="22">
        <v>2</v>
      </c>
      <c r="C91" s="14">
        <v>3</v>
      </c>
      <c r="D91" s="18">
        <v>5</v>
      </c>
    </row>
    <row r="92" spans="1:4" ht="18" customHeight="1" x14ac:dyDescent="0.15">
      <c r="A92" s="5">
        <v>71</v>
      </c>
      <c r="B92" s="22">
        <v>2</v>
      </c>
      <c r="C92" s="14">
        <v>4</v>
      </c>
      <c r="D92" s="18">
        <v>6</v>
      </c>
    </row>
    <row r="93" spans="1:4" ht="18" customHeight="1" x14ac:dyDescent="0.15">
      <c r="A93" s="5">
        <v>72</v>
      </c>
      <c r="B93" s="22">
        <v>3</v>
      </c>
      <c r="C93" s="14">
        <v>2</v>
      </c>
      <c r="D93" s="18">
        <v>5</v>
      </c>
    </row>
    <row r="94" spans="1:4" ht="18" customHeight="1" x14ac:dyDescent="0.15">
      <c r="A94" s="5">
        <v>73</v>
      </c>
      <c r="B94" s="22">
        <v>3</v>
      </c>
      <c r="C94" s="14">
        <v>4</v>
      </c>
      <c r="D94" s="18">
        <v>7</v>
      </c>
    </row>
    <row r="95" spans="1:4" ht="18" customHeight="1" x14ac:dyDescent="0.15">
      <c r="A95" s="5">
        <v>74</v>
      </c>
      <c r="B95" s="22">
        <v>3</v>
      </c>
      <c r="C95" s="14">
        <v>3</v>
      </c>
      <c r="D95" s="18">
        <v>6</v>
      </c>
    </row>
    <row r="96" spans="1:4" ht="18" customHeight="1" x14ac:dyDescent="0.15">
      <c r="A96" s="5" t="s">
        <v>33</v>
      </c>
      <c r="B96" s="22">
        <v>13</v>
      </c>
      <c r="C96" s="14">
        <v>16</v>
      </c>
      <c r="D96" s="18">
        <v>29</v>
      </c>
    </row>
    <row r="97" spans="1:4" ht="18" customHeight="1" x14ac:dyDescent="0.15">
      <c r="A97" s="5">
        <v>75</v>
      </c>
      <c r="B97" s="22">
        <v>2</v>
      </c>
      <c r="C97" s="14">
        <v>3</v>
      </c>
      <c r="D97" s="18">
        <v>5</v>
      </c>
    </row>
    <row r="98" spans="1:4" ht="18" customHeight="1" x14ac:dyDescent="0.15">
      <c r="A98" s="5">
        <v>76</v>
      </c>
      <c r="B98" s="22">
        <v>2</v>
      </c>
      <c r="C98" s="14">
        <v>3</v>
      </c>
      <c r="D98" s="18">
        <v>5</v>
      </c>
    </row>
    <row r="99" spans="1:4" ht="18" customHeight="1" x14ac:dyDescent="0.15">
      <c r="A99" s="5">
        <v>77</v>
      </c>
      <c r="B99" s="22">
        <v>3</v>
      </c>
      <c r="C99" s="14">
        <v>3</v>
      </c>
      <c r="D99" s="18">
        <v>6</v>
      </c>
    </row>
    <row r="100" spans="1:4" ht="18" customHeight="1" x14ac:dyDescent="0.15">
      <c r="A100" s="5">
        <v>78</v>
      </c>
      <c r="B100" s="22">
        <v>7</v>
      </c>
      <c r="C100" s="14">
        <v>6</v>
      </c>
      <c r="D100" s="18">
        <v>13</v>
      </c>
    </row>
    <row r="101" spans="1:4" ht="18" customHeight="1" x14ac:dyDescent="0.15">
      <c r="A101" s="5">
        <v>79</v>
      </c>
      <c r="B101" s="22">
        <v>3</v>
      </c>
      <c r="C101" s="14">
        <v>3</v>
      </c>
      <c r="D101" s="18">
        <v>6</v>
      </c>
    </row>
    <row r="102" spans="1:4" ht="18" customHeight="1" x14ac:dyDescent="0.15">
      <c r="A102" s="5" t="s">
        <v>0</v>
      </c>
      <c r="B102" s="22">
        <v>17</v>
      </c>
      <c r="C102" s="14">
        <v>18</v>
      </c>
      <c r="D102" s="18">
        <v>35</v>
      </c>
    </row>
    <row r="103" spans="1:4" ht="18" customHeight="1" x14ac:dyDescent="0.15">
      <c r="A103" s="5">
        <v>80</v>
      </c>
      <c r="B103" s="22">
        <v>1</v>
      </c>
      <c r="C103" s="14">
        <v>1</v>
      </c>
      <c r="D103" s="18">
        <v>2</v>
      </c>
    </row>
    <row r="104" spans="1:4" ht="18" customHeight="1" x14ac:dyDescent="0.15">
      <c r="A104" s="5">
        <v>81</v>
      </c>
      <c r="B104" s="22">
        <v>2</v>
      </c>
      <c r="C104" s="14">
        <v>3</v>
      </c>
      <c r="D104" s="18">
        <v>5</v>
      </c>
    </row>
    <row r="105" spans="1:4" ht="18" customHeight="1" x14ac:dyDescent="0.15">
      <c r="A105" s="5">
        <v>82</v>
      </c>
      <c r="B105" s="22">
        <v>0</v>
      </c>
      <c r="C105" s="14">
        <v>3</v>
      </c>
      <c r="D105" s="18">
        <v>3</v>
      </c>
    </row>
    <row r="106" spans="1:4" ht="18" customHeight="1" x14ac:dyDescent="0.15">
      <c r="A106" s="5">
        <v>83</v>
      </c>
      <c r="B106" s="22">
        <v>1</v>
      </c>
      <c r="C106" s="14">
        <v>2</v>
      </c>
      <c r="D106" s="18">
        <v>3</v>
      </c>
    </row>
    <row r="107" spans="1:4" ht="18" customHeight="1" x14ac:dyDescent="0.15">
      <c r="A107" s="5">
        <v>84</v>
      </c>
      <c r="B107" s="22">
        <v>2</v>
      </c>
      <c r="C107" s="14">
        <v>1</v>
      </c>
      <c r="D107" s="18">
        <v>3</v>
      </c>
    </row>
    <row r="108" spans="1:4" ht="18" customHeight="1" x14ac:dyDescent="0.15">
      <c r="A108" s="5" t="s">
        <v>35</v>
      </c>
      <c r="B108" s="22">
        <v>6</v>
      </c>
      <c r="C108" s="14">
        <v>10</v>
      </c>
      <c r="D108" s="18">
        <v>16</v>
      </c>
    </row>
    <row r="109" spans="1:4" ht="18" customHeight="1" x14ac:dyDescent="0.15">
      <c r="A109" s="5">
        <v>85</v>
      </c>
      <c r="B109" s="22">
        <v>1</v>
      </c>
      <c r="C109" s="14">
        <v>3</v>
      </c>
      <c r="D109" s="18">
        <v>4</v>
      </c>
    </row>
    <row r="110" spans="1:4" ht="18" customHeight="1" x14ac:dyDescent="0.15">
      <c r="A110" s="5">
        <v>86</v>
      </c>
      <c r="B110" s="22">
        <v>2</v>
      </c>
      <c r="C110" s="14">
        <v>1</v>
      </c>
      <c r="D110" s="18">
        <v>3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1</v>
      </c>
      <c r="C113" s="14">
        <v>7</v>
      </c>
      <c r="D113" s="18">
        <v>8</v>
      </c>
    </row>
    <row r="114" spans="1:4" ht="18" customHeight="1" x14ac:dyDescent="0.15">
      <c r="A114" s="5" t="s">
        <v>37</v>
      </c>
      <c r="B114" s="22">
        <v>4</v>
      </c>
      <c r="C114" s="14">
        <v>16</v>
      </c>
      <c r="D114" s="18">
        <v>20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0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3</v>
      </c>
      <c r="C120" s="14">
        <v>9</v>
      </c>
      <c r="D120" s="18">
        <v>12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50</v>
      </c>
      <c r="C130" s="14">
        <v>78</v>
      </c>
      <c r="D130" s="18">
        <v>128</v>
      </c>
    </row>
    <row r="131" spans="1:4" ht="18" customHeight="1" x14ac:dyDescent="0.15">
      <c r="A131" s="7" t="s">
        <v>45</v>
      </c>
      <c r="B131" s="23">
        <v>120</v>
      </c>
      <c r="C131" s="15">
        <v>125</v>
      </c>
      <c r="D131" s="19">
        <v>2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2</v>
      </c>
      <c r="C6" s="14">
        <v>0</v>
      </c>
      <c r="D6" s="18">
        <v>2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2</v>
      </c>
      <c r="C9" s="30">
        <v>1</v>
      </c>
      <c r="D9" s="32">
        <v>3</v>
      </c>
    </row>
    <row r="10" spans="1:4" ht="18" customHeight="1" x14ac:dyDescent="0.15">
      <c r="A10" s="5" t="s">
        <v>7</v>
      </c>
      <c r="B10" s="22">
        <v>4</v>
      </c>
      <c r="C10" s="14">
        <v>3</v>
      </c>
      <c r="D10" s="18">
        <v>7</v>
      </c>
    </row>
    <row r="11" spans="1:4" ht="18" customHeight="1" x14ac:dyDescent="0.15">
      <c r="A11" s="5">
        <v>5</v>
      </c>
      <c r="B11" s="27">
        <v>1</v>
      </c>
      <c r="C11" s="14">
        <v>0</v>
      </c>
      <c r="D11" s="18">
        <v>1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2</v>
      </c>
      <c r="C13" s="14">
        <v>1</v>
      </c>
      <c r="D13" s="18">
        <v>3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5</v>
      </c>
      <c r="C16" s="14">
        <v>3</v>
      </c>
      <c r="D16" s="18">
        <v>8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2</v>
      </c>
      <c r="C22" s="14">
        <v>3</v>
      </c>
      <c r="D22" s="18">
        <v>5</v>
      </c>
    </row>
    <row r="23" spans="1:4" ht="18" customHeight="1" x14ac:dyDescent="0.15">
      <c r="A23" s="5" t="s">
        <v>6</v>
      </c>
      <c r="B23" s="22">
        <v>11</v>
      </c>
      <c r="C23" s="14">
        <v>9</v>
      </c>
      <c r="D23" s="18">
        <v>20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2</v>
      </c>
      <c r="C25" s="14">
        <v>0</v>
      </c>
      <c r="D25" s="18">
        <v>2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4</v>
      </c>
      <c r="D27" s="18">
        <v>5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5</v>
      </c>
      <c r="C29" s="14">
        <v>5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2</v>
      </c>
      <c r="C35" s="14">
        <v>2</v>
      </c>
      <c r="D35" s="18">
        <v>4</v>
      </c>
    </row>
    <row r="36" spans="1:4" ht="18" customHeight="1" x14ac:dyDescent="0.15">
      <c r="A36" s="5">
        <v>25</v>
      </c>
      <c r="B36" s="22">
        <v>0</v>
      </c>
      <c r="C36" s="14">
        <v>1</v>
      </c>
      <c r="D36" s="18">
        <v>1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3</v>
      </c>
      <c r="C41" s="14">
        <v>1</v>
      </c>
      <c r="D41" s="18">
        <v>4</v>
      </c>
    </row>
    <row r="42" spans="1:4" ht="18" customHeight="1" x14ac:dyDescent="0.15">
      <c r="A42" s="5">
        <v>30</v>
      </c>
      <c r="B42" s="22">
        <v>5</v>
      </c>
      <c r="C42" s="14">
        <v>0</v>
      </c>
      <c r="D42" s="18">
        <v>5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1</v>
      </c>
      <c r="D45" s="18">
        <v>1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8</v>
      </c>
      <c r="C47" s="14">
        <v>1</v>
      </c>
      <c r="D47" s="18">
        <v>9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2</v>
      </c>
      <c r="D49" s="18">
        <v>2</v>
      </c>
    </row>
    <row r="50" spans="1:4" ht="18" customHeight="1" x14ac:dyDescent="0.15">
      <c r="A50" s="5">
        <v>37</v>
      </c>
      <c r="B50" s="22">
        <v>4</v>
      </c>
      <c r="C50" s="14">
        <v>2</v>
      </c>
      <c r="D50" s="18">
        <v>6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7</v>
      </c>
      <c r="D53" s="18">
        <v>16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2</v>
      </c>
      <c r="C55" s="14">
        <v>1</v>
      </c>
      <c r="D55" s="18">
        <v>3</v>
      </c>
    </row>
    <row r="56" spans="1:4" ht="18" customHeight="1" x14ac:dyDescent="0.15">
      <c r="A56" s="5">
        <v>42</v>
      </c>
      <c r="B56" s="22">
        <v>0</v>
      </c>
      <c r="C56" s="14">
        <v>3</v>
      </c>
      <c r="D56" s="18">
        <v>3</v>
      </c>
    </row>
    <row r="57" spans="1:4" ht="18" customHeight="1" x14ac:dyDescent="0.15">
      <c r="A57" s="5">
        <v>43</v>
      </c>
      <c r="B57" s="22">
        <v>1</v>
      </c>
      <c r="C57" s="14">
        <v>1</v>
      </c>
      <c r="D57" s="18">
        <v>2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7</v>
      </c>
      <c r="D59" s="18">
        <v>12</v>
      </c>
    </row>
    <row r="60" spans="1:4" ht="18" customHeight="1" x14ac:dyDescent="0.15">
      <c r="A60" s="5">
        <v>45</v>
      </c>
      <c r="B60" s="22">
        <v>3</v>
      </c>
      <c r="C60" s="14">
        <v>0</v>
      </c>
      <c r="D60" s="18">
        <v>3</v>
      </c>
    </row>
    <row r="61" spans="1:4" ht="18" customHeight="1" x14ac:dyDescent="0.15">
      <c r="A61" s="5">
        <v>46</v>
      </c>
      <c r="B61" s="22">
        <v>1</v>
      </c>
      <c r="C61" s="14">
        <v>1</v>
      </c>
      <c r="D61" s="18">
        <v>2</v>
      </c>
    </row>
    <row r="62" spans="1:4" ht="18" customHeight="1" x14ac:dyDescent="0.15">
      <c r="A62" s="5">
        <v>47</v>
      </c>
      <c r="B62" s="22">
        <v>2</v>
      </c>
      <c r="C62" s="14">
        <v>1</v>
      </c>
      <c r="D62" s="18">
        <v>3</v>
      </c>
    </row>
    <row r="63" spans="1:4" ht="18" customHeight="1" x14ac:dyDescent="0.15">
      <c r="A63" s="5">
        <v>48</v>
      </c>
      <c r="B63" s="22">
        <v>0</v>
      </c>
      <c r="C63" s="14">
        <v>2</v>
      </c>
      <c r="D63" s="18">
        <v>2</v>
      </c>
    </row>
    <row r="64" spans="1:4" ht="18" customHeight="1" x14ac:dyDescent="0.15">
      <c r="A64" s="5">
        <v>49</v>
      </c>
      <c r="B64" s="22">
        <v>2</v>
      </c>
      <c r="C64" s="14">
        <v>0</v>
      </c>
      <c r="D64" s="18">
        <v>2</v>
      </c>
    </row>
    <row r="65" spans="1:4" ht="18" customHeight="1" x14ac:dyDescent="0.15">
      <c r="A65" s="5" t="s">
        <v>17</v>
      </c>
      <c r="B65" s="22">
        <v>8</v>
      </c>
      <c r="C65" s="14">
        <v>4</v>
      </c>
      <c r="D65" s="18">
        <v>12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1</v>
      </c>
      <c r="C67" s="14">
        <v>1</v>
      </c>
      <c r="D67" s="18">
        <v>2</v>
      </c>
    </row>
    <row r="68" spans="1:4" ht="18" customHeight="1" x14ac:dyDescent="0.15">
      <c r="A68" s="5">
        <v>52</v>
      </c>
      <c r="B68" s="22">
        <v>1</v>
      </c>
      <c r="C68" s="14">
        <v>0</v>
      </c>
      <c r="D68" s="18">
        <v>1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2</v>
      </c>
      <c r="C70" s="14">
        <v>2</v>
      </c>
      <c r="D70" s="18">
        <v>4</v>
      </c>
    </row>
    <row r="71" spans="1:4" ht="18" customHeight="1" x14ac:dyDescent="0.15">
      <c r="A71" s="5" t="s">
        <v>22</v>
      </c>
      <c r="B71" s="22">
        <v>6</v>
      </c>
      <c r="C71" s="14">
        <v>6</v>
      </c>
      <c r="D71" s="18">
        <v>12</v>
      </c>
    </row>
    <row r="72" spans="1:4" ht="18" customHeight="1" x14ac:dyDescent="0.15">
      <c r="A72" s="5">
        <v>55</v>
      </c>
      <c r="B72" s="22">
        <v>1</v>
      </c>
      <c r="C72" s="14">
        <v>1</v>
      </c>
      <c r="D72" s="18">
        <v>2</v>
      </c>
    </row>
    <row r="73" spans="1:4" ht="18" customHeight="1" x14ac:dyDescent="0.15">
      <c r="A73" s="5">
        <v>56</v>
      </c>
      <c r="B73" s="22">
        <v>1</v>
      </c>
      <c r="C73" s="14">
        <v>1</v>
      </c>
      <c r="D73" s="18">
        <v>2</v>
      </c>
    </row>
    <row r="74" spans="1:4" ht="18" customHeight="1" x14ac:dyDescent="0.15">
      <c r="A74" s="5">
        <v>57</v>
      </c>
      <c r="B74" s="22">
        <v>0</v>
      </c>
      <c r="C74" s="14">
        <v>2</v>
      </c>
      <c r="D74" s="18">
        <v>2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1</v>
      </c>
      <c r="D76" s="18">
        <v>1</v>
      </c>
    </row>
    <row r="77" spans="1:4" ht="18" customHeight="1" x14ac:dyDescent="0.15">
      <c r="A77" s="5" t="s">
        <v>27</v>
      </c>
      <c r="B77" s="22">
        <v>2</v>
      </c>
      <c r="C77" s="14">
        <v>6</v>
      </c>
      <c r="D77" s="18">
        <v>8</v>
      </c>
    </row>
    <row r="78" spans="1:4" ht="18" customHeight="1" x14ac:dyDescent="0.15">
      <c r="A78" s="5">
        <v>60</v>
      </c>
      <c r="B78" s="22">
        <v>0</v>
      </c>
      <c r="C78" s="14">
        <v>0</v>
      </c>
      <c r="D78" s="18">
        <v>0</v>
      </c>
    </row>
    <row r="79" spans="1:4" ht="18" customHeight="1" x14ac:dyDescent="0.15">
      <c r="A79" s="5">
        <v>61</v>
      </c>
      <c r="B79" s="22">
        <v>2</v>
      </c>
      <c r="C79" s="14">
        <v>2</v>
      </c>
      <c r="D79" s="18">
        <v>4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2</v>
      </c>
      <c r="C81" s="14">
        <v>2</v>
      </c>
      <c r="D81" s="18">
        <v>4</v>
      </c>
    </row>
    <row r="82" spans="1:4" ht="18" customHeight="1" x14ac:dyDescent="0.15">
      <c r="A82" s="5">
        <v>64</v>
      </c>
      <c r="B82" s="22">
        <v>5</v>
      </c>
      <c r="C82" s="14">
        <v>4</v>
      </c>
      <c r="D82" s="18">
        <v>9</v>
      </c>
    </row>
    <row r="83" spans="1:4" ht="18" customHeight="1" x14ac:dyDescent="0.15">
      <c r="A83" s="5" t="s">
        <v>28</v>
      </c>
      <c r="B83" s="22">
        <v>10</v>
      </c>
      <c r="C83" s="14">
        <v>9</v>
      </c>
      <c r="D83" s="18">
        <v>19</v>
      </c>
    </row>
    <row r="84" spans="1:4" ht="18" customHeight="1" x14ac:dyDescent="0.15">
      <c r="A84" s="5" t="s">
        <v>31</v>
      </c>
      <c r="B84" s="22">
        <v>58</v>
      </c>
      <c r="C84" s="14">
        <v>48</v>
      </c>
      <c r="D84" s="18">
        <v>106</v>
      </c>
    </row>
    <row r="85" spans="1:4" ht="18" customHeight="1" x14ac:dyDescent="0.15">
      <c r="A85" s="5">
        <v>65</v>
      </c>
      <c r="B85" s="22">
        <v>1</v>
      </c>
      <c r="C85" s="14">
        <v>2</v>
      </c>
      <c r="D85" s="18">
        <v>3</v>
      </c>
    </row>
    <row r="86" spans="1:4" ht="18" customHeight="1" x14ac:dyDescent="0.15">
      <c r="A86" s="5">
        <v>66</v>
      </c>
      <c r="B86" s="22">
        <v>5</v>
      </c>
      <c r="C86" s="14">
        <v>2</v>
      </c>
      <c r="D86" s="18">
        <v>7</v>
      </c>
    </row>
    <row r="87" spans="1:4" ht="18" customHeight="1" x14ac:dyDescent="0.15">
      <c r="A87" s="5">
        <v>67</v>
      </c>
      <c r="B87" s="22">
        <v>2</v>
      </c>
      <c r="C87" s="14">
        <v>3</v>
      </c>
      <c r="D87" s="18">
        <v>5</v>
      </c>
    </row>
    <row r="88" spans="1:4" ht="18" customHeight="1" x14ac:dyDescent="0.15">
      <c r="A88" s="5">
        <v>68</v>
      </c>
      <c r="B88" s="22">
        <v>2</v>
      </c>
      <c r="C88" s="14">
        <v>0</v>
      </c>
      <c r="D88" s="18">
        <v>2</v>
      </c>
    </row>
    <row r="89" spans="1:4" ht="18" customHeight="1" x14ac:dyDescent="0.15">
      <c r="A89" s="5">
        <v>69</v>
      </c>
      <c r="B89" s="22">
        <v>2</v>
      </c>
      <c r="C89" s="14">
        <v>1</v>
      </c>
      <c r="D89" s="18">
        <v>3</v>
      </c>
    </row>
    <row r="90" spans="1:4" ht="18" customHeight="1" x14ac:dyDescent="0.15">
      <c r="A90" s="5" t="s">
        <v>20</v>
      </c>
      <c r="B90" s="22">
        <v>12</v>
      </c>
      <c r="C90" s="14">
        <v>8</v>
      </c>
      <c r="D90" s="18">
        <v>20</v>
      </c>
    </row>
    <row r="91" spans="1:4" ht="18" customHeight="1" x14ac:dyDescent="0.15">
      <c r="A91" s="5">
        <v>70</v>
      </c>
      <c r="B91" s="22">
        <v>0</v>
      </c>
      <c r="C91" s="14">
        <v>5</v>
      </c>
      <c r="D91" s="18">
        <v>5</v>
      </c>
    </row>
    <row r="92" spans="1:4" ht="18" customHeight="1" x14ac:dyDescent="0.15">
      <c r="A92" s="5">
        <v>71</v>
      </c>
      <c r="B92" s="22">
        <v>1</v>
      </c>
      <c r="C92" s="14">
        <v>1</v>
      </c>
      <c r="D92" s="18">
        <v>2</v>
      </c>
    </row>
    <row r="93" spans="1:4" ht="18" customHeight="1" x14ac:dyDescent="0.15">
      <c r="A93" s="5">
        <v>72</v>
      </c>
      <c r="B93" s="22">
        <v>4</v>
      </c>
      <c r="C93" s="14">
        <v>1</v>
      </c>
      <c r="D93" s="18">
        <v>5</v>
      </c>
    </row>
    <row r="94" spans="1:4" ht="18" customHeight="1" x14ac:dyDescent="0.15">
      <c r="A94" s="5">
        <v>73</v>
      </c>
      <c r="B94" s="22">
        <v>2</v>
      </c>
      <c r="C94" s="14">
        <v>1</v>
      </c>
      <c r="D94" s="18">
        <v>3</v>
      </c>
    </row>
    <row r="95" spans="1:4" ht="18" customHeight="1" x14ac:dyDescent="0.15">
      <c r="A95" s="5">
        <v>74</v>
      </c>
      <c r="B95" s="22">
        <v>1</v>
      </c>
      <c r="C95" s="14">
        <v>2</v>
      </c>
      <c r="D95" s="18">
        <v>3</v>
      </c>
    </row>
    <row r="96" spans="1:4" ht="18" customHeight="1" x14ac:dyDescent="0.15">
      <c r="A96" s="5" t="s">
        <v>33</v>
      </c>
      <c r="B96" s="22">
        <v>8</v>
      </c>
      <c r="C96" s="14">
        <v>10</v>
      </c>
      <c r="D96" s="18">
        <v>18</v>
      </c>
    </row>
    <row r="97" spans="1:4" ht="18" customHeight="1" x14ac:dyDescent="0.15">
      <c r="A97" s="5">
        <v>75</v>
      </c>
      <c r="B97" s="22">
        <v>3</v>
      </c>
      <c r="C97" s="14">
        <v>1</v>
      </c>
      <c r="D97" s="18">
        <v>4</v>
      </c>
    </row>
    <row r="98" spans="1:4" ht="18" customHeight="1" x14ac:dyDescent="0.15">
      <c r="A98" s="5">
        <v>76</v>
      </c>
      <c r="B98" s="22">
        <v>6</v>
      </c>
      <c r="C98" s="14">
        <v>3</v>
      </c>
      <c r="D98" s="18">
        <v>9</v>
      </c>
    </row>
    <row r="99" spans="1:4" ht="18" customHeight="1" x14ac:dyDescent="0.15">
      <c r="A99" s="5">
        <v>77</v>
      </c>
      <c r="B99" s="22">
        <v>3</v>
      </c>
      <c r="C99" s="14">
        <v>1</v>
      </c>
      <c r="D99" s="18">
        <v>4</v>
      </c>
    </row>
    <row r="100" spans="1:4" ht="18" customHeight="1" x14ac:dyDescent="0.15">
      <c r="A100" s="5">
        <v>78</v>
      </c>
      <c r="B100" s="22">
        <v>2</v>
      </c>
      <c r="C100" s="14">
        <v>1</v>
      </c>
      <c r="D100" s="18">
        <v>3</v>
      </c>
    </row>
    <row r="101" spans="1:4" ht="18" customHeight="1" x14ac:dyDescent="0.15">
      <c r="A101" s="5">
        <v>79</v>
      </c>
      <c r="B101" s="22">
        <v>2</v>
      </c>
      <c r="C101" s="14">
        <v>1</v>
      </c>
      <c r="D101" s="18">
        <v>3</v>
      </c>
    </row>
    <row r="102" spans="1:4" ht="18" customHeight="1" x14ac:dyDescent="0.15">
      <c r="A102" s="5" t="s">
        <v>0</v>
      </c>
      <c r="B102" s="22">
        <v>16</v>
      </c>
      <c r="C102" s="14">
        <v>7</v>
      </c>
      <c r="D102" s="18">
        <v>23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3</v>
      </c>
      <c r="D104" s="18">
        <v>4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2</v>
      </c>
      <c r="C107" s="14">
        <v>0</v>
      </c>
      <c r="D107" s="18">
        <v>2</v>
      </c>
    </row>
    <row r="108" spans="1:4" ht="18" customHeight="1" x14ac:dyDescent="0.15">
      <c r="A108" s="5" t="s">
        <v>35</v>
      </c>
      <c r="B108" s="22">
        <v>6</v>
      </c>
      <c r="C108" s="14">
        <v>9</v>
      </c>
      <c r="D108" s="18">
        <v>1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1</v>
      </c>
      <c r="D110" s="18">
        <v>1</v>
      </c>
    </row>
    <row r="111" spans="1:4" ht="18" customHeight="1" x14ac:dyDescent="0.15">
      <c r="A111" s="5">
        <v>87</v>
      </c>
      <c r="B111" s="22">
        <v>1</v>
      </c>
      <c r="C111" s="14">
        <v>3</v>
      </c>
      <c r="D111" s="18">
        <v>4</v>
      </c>
    </row>
    <row r="112" spans="1:4" ht="18" customHeight="1" x14ac:dyDescent="0.15">
      <c r="A112" s="5">
        <v>88</v>
      </c>
      <c r="B112" s="22">
        <v>0</v>
      </c>
      <c r="C112" s="14">
        <v>2</v>
      </c>
      <c r="D112" s="18">
        <v>2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3</v>
      </c>
      <c r="C114" s="14">
        <v>9</v>
      </c>
      <c r="D114" s="18">
        <v>12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1</v>
      </c>
      <c r="C120" s="14">
        <v>1</v>
      </c>
      <c r="D120" s="18">
        <v>2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46</v>
      </c>
      <c r="C130" s="14">
        <v>50</v>
      </c>
      <c r="D130" s="18">
        <v>96</v>
      </c>
    </row>
    <row r="131" spans="1:4" ht="18" customHeight="1" x14ac:dyDescent="0.15">
      <c r="A131" s="7" t="s">
        <v>45</v>
      </c>
      <c r="B131" s="23">
        <v>115</v>
      </c>
      <c r="C131" s="15">
        <v>107</v>
      </c>
      <c r="D131" s="19">
        <v>2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3</v>
      </c>
      <c r="C6" s="14">
        <v>3</v>
      </c>
      <c r="D6" s="18">
        <v>6</v>
      </c>
    </row>
    <row r="7" spans="1:4" ht="18" customHeight="1" x14ac:dyDescent="0.15">
      <c r="A7" s="5">
        <v>2</v>
      </c>
      <c r="B7" s="27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7">
        <v>4</v>
      </c>
      <c r="C8" s="14">
        <v>3</v>
      </c>
      <c r="D8" s="18">
        <v>7</v>
      </c>
    </row>
    <row r="9" spans="1:4" ht="18" customHeight="1" x14ac:dyDescent="0.15">
      <c r="A9" s="5">
        <v>4</v>
      </c>
      <c r="B9" s="28">
        <v>3</v>
      </c>
      <c r="C9" s="30">
        <v>3</v>
      </c>
      <c r="D9" s="32">
        <v>6</v>
      </c>
    </row>
    <row r="10" spans="1:4" ht="18" customHeight="1" x14ac:dyDescent="0.15">
      <c r="A10" s="5" t="s">
        <v>7</v>
      </c>
      <c r="B10" s="22">
        <v>14</v>
      </c>
      <c r="C10" s="14">
        <v>12</v>
      </c>
      <c r="D10" s="18">
        <v>26</v>
      </c>
    </row>
    <row r="11" spans="1:4" ht="18" customHeight="1" x14ac:dyDescent="0.15">
      <c r="A11" s="5">
        <v>5</v>
      </c>
      <c r="B11" s="27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7">
        <v>2</v>
      </c>
      <c r="C12" s="14">
        <v>3</v>
      </c>
      <c r="D12" s="18">
        <v>5</v>
      </c>
    </row>
    <row r="13" spans="1:4" ht="18" customHeight="1" x14ac:dyDescent="0.15">
      <c r="A13" s="5">
        <v>7</v>
      </c>
      <c r="B13" s="27">
        <v>3</v>
      </c>
      <c r="C13" s="14">
        <v>4</v>
      </c>
      <c r="D13" s="18">
        <v>7</v>
      </c>
    </row>
    <row r="14" spans="1:4" ht="18" customHeight="1" x14ac:dyDescent="0.15">
      <c r="A14" s="5">
        <v>8</v>
      </c>
      <c r="B14" s="27">
        <v>6</v>
      </c>
      <c r="C14" s="14">
        <v>2</v>
      </c>
      <c r="D14" s="18">
        <v>8</v>
      </c>
    </row>
    <row r="15" spans="1:4" ht="18" customHeight="1" x14ac:dyDescent="0.15">
      <c r="A15" s="5">
        <v>9</v>
      </c>
      <c r="B15" s="27">
        <v>6</v>
      </c>
      <c r="C15" s="14">
        <v>6</v>
      </c>
      <c r="D15" s="18">
        <v>12</v>
      </c>
    </row>
    <row r="16" spans="1:4" ht="18" customHeight="1" x14ac:dyDescent="0.15">
      <c r="A16" s="5" t="s">
        <v>11</v>
      </c>
      <c r="B16" s="22">
        <v>19</v>
      </c>
      <c r="C16" s="14">
        <v>18</v>
      </c>
      <c r="D16" s="18">
        <v>37</v>
      </c>
    </row>
    <row r="17" spans="1:4" ht="18" customHeight="1" x14ac:dyDescent="0.15">
      <c r="A17" s="5">
        <v>10</v>
      </c>
      <c r="B17" s="22">
        <v>8</v>
      </c>
      <c r="C17" s="14">
        <v>2</v>
      </c>
      <c r="D17" s="18">
        <v>10</v>
      </c>
    </row>
    <row r="18" spans="1:4" ht="18" customHeight="1" x14ac:dyDescent="0.15">
      <c r="A18" s="5">
        <v>11</v>
      </c>
      <c r="B18" s="22">
        <v>3</v>
      </c>
      <c r="C18" s="14">
        <v>2</v>
      </c>
      <c r="D18" s="18">
        <v>5</v>
      </c>
    </row>
    <row r="19" spans="1:4" ht="18" customHeight="1" x14ac:dyDescent="0.15">
      <c r="A19" s="5">
        <v>12</v>
      </c>
      <c r="B19" s="22">
        <v>2</v>
      </c>
      <c r="C19" s="14">
        <v>7</v>
      </c>
      <c r="D19" s="18">
        <v>9</v>
      </c>
    </row>
    <row r="20" spans="1:4" ht="18" customHeight="1" x14ac:dyDescent="0.15">
      <c r="A20" s="5">
        <v>13</v>
      </c>
      <c r="B20" s="22">
        <v>2</v>
      </c>
      <c r="C20" s="14">
        <v>5</v>
      </c>
      <c r="D20" s="18">
        <v>7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20</v>
      </c>
      <c r="C22" s="14">
        <v>19</v>
      </c>
      <c r="D22" s="18">
        <v>39</v>
      </c>
    </row>
    <row r="23" spans="1:4" ht="18" customHeight="1" x14ac:dyDescent="0.15">
      <c r="A23" s="5" t="s">
        <v>6</v>
      </c>
      <c r="B23" s="22">
        <v>53</v>
      </c>
      <c r="C23" s="14">
        <v>49</v>
      </c>
      <c r="D23" s="18">
        <v>102</v>
      </c>
    </row>
    <row r="24" spans="1:4" ht="18" customHeight="1" x14ac:dyDescent="0.15">
      <c r="A24" s="5">
        <v>15</v>
      </c>
      <c r="B24" s="22">
        <v>5</v>
      </c>
      <c r="C24" s="14">
        <v>3</v>
      </c>
      <c r="D24" s="18">
        <v>8</v>
      </c>
    </row>
    <row r="25" spans="1:4" ht="18" customHeight="1" x14ac:dyDescent="0.15">
      <c r="A25" s="5">
        <v>16</v>
      </c>
      <c r="B25" s="22">
        <v>6</v>
      </c>
      <c r="C25" s="14">
        <v>6</v>
      </c>
      <c r="D25" s="18">
        <v>12</v>
      </c>
    </row>
    <row r="26" spans="1:4" ht="18" customHeight="1" x14ac:dyDescent="0.15">
      <c r="A26" s="5">
        <v>17</v>
      </c>
      <c r="B26" s="22">
        <v>8</v>
      </c>
      <c r="C26" s="14">
        <v>5</v>
      </c>
      <c r="D26" s="18">
        <v>13</v>
      </c>
    </row>
    <row r="27" spans="1:4" ht="18" customHeight="1" x14ac:dyDescent="0.15">
      <c r="A27" s="5">
        <v>18</v>
      </c>
      <c r="B27" s="22">
        <v>5</v>
      </c>
      <c r="C27" s="14">
        <v>7</v>
      </c>
      <c r="D27" s="18">
        <v>12</v>
      </c>
    </row>
    <row r="28" spans="1:4" ht="18" customHeight="1" x14ac:dyDescent="0.15">
      <c r="A28" s="5">
        <v>19</v>
      </c>
      <c r="B28" s="22">
        <v>10</v>
      </c>
      <c r="C28" s="14">
        <v>9</v>
      </c>
      <c r="D28" s="18">
        <v>19</v>
      </c>
    </row>
    <row r="29" spans="1:4" ht="18" customHeight="1" x14ac:dyDescent="0.15">
      <c r="A29" s="5" t="s">
        <v>14</v>
      </c>
      <c r="B29" s="22">
        <v>34</v>
      </c>
      <c r="C29" s="14">
        <v>30</v>
      </c>
      <c r="D29" s="18">
        <v>64</v>
      </c>
    </row>
    <row r="30" spans="1:4" ht="18" customHeight="1" x14ac:dyDescent="0.15">
      <c r="A30" s="5">
        <v>20</v>
      </c>
      <c r="B30" s="22">
        <v>4</v>
      </c>
      <c r="C30" s="14">
        <v>7</v>
      </c>
      <c r="D30" s="18">
        <v>11</v>
      </c>
    </row>
    <row r="31" spans="1:4" ht="18" customHeight="1" x14ac:dyDescent="0.15">
      <c r="A31" s="5">
        <v>21</v>
      </c>
      <c r="B31" s="22">
        <v>12</v>
      </c>
      <c r="C31" s="14">
        <v>8</v>
      </c>
      <c r="D31" s="18">
        <v>20</v>
      </c>
    </row>
    <row r="32" spans="1:4" ht="18" customHeight="1" x14ac:dyDescent="0.15">
      <c r="A32" s="5">
        <v>22</v>
      </c>
      <c r="B32" s="22">
        <v>4</v>
      </c>
      <c r="C32" s="14">
        <v>11</v>
      </c>
      <c r="D32" s="18">
        <v>15</v>
      </c>
    </row>
    <row r="33" spans="1:4" ht="18" customHeight="1" x14ac:dyDescent="0.15">
      <c r="A33" s="5">
        <v>23</v>
      </c>
      <c r="B33" s="22">
        <v>7</v>
      </c>
      <c r="C33" s="14">
        <v>1</v>
      </c>
      <c r="D33" s="18">
        <v>8</v>
      </c>
    </row>
    <row r="34" spans="1:4" ht="18" customHeight="1" x14ac:dyDescent="0.15">
      <c r="A34" s="5">
        <v>24</v>
      </c>
      <c r="B34" s="22">
        <v>8</v>
      </c>
      <c r="C34" s="14">
        <v>5</v>
      </c>
      <c r="D34" s="18">
        <v>13</v>
      </c>
    </row>
    <row r="35" spans="1:4" ht="18" customHeight="1" x14ac:dyDescent="0.15">
      <c r="A35" s="5" t="s">
        <v>9</v>
      </c>
      <c r="B35" s="22">
        <v>35</v>
      </c>
      <c r="C35" s="14">
        <v>32</v>
      </c>
      <c r="D35" s="18">
        <v>67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5</v>
      </c>
      <c r="C37" s="14">
        <v>6</v>
      </c>
      <c r="D37" s="18">
        <v>11</v>
      </c>
    </row>
    <row r="38" spans="1:4" ht="18" customHeight="1" x14ac:dyDescent="0.15">
      <c r="A38" s="5">
        <v>27</v>
      </c>
      <c r="B38" s="22">
        <v>3</v>
      </c>
      <c r="C38" s="14">
        <v>6</v>
      </c>
      <c r="D38" s="18">
        <v>9</v>
      </c>
    </row>
    <row r="39" spans="1:4" ht="18" customHeight="1" x14ac:dyDescent="0.15">
      <c r="A39" s="5">
        <v>28</v>
      </c>
      <c r="B39" s="22">
        <v>7</v>
      </c>
      <c r="C39" s="14">
        <v>4</v>
      </c>
      <c r="D39" s="18">
        <v>11</v>
      </c>
    </row>
    <row r="40" spans="1:4" ht="18" customHeight="1" x14ac:dyDescent="0.15">
      <c r="A40" s="5">
        <v>29</v>
      </c>
      <c r="B40" s="22">
        <v>11</v>
      </c>
      <c r="C40" s="14">
        <v>3</v>
      </c>
      <c r="D40" s="18">
        <v>14</v>
      </c>
    </row>
    <row r="41" spans="1:4" ht="18" customHeight="1" x14ac:dyDescent="0.15">
      <c r="A41" s="5" t="s">
        <v>2</v>
      </c>
      <c r="B41" s="22">
        <v>30</v>
      </c>
      <c r="C41" s="14">
        <v>22</v>
      </c>
      <c r="D41" s="18">
        <v>52</v>
      </c>
    </row>
    <row r="42" spans="1:4" ht="18" customHeight="1" x14ac:dyDescent="0.15">
      <c r="A42" s="5">
        <v>30</v>
      </c>
      <c r="B42" s="22">
        <v>5</v>
      </c>
      <c r="C42" s="14">
        <v>4</v>
      </c>
      <c r="D42" s="18">
        <v>9</v>
      </c>
    </row>
    <row r="43" spans="1:4" ht="18" customHeight="1" x14ac:dyDescent="0.15">
      <c r="A43" s="5">
        <v>31</v>
      </c>
      <c r="B43" s="22">
        <v>8</v>
      </c>
      <c r="C43" s="14">
        <v>3</v>
      </c>
      <c r="D43" s="18">
        <v>11</v>
      </c>
    </row>
    <row r="44" spans="1:4" ht="18" customHeight="1" x14ac:dyDescent="0.15">
      <c r="A44" s="5">
        <v>32</v>
      </c>
      <c r="B44" s="22">
        <v>7</v>
      </c>
      <c r="C44" s="14">
        <v>6</v>
      </c>
      <c r="D44" s="18">
        <v>13</v>
      </c>
    </row>
    <row r="45" spans="1:4" ht="18" customHeight="1" x14ac:dyDescent="0.15">
      <c r="A45" s="5">
        <v>33</v>
      </c>
      <c r="B45" s="22">
        <v>8</v>
      </c>
      <c r="C45" s="14">
        <v>5</v>
      </c>
      <c r="D45" s="18">
        <v>13</v>
      </c>
    </row>
    <row r="46" spans="1:4" ht="18" customHeight="1" x14ac:dyDescent="0.15">
      <c r="A46" s="5">
        <v>34</v>
      </c>
      <c r="B46" s="22">
        <v>11</v>
      </c>
      <c r="C46" s="14">
        <v>6</v>
      </c>
      <c r="D46" s="18">
        <v>17</v>
      </c>
    </row>
    <row r="47" spans="1:4" ht="18" customHeight="1" x14ac:dyDescent="0.15">
      <c r="A47" s="5" t="s">
        <v>15</v>
      </c>
      <c r="B47" s="22">
        <v>39</v>
      </c>
      <c r="C47" s="14">
        <v>24</v>
      </c>
      <c r="D47" s="18">
        <v>63</v>
      </c>
    </row>
    <row r="48" spans="1:4" ht="18" customHeight="1" x14ac:dyDescent="0.15">
      <c r="A48" s="5">
        <v>35</v>
      </c>
      <c r="B48" s="22">
        <v>13</v>
      </c>
      <c r="C48" s="14">
        <v>7</v>
      </c>
      <c r="D48" s="18">
        <v>20</v>
      </c>
    </row>
    <row r="49" spans="1:4" ht="18" customHeight="1" x14ac:dyDescent="0.15">
      <c r="A49" s="5">
        <v>36</v>
      </c>
      <c r="B49" s="22">
        <v>7</v>
      </c>
      <c r="C49" s="14">
        <v>10</v>
      </c>
      <c r="D49" s="18">
        <v>17</v>
      </c>
    </row>
    <row r="50" spans="1:4" ht="18" customHeight="1" x14ac:dyDescent="0.15">
      <c r="A50" s="5">
        <v>37</v>
      </c>
      <c r="B50" s="22">
        <v>8</v>
      </c>
      <c r="C50" s="14">
        <v>11</v>
      </c>
      <c r="D50" s="18">
        <v>19</v>
      </c>
    </row>
    <row r="51" spans="1:4" ht="18" customHeight="1" x14ac:dyDescent="0.15">
      <c r="A51" s="5">
        <v>38</v>
      </c>
      <c r="B51" s="22">
        <v>9</v>
      </c>
      <c r="C51" s="14">
        <v>6</v>
      </c>
      <c r="D51" s="18">
        <v>15</v>
      </c>
    </row>
    <row r="52" spans="1:4" ht="18" customHeight="1" x14ac:dyDescent="0.15">
      <c r="A52" s="5">
        <v>39</v>
      </c>
      <c r="B52" s="22">
        <v>13</v>
      </c>
      <c r="C52" s="14">
        <v>12</v>
      </c>
      <c r="D52" s="18">
        <v>25</v>
      </c>
    </row>
    <row r="53" spans="1:4" ht="18" customHeight="1" x14ac:dyDescent="0.15">
      <c r="A53" s="5" t="s">
        <v>18</v>
      </c>
      <c r="B53" s="22">
        <v>50</v>
      </c>
      <c r="C53" s="14">
        <v>46</v>
      </c>
      <c r="D53" s="18">
        <v>96</v>
      </c>
    </row>
    <row r="54" spans="1:4" ht="18" customHeight="1" x14ac:dyDescent="0.15">
      <c r="A54" s="5">
        <v>40</v>
      </c>
      <c r="B54" s="22">
        <v>9</v>
      </c>
      <c r="C54" s="14">
        <v>7</v>
      </c>
      <c r="D54" s="18">
        <v>16</v>
      </c>
    </row>
    <row r="55" spans="1:4" ht="18" customHeight="1" x14ac:dyDescent="0.15">
      <c r="A55" s="5">
        <v>41</v>
      </c>
      <c r="B55" s="22">
        <v>11</v>
      </c>
      <c r="C55" s="14">
        <v>9</v>
      </c>
      <c r="D55" s="18">
        <v>20</v>
      </c>
    </row>
    <row r="56" spans="1:4" ht="18" customHeight="1" x14ac:dyDescent="0.15">
      <c r="A56" s="5">
        <v>42</v>
      </c>
      <c r="B56" s="22">
        <v>17</v>
      </c>
      <c r="C56" s="14">
        <v>6</v>
      </c>
      <c r="D56" s="18">
        <v>23</v>
      </c>
    </row>
    <row r="57" spans="1:4" ht="18" customHeight="1" x14ac:dyDescent="0.15">
      <c r="A57" s="5">
        <v>43</v>
      </c>
      <c r="B57" s="22">
        <v>18</v>
      </c>
      <c r="C57" s="14">
        <v>21</v>
      </c>
      <c r="D57" s="18">
        <v>39</v>
      </c>
    </row>
    <row r="58" spans="1:4" ht="18" customHeight="1" x14ac:dyDescent="0.15">
      <c r="A58" s="5">
        <v>44</v>
      </c>
      <c r="B58" s="22">
        <v>18</v>
      </c>
      <c r="C58" s="14">
        <v>11</v>
      </c>
      <c r="D58" s="18">
        <v>29</v>
      </c>
    </row>
    <row r="59" spans="1:4" ht="18" customHeight="1" x14ac:dyDescent="0.15">
      <c r="A59" s="5" t="s">
        <v>21</v>
      </c>
      <c r="B59" s="22">
        <v>73</v>
      </c>
      <c r="C59" s="14">
        <v>54</v>
      </c>
      <c r="D59" s="18">
        <v>127</v>
      </c>
    </row>
    <row r="60" spans="1:4" ht="18" customHeight="1" x14ac:dyDescent="0.15">
      <c r="A60" s="5">
        <v>45</v>
      </c>
      <c r="B60" s="22">
        <v>11</v>
      </c>
      <c r="C60" s="14">
        <v>9</v>
      </c>
      <c r="D60" s="18">
        <v>20</v>
      </c>
    </row>
    <row r="61" spans="1:4" ht="18" customHeight="1" x14ac:dyDescent="0.15">
      <c r="A61" s="5">
        <v>46</v>
      </c>
      <c r="B61" s="22">
        <v>11</v>
      </c>
      <c r="C61" s="14">
        <v>8</v>
      </c>
      <c r="D61" s="18">
        <v>19</v>
      </c>
    </row>
    <row r="62" spans="1:4" ht="18" customHeight="1" x14ac:dyDescent="0.15">
      <c r="A62" s="5">
        <v>47</v>
      </c>
      <c r="B62" s="22">
        <v>15</v>
      </c>
      <c r="C62" s="14">
        <v>11</v>
      </c>
      <c r="D62" s="18">
        <v>26</v>
      </c>
    </row>
    <row r="63" spans="1:4" ht="18" customHeight="1" x14ac:dyDescent="0.15">
      <c r="A63" s="5">
        <v>48</v>
      </c>
      <c r="B63" s="22">
        <v>13</v>
      </c>
      <c r="C63" s="14">
        <v>11</v>
      </c>
      <c r="D63" s="18">
        <v>24</v>
      </c>
    </row>
    <row r="64" spans="1:4" ht="18" customHeight="1" x14ac:dyDescent="0.15">
      <c r="A64" s="5">
        <v>49</v>
      </c>
      <c r="B64" s="22">
        <v>16</v>
      </c>
      <c r="C64" s="14">
        <v>14</v>
      </c>
      <c r="D64" s="18">
        <v>30</v>
      </c>
    </row>
    <row r="65" spans="1:4" ht="18" customHeight="1" x14ac:dyDescent="0.15">
      <c r="A65" s="5" t="s">
        <v>17</v>
      </c>
      <c r="B65" s="22">
        <v>66</v>
      </c>
      <c r="C65" s="14">
        <v>53</v>
      </c>
      <c r="D65" s="18">
        <v>119</v>
      </c>
    </row>
    <row r="66" spans="1:4" ht="18" customHeight="1" x14ac:dyDescent="0.15">
      <c r="A66" s="5">
        <v>50</v>
      </c>
      <c r="B66" s="22">
        <v>18</v>
      </c>
      <c r="C66" s="14">
        <v>15</v>
      </c>
      <c r="D66" s="18">
        <v>33</v>
      </c>
    </row>
    <row r="67" spans="1:4" ht="18" customHeight="1" x14ac:dyDescent="0.15">
      <c r="A67" s="5">
        <v>51</v>
      </c>
      <c r="B67" s="22">
        <v>18</v>
      </c>
      <c r="C67" s="14">
        <v>9</v>
      </c>
      <c r="D67" s="18">
        <v>27</v>
      </c>
    </row>
    <row r="68" spans="1:4" ht="18" customHeight="1" x14ac:dyDescent="0.15">
      <c r="A68" s="5">
        <v>52</v>
      </c>
      <c r="B68" s="22">
        <v>10</v>
      </c>
      <c r="C68" s="14">
        <v>7</v>
      </c>
      <c r="D68" s="18">
        <v>17</v>
      </c>
    </row>
    <row r="69" spans="1:4" ht="18" customHeight="1" x14ac:dyDescent="0.15">
      <c r="A69" s="5">
        <v>53</v>
      </c>
      <c r="B69" s="22">
        <v>14</v>
      </c>
      <c r="C69" s="14">
        <v>5</v>
      </c>
      <c r="D69" s="18">
        <v>19</v>
      </c>
    </row>
    <row r="70" spans="1:4" ht="18" customHeight="1" x14ac:dyDescent="0.15">
      <c r="A70" s="5">
        <v>54</v>
      </c>
      <c r="B70" s="22">
        <v>13</v>
      </c>
      <c r="C70" s="14">
        <v>14</v>
      </c>
      <c r="D70" s="18">
        <v>27</v>
      </c>
    </row>
    <row r="71" spans="1:4" ht="18" customHeight="1" x14ac:dyDescent="0.15">
      <c r="A71" s="5" t="s">
        <v>22</v>
      </c>
      <c r="B71" s="22">
        <v>73</v>
      </c>
      <c r="C71" s="14">
        <v>50</v>
      </c>
      <c r="D71" s="18">
        <v>123</v>
      </c>
    </row>
    <row r="72" spans="1:4" ht="18" customHeight="1" x14ac:dyDescent="0.15">
      <c r="A72" s="5">
        <v>55</v>
      </c>
      <c r="B72" s="22">
        <v>17</v>
      </c>
      <c r="C72" s="14">
        <v>14</v>
      </c>
      <c r="D72" s="18">
        <v>31</v>
      </c>
    </row>
    <row r="73" spans="1:4" ht="18" customHeight="1" x14ac:dyDescent="0.15">
      <c r="A73" s="5">
        <v>56</v>
      </c>
      <c r="B73" s="22">
        <v>11</v>
      </c>
      <c r="C73" s="14">
        <v>11</v>
      </c>
      <c r="D73" s="18">
        <v>22</v>
      </c>
    </row>
    <row r="74" spans="1:4" ht="18" customHeight="1" x14ac:dyDescent="0.15">
      <c r="A74" s="5">
        <v>57</v>
      </c>
      <c r="B74" s="22">
        <v>10</v>
      </c>
      <c r="C74" s="14">
        <v>10</v>
      </c>
      <c r="D74" s="18">
        <v>20</v>
      </c>
    </row>
    <row r="75" spans="1:4" ht="18" customHeight="1" x14ac:dyDescent="0.15">
      <c r="A75" s="5">
        <v>58</v>
      </c>
      <c r="B75" s="22">
        <v>14</v>
      </c>
      <c r="C75" s="14">
        <v>7</v>
      </c>
      <c r="D75" s="18">
        <v>21</v>
      </c>
    </row>
    <row r="76" spans="1:4" ht="18" customHeight="1" x14ac:dyDescent="0.15">
      <c r="A76" s="5">
        <v>59</v>
      </c>
      <c r="B76" s="22">
        <v>10</v>
      </c>
      <c r="C76" s="14">
        <v>11</v>
      </c>
      <c r="D76" s="18">
        <v>21</v>
      </c>
    </row>
    <row r="77" spans="1:4" ht="18" customHeight="1" x14ac:dyDescent="0.15">
      <c r="A77" s="5" t="s">
        <v>27</v>
      </c>
      <c r="B77" s="22">
        <v>62</v>
      </c>
      <c r="C77" s="14">
        <v>53</v>
      </c>
      <c r="D77" s="18">
        <v>115</v>
      </c>
    </row>
    <row r="78" spans="1:4" ht="18" customHeight="1" x14ac:dyDescent="0.15">
      <c r="A78" s="5">
        <v>60</v>
      </c>
      <c r="B78" s="22">
        <v>14</v>
      </c>
      <c r="C78" s="14">
        <v>12</v>
      </c>
      <c r="D78" s="18">
        <v>26</v>
      </c>
    </row>
    <row r="79" spans="1:4" ht="18" customHeight="1" x14ac:dyDescent="0.15">
      <c r="A79" s="5">
        <v>61</v>
      </c>
      <c r="B79" s="22">
        <v>15</v>
      </c>
      <c r="C79" s="14">
        <v>16</v>
      </c>
      <c r="D79" s="18">
        <v>31</v>
      </c>
    </row>
    <row r="80" spans="1:4" ht="18" customHeight="1" x14ac:dyDescent="0.15">
      <c r="A80" s="5">
        <v>62</v>
      </c>
      <c r="B80" s="22">
        <v>15</v>
      </c>
      <c r="C80" s="14">
        <v>11</v>
      </c>
      <c r="D80" s="18">
        <v>26</v>
      </c>
    </row>
    <row r="81" spans="1:4" ht="18" customHeight="1" x14ac:dyDescent="0.15">
      <c r="A81" s="5">
        <v>63</v>
      </c>
      <c r="B81" s="22">
        <v>6</v>
      </c>
      <c r="C81" s="14">
        <v>9</v>
      </c>
      <c r="D81" s="18">
        <v>15</v>
      </c>
    </row>
    <row r="82" spans="1:4" ht="18" customHeight="1" x14ac:dyDescent="0.15">
      <c r="A82" s="5">
        <v>64</v>
      </c>
      <c r="B82" s="22">
        <v>13</v>
      </c>
      <c r="C82" s="14">
        <v>14</v>
      </c>
      <c r="D82" s="18">
        <v>27</v>
      </c>
    </row>
    <row r="83" spans="1:4" ht="18" customHeight="1" x14ac:dyDescent="0.15">
      <c r="A83" s="5" t="s">
        <v>28</v>
      </c>
      <c r="B83" s="22">
        <v>63</v>
      </c>
      <c r="C83" s="14">
        <v>62</v>
      </c>
      <c r="D83" s="18">
        <v>125</v>
      </c>
    </row>
    <row r="84" spans="1:4" ht="18" customHeight="1" x14ac:dyDescent="0.15">
      <c r="A84" s="5" t="s">
        <v>31</v>
      </c>
      <c r="B84" s="22">
        <v>525</v>
      </c>
      <c r="C84" s="14">
        <v>426</v>
      </c>
      <c r="D84" s="18">
        <v>951</v>
      </c>
    </row>
    <row r="85" spans="1:4" ht="18" customHeight="1" x14ac:dyDescent="0.15">
      <c r="A85" s="5">
        <v>65</v>
      </c>
      <c r="B85" s="22">
        <v>10</v>
      </c>
      <c r="C85" s="14">
        <v>15</v>
      </c>
      <c r="D85" s="18">
        <v>25</v>
      </c>
    </row>
    <row r="86" spans="1:4" ht="18" customHeight="1" x14ac:dyDescent="0.15">
      <c r="A86" s="5">
        <v>66</v>
      </c>
      <c r="B86" s="22">
        <v>12</v>
      </c>
      <c r="C86" s="14">
        <v>20</v>
      </c>
      <c r="D86" s="18">
        <v>32</v>
      </c>
    </row>
    <row r="87" spans="1:4" ht="18" customHeight="1" x14ac:dyDescent="0.15">
      <c r="A87" s="5">
        <v>67</v>
      </c>
      <c r="B87" s="22">
        <v>13</v>
      </c>
      <c r="C87" s="14">
        <v>20</v>
      </c>
      <c r="D87" s="18">
        <v>33</v>
      </c>
    </row>
    <row r="88" spans="1:4" ht="18" customHeight="1" x14ac:dyDescent="0.15">
      <c r="A88" s="5">
        <v>68</v>
      </c>
      <c r="B88" s="22">
        <v>19</v>
      </c>
      <c r="C88" s="14">
        <v>25</v>
      </c>
      <c r="D88" s="18">
        <v>44</v>
      </c>
    </row>
    <row r="89" spans="1:4" ht="18" customHeight="1" x14ac:dyDescent="0.15">
      <c r="A89" s="5">
        <v>69</v>
      </c>
      <c r="B89" s="22">
        <v>24</v>
      </c>
      <c r="C89" s="14">
        <v>15</v>
      </c>
      <c r="D89" s="18">
        <v>39</v>
      </c>
    </row>
    <row r="90" spans="1:4" ht="18" customHeight="1" x14ac:dyDescent="0.15">
      <c r="A90" s="5" t="s">
        <v>20</v>
      </c>
      <c r="B90" s="22">
        <v>78</v>
      </c>
      <c r="C90" s="14">
        <v>95</v>
      </c>
      <c r="D90" s="18">
        <v>173</v>
      </c>
    </row>
    <row r="91" spans="1:4" ht="18" customHeight="1" x14ac:dyDescent="0.15">
      <c r="A91" s="5">
        <v>70</v>
      </c>
      <c r="B91" s="22">
        <v>15</v>
      </c>
      <c r="C91" s="14">
        <v>14</v>
      </c>
      <c r="D91" s="18">
        <v>29</v>
      </c>
    </row>
    <row r="92" spans="1:4" ht="18" customHeight="1" x14ac:dyDescent="0.15">
      <c r="A92" s="5">
        <v>71</v>
      </c>
      <c r="B92" s="22">
        <v>31</v>
      </c>
      <c r="C92" s="14">
        <v>18</v>
      </c>
      <c r="D92" s="18">
        <v>49</v>
      </c>
    </row>
    <row r="93" spans="1:4" ht="18" customHeight="1" x14ac:dyDescent="0.15">
      <c r="A93" s="5">
        <v>72</v>
      </c>
      <c r="B93" s="22">
        <v>23</v>
      </c>
      <c r="C93" s="14">
        <v>23</v>
      </c>
      <c r="D93" s="18">
        <v>46</v>
      </c>
    </row>
    <row r="94" spans="1:4" ht="18" customHeight="1" x14ac:dyDescent="0.15">
      <c r="A94" s="5">
        <v>73</v>
      </c>
      <c r="B94" s="22">
        <v>18</v>
      </c>
      <c r="C94" s="14">
        <v>15</v>
      </c>
      <c r="D94" s="18">
        <v>33</v>
      </c>
    </row>
    <row r="95" spans="1:4" ht="18" customHeight="1" x14ac:dyDescent="0.15">
      <c r="A95" s="5">
        <v>74</v>
      </c>
      <c r="B95" s="22">
        <v>21</v>
      </c>
      <c r="C95" s="14">
        <v>7</v>
      </c>
      <c r="D95" s="18">
        <v>28</v>
      </c>
    </row>
    <row r="96" spans="1:4" ht="18" customHeight="1" x14ac:dyDescent="0.15">
      <c r="A96" s="5" t="s">
        <v>33</v>
      </c>
      <c r="B96" s="22">
        <v>108</v>
      </c>
      <c r="C96" s="14">
        <v>77</v>
      </c>
      <c r="D96" s="18">
        <v>185</v>
      </c>
    </row>
    <row r="97" spans="1:4" ht="18" customHeight="1" x14ac:dyDescent="0.15">
      <c r="A97" s="5">
        <v>75</v>
      </c>
      <c r="B97" s="22">
        <v>17</v>
      </c>
      <c r="C97" s="14">
        <v>17</v>
      </c>
      <c r="D97" s="18">
        <v>34</v>
      </c>
    </row>
    <row r="98" spans="1:4" ht="18" customHeight="1" x14ac:dyDescent="0.15">
      <c r="A98" s="5">
        <v>76</v>
      </c>
      <c r="B98" s="22">
        <v>17</v>
      </c>
      <c r="C98" s="14">
        <v>21</v>
      </c>
      <c r="D98" s="18">
        <v>38</v>
      </c>
    </row>
    <row r="99" spans="1:4" ht="18" customHeight="1" x14ac:dyDescent="0.15">
      <c r="A99" s="5">
        <v>77</v>
      </c>
      <c r="B99" s="22">
        <v>17</v>
      </c>
      <c r="C99" s="14">
        <v>13</v>
      </c>
      <c r="D99" s="18">
        <v>30</v>
      </c>
    </row>
    <row r="100" spans="1:4" ht="18" customHeight="1" x14ac:dyDescent="0.15">
      <c r="A100" s="5">
        <v>78</v>
      </c>
      <c r="B100" s="22">
        <v>21</v>
      </c>
      <c r="C100" s="14">
        <v>28</v>
      </c>
      <c r="D100" s="18">
        <v>49</v>
      </c>
    </row>
    <row r="101" spans="1:4" ht="18" customHeight="1" x14ac:dyDescent="0.15">
      <c r="A101" s="5">
        <v>79</v>
      </c>
      <c r="B101" s="22">
        <v>11</v>
      </c>
      <c r="C101" s="14">
        <v>13</v>
      </c>
      <c r="D101" s="18">
        <v>24</v>
      </c>
    </row>
    <row r="102" spans="1:4" ht="18" customHeight="1" x14ac:dyDescent="0.15">
      <c r="A102" s="5" t="s">
        <v>0</v>
      </c>
      <c r="B102" s="22">
        <v>83</v>
      </c>
      <c r="C102" s="14">
        <v>92</v>
      </c>
      <c r="D102" s="18">
        <v>175</v>
      </c>
    </row>
    <row r="103" spans="1:4" ht="18" customHeight="1" x14ac:dyDescent="0.15">
      <c r="A103" s="5">
        <v>80</v>
      </c>
      <c r="B103" s="22">
        <v>8</v>
      </c>
      <c r="C103" s="14">
        <v>11</v>
      </c>
      <c r="D103" s="18">
        <v>19</v>
      </c>
    </row>
    <row r="104" spans="1:4" ht="18" customHeight="1" x14ac:dyDescent="0.15">
      <c r="A104" s="5">
        <v>81</v>
      </c>
      <c r="B104" s="22">
        <v>13</v>
      </c>
      <c r="C104" s="14">
        <v>13</v>
      </c>
      <c r="D104" s="18">
        <v>26</v>
      </c>
    </row>
    <row r="105" spans="1:4" ht="18" customHeight="1" x14ac:dyDescent="0.15">
      <c r="A105" s="5">
        <v>82</v>
      </c>
      <c r="B105" s="22">
        <v>6</v>
      </c>
      <c r="C105" s="14">
        <v>12</v>
      </c>
      <c r="D105" s="18">
        <v>18</v>
      </c>
    </row>
    <row r="106" spans="1:4" ht="18" customHeight="1" x14ac:dyDescent="0.15">
      <c r="A106" s="5">
        <v>83</v>
      </c>
      <c r="B106" s="22">
        <v>6</v>
      </c>
      <c r="C106" s="14">
        <v>13</v>
      </c>
      <c r="D106" s="18">
        <v>19</v>
      </c>
    </row>
    <row r="107" spans="1:4" ht="18" customHeight="1" x14ac:dyDescent="0.15">
      <c r="A107" s="5">
        <v>84</v>
      </c>
      <c r="B107" s="22">
        <v>5</v>
      </c>
      <c r="C107" s="14">
        <v>12</v>
      </c>
      <c r="D107" s="18">
        <v>17</v>
      </c>
    </row>
    <row r="108" spans="1:4" ht="18" customHeight="1" x14ac:dyDescent="0.15">
      <c r="A108" s="5" t="s">
        <v>35</v>
      </c>
      <c r="B108" s="22">
        <v>38</v>
      </c>
      <c r="C108" s="14">
        <v>61</v>
      </c>
      <c r="D108" s="18">
        <v>99</v>
      </c>
    </row>
    <row r="109" spans="1:4" ht="18" customHeight="1" x14ac:dyDescent="0.15">
      <c r="A109" s="5">
        <v>85</v>
      </c>
      <c r="B109" s="22">
        <v>3</v>
      </c>
      <c r="C109" s="14">
        <v>10</v>
      </c>
      <c r="D109" s="18">
        <v>13</v>
      </c>
    </row>
    <row r="110" spans="1:4" ht="18" customHeight="1" x14ac:dyDescent="0.15">
      <c r="A110" s="5">
        <v>86</v>
      </c>
      <c r="B110" s="22">
        <v>12</v>
      </c>
      <c r="C110" s="14">
        <v>11</v>
      </c>
      <c r="D110" s="18">
        <v>23</v>
      </c>
    </row>
    <row r="111" spans="1:4" ht="18" customHeight="1" x14ac:dyDescent="0.15">
      <c r="A111" s="5">
        <v>87</v>
      </c>
      <c r="B111" s="22">
        <v>5</v>
      </c>
      <c r="C111" s="14">
        <v>5</v>
      </c>
      <c r="D111" s="18">
        <v>10</v>
      </c>
    </row>
    <row r="112" spans="1:4" ht="18" customHeight="1" x14ac:dyDescent="0.15">
      <c r="A112" s="5">
        <v>88</v>
      </c>
      <c r="B112" s="22">
        <v>3</v>
      </c>
      <c r="C112" s="14">
        <v>13</v>
      </c>
      <c r="D112" s="18">
        <v>16</v>
      </c>
    </row>
    <row r="113" spans="1:4" ht="18" customHeight="1" x14ac:dyDescent="0.15">
      <c r="A113" s="5">
        <v>89</v>
      </c>
      <c r="B113" s="22">
        <v>4</v>
      </c>
      <c r="C113" s="14">
        <v>13</v>
      </c>
      <c r="D113" s="18">
        <v>17</v>
      </c>
    </row>
    <row r="114" spans="1:4" ht="18" customHeight="1" x14ac:dyDescent="0.15">
      <c r="A114" s="5" t="s">
        <v>37</v>
      </c>
      <c r="B114" s="22">
        <v>27</v>
      </c>
      <c r="C114" s="14">
        <v>52</v>
      </c>
      <c r="D114" s="18">
        <v>79</v>
      </c>
    </row>
    <row r="115" spans="1:4" ht="18" customHeight="1" x14ac:dyDescent="0.15">
      <c r="A115" s="5">
        <v>90</v>
      </c>
      <c r="B115" s="22">
        <v>1</v>
      </c>
      <c r="C115" s="14">
        <v>9</v>
      </c>
      <c r="D115" s="18">
        <v>10</v>
      </c>
    </row>
    <row r="116" spans="1:4" ht="18" customHeight="1" x14ac:dyDescent="0.15">
      <c r="A116" s="5">
        <v>91</v>
      </c>
      <c r="B116" s="22">
        <v>2</v>
      </c>
      <c r="C116" s="14">
        <v>8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11</v>
      </c>
      <c r="D117" s="18">
        <v>14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1</v>
      </c>
      <c r="C120" s="14">
        <v>41</v>
      </c>
      <c r="D120" s="18">
        <v>52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7</v>
      </c>
      <c r="C126" s="14">
        <v>18</v>
      </c>
      <c r="D126" s="18">
        <v>2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52</v>
      </c>
      <c r="C130" s="14">
        <v>438</v>
      </c>
      <c r="D130" s="18">
        <v>790</v>
      </c>
    </row>
    <row r="131" spans="1:4" ht="18" customHeight="1" x14ac:dyDescent="0.15">
      <c r="A131" s="7" t="s">
        <v>45</v>
      </c>
      <c r="B131" s="23">
        <v>930</v>
      </c>
      <c r="C131" s="15">
        <v>913</v>
      </c>
      <c r="D131" s="19">
        <v>18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3</v>
      </c>
      <c r="C5" s="29">
        <v>20</v>
      </c>
      <c r="D5" s="31">
        <v>43</v>
      </c>
    </row>
    <row r="6" spans="1:4" ht="18" customHeight="1" x14ac:dyDescent="0.15">
      <c r="A6" s="5">
        <v>1</v>
      </c>
      <c r="B6" s="27">
        <v>18</v>
      </c>
      <c r="C6" s="14">
        <v>25</v>
      </c>
      <c r="D6" s="18">
        <v>43</v>
      </c>
    </row>
    <row r="7" spans="1:4" ht="18" customHeight="1" x14ac:dyDescent="0.15">
      <c r="A7" s="5">
        <v>2</v>
      </c>
      <c r="B7" s="27">
        <v>20</v>
      </c>
      <c r="C7" s="14">
        <v>23</v>
      </c>
      <c r="D7" s="18">
        <v>43</v>
      </c>
    </row>
    <row r="8" spans="1:4" ht="18" customHeight="1" x14ac:dyDescent="0.15">
      <c r="A8" s="5">
        <v>3</v>
      </c>
      <c r="B8" s="27">
        <v>19</v>
      </c>
      <c r="C8" s="14">
        <v>25</v>
      </c>
      <c r="D8" s="18">
        <v>44</v>
      </c>
    </row>
    <row r="9" spans="1:4" ht="18" customHeight="1" x14ac:dyDescent="0.15">
      <c r="A9" s="5">
        <v>4</v>
      </c>
      <c r="B9" s="28">
        <v>24</v>
      </c>
      <c r="C9" s="30">
        <v>24</v>
      </c>
      <c r="D9" s="32">
        <v>48</v>
      </c>
    </row>
    <row r="10" spans="1:4" ht="18" customHeight="1" x14ac:dyDescent="0.15">
      <c r="A10" s="5" t="s">
        <v>7</v>
      </c>
      <c r="B10" s="22">
        <v>104</v>
      </c>
      <c r="C10" s="14">
        <v>117</v>
      </c>
      <c r="D10" s="18">
        <v>221</v>
      </c>
    </row>
    <row r="11" spans="1:4" ht="18" customHeight="1" x14ac:dyDescent="0.15">
      <c r="A11" s="5">
        <v>5</v>
      </c>
      <c r="B11" s="27">
        <v>26</v>
      </c>
      <c r="C11" s="14">
        <v>24</v>
      </c>
      <c r="D11" s="18">
        <v>50</v>
      </c>
    </row>
    <row r="12" spans="1:4" ht="18" customHeight="1" x14ac:dyDescent="0.15">
      <c r="A12" s="5">
        <v>6</v>
      </c>
      <c r="B12" s="27">
        <v>36</v>
      </c>
      <c r="C12" s="14">
        <v>20</v>
      </c>
      <c r="D12" s="18">
        <v>56</v>
      </c>
    </row>
    <row r="13" spans="1:4" ht="18" customHeight="1" x14ac:dyDescent="0.15">
      <c r="A13" s="5">
        <v>7</v>
      </c>
      <c r="B13" s="27">
        <v>30</v>
      </c>
      <c r="C13" s="14">
        <v>30</v>
      </c>
      <c r="D13" s="18">
        <v>60</v>
      </c>
    </row>
    <row r="14" spans="1:4" ht="18" customHeight="1" x14ac:dyDescent="0.15">
      <c r="A14" s="5">
        <v>8</v>
      </c>
      <c r="B14" s="27">
        <v>28</v>
      </c>
      <c r="C14" s="14">
        <v>29</v>
      </c>
      <c r="D14" s="18">
        <v>57</v>
      </c>
    </row>
    <row r="15" spans="1:4" ht="18" customHeight="1" x14ac:dyDescent="0.15">
      <c r="A15" s="5">
        <v>9</v>
      </c>
      <c r="B15" s="27">
        <v>27</v>
      </c>
      <c r="C15" s="14">
        <v>34</v>
      </c>
      <c r="D15" s="18">
        <v>61</v>
      </c>
    </row>
    <row r="16" spans="1:4" ht="18" customHeight="1" x14ac:dyDescent="0.15">
      <c r="A16" s="5" t="s">
        <v>11</v>
      </c>
      <c r="B16" s="22">
        <v>147</v>
      </c>
      <c r="C16" s="14">
        <v>137</v>
      </c>
      <c r="D16" s="18">
        <v>284</v>
      </c>
    </row>
    <row r="17" spans="1:4" ht="18" customHeight="1" x14ac:dyDescent="0.15">
      <c r="A17" s="5">
        <v>10</v>
      </c>
      <c r="B17" s="22">
        <v>45</v>
      </c>
      <c r="C17" s="14">
        <v>36</v>
      </c>
      <c r="D17" s="18">
        <v>81</v>
      </c>
    </row>
    <row r="18" spans="1:4" ht="18" customHeight="1" x14ac:dyDescent="0.15">
      <c r="A18" s="5">
        <v>11</v>
      </c>
      <c r="B18" s="22">
        <v>33</v>
      </c>
      <c r="C18" s="14">
        <v>27</v>
      </c>
      <c r="D18" s="18">
        <v>60</v>
      </c>
    </row>
    <row r="19" spans="1:4" ht="18" customHeight="1" x14ac:dyDescent="0.15">
      <c r="A19" s="5">
        <v>12</v>
      </c>
      <c r="B19" s="22">
        <v>34</v>
      </c>
      <c r="C19" s="14">
        <v>39</v>
      </c>
      <c r="D19" s="18">
        <v>73</v>
      </c>
    </row>
    <row r="20" spans="1:4" ht="18" customHeight="1" x14ac:dyDescent="0.15">
      <c r="A20" s="5">
        <v>13</v>
      </c>
      <c r="B20" s="22">
        <v>37</v>
      </c>
      <c r="C20" s="14">
        <v>33</v>
      </c>
      <c r="D20" s="18">
        <v>70</v>
      </c>
    </row>
    <row r="21" spans="1:4" ht="18" customHeight="1" x14ac:dyDescent="0.15">
      <c r="A21" s="5">
        <v>14</v>
      </c>
      <c r="B21" s="22">
        <v>41</v>
      </c>
      <c r="C21" s="14">
        <v>37</v>
      </c>
      <c r="D21" s="18">
        <v>78</v>
      </c>
    </row>
    <row r="22" spans="1:4" ht="18" customHeight="1" x14ac:dyDescent="0.15">
      <c r="A22" s="5" t="s">
        <v>12</v>
      </c>
      <c r="B22" s="22">
        <v>190</v>
      </c>
      <c r="C22" s="14">
        <v>172</v>
      </c>
      <c r="D22" s="18">
        <v>362</v>
      </c>
    </row>
    <row r="23" spans="1:4" ht="18" customHeight="1" x14ac:dyDescent="0.15">
      <c r="A23" s="5" t="s">
        <v>6</v>
      </c>
      <c r="B23" s="22">
        <v>441</v>
      </c>
      <c r="C23" s="14">
        <v>426</v>
      </c>
      <c r="D23" s="18">
        <v>867</v>
      </c>
    </row>
    <row r="24" spans="1:4" ht="18" customHeight="1" x14ac:dyDescent="0.15">
      <c r="A24" s="5">
        <v>15</v>
      </c>
      <c r="B24" s="22">
        <v>48</v>
      </c>
      <c r="C24" s="14">
        <v>48</v>
      </c>
      <c r="D24" s="18">
        <v>96</v>
      </c>
    </row>
    <row r="25" spans="1:4" ht="18" customHeight="1" x14ac:dyDescent="0.15">
      <c r="A25" s="5">
        <v>16</v>
      </c>
      <c r="B25" s="22">
        <v>47</v>
      </c>
      <c r="C25" s="14">
        <v>36</v>
      </c>
      <c r="D25" s="18">
        <v>83</v>
      </c>
    </row>
    <row r="26" spans="1:4" ht="18" customHeight="1" x14ac:dyDescent="0.15">
      <c r="A26" s="5">
        <v>17</v>
      </c>
      <c r="B26" s="22">
        <v>43</v>
      </c>
      <c r="C26" s="14">
        <v>44</v>
      </c>
      <c r="D26" s="18">
        <v>87</v>
      </c>
    </row>
    <row r="27" spans="1:4" ht="18" customHeight="1" x14ac:dyDescent="0.15">
      <c r="A27" s="5">
        <v>18</v>
      </c>
      <c r="B27" s="22">
        <v>34</v>
      </c>
      <c r="C27" s="14">
        <v>35</v>
      </c>
      <c r="D27" s="18">
        <v>69</v>
      </c>
    </row>
    <row r="28" spans="1:4" ht="18" customHeight="1" x14ac:dyDescent="0.15">
      <c r="A28" s="5">
        <v>19</v>
      </c>
      <c r="B28" s="22">
        <v>30</v>
      </c>
      <c r="C28" s="14">
        <v>34</v>
      </c>
      <c r="D28" s="18">
        <v>64</v>
      </c>
    </row>
    <row r="29" spans="1:4" ht="18" customHeight="1" x14ac:dyDescent="0.15">
      <c r="A29" s="5" t="s">
        <v>14</v>
      </c>
      <c r="B29" s="22">
        <v>202</v>
      </c>
      <c r="C29" s="14">
        <v>197</v>
      </c>
      <c r="D29" s="18">
        <v>399</v>
      </c>
    </row>
    <row r="30" spans="1:4" ht="18" customHeight="1" x14ac:dyDescent="0.15">
      <c r="A30" s="5">
        <v>20</v>
      </c>
      <c r="B30" s="22">
        <v>38</v>
      </c>
      <c r="C30" s="14">
        <v>46</v>
      </c>
      <c r="D30" s="18">
        <v>84</v>
      </c>
    </row>
    <row r="31" spans="1:4" ht="18" customHeight="1" x14ac:dyDescent="0.15">
      <c r="A31" s="5">
        <v>21</v>
      </c>
      <c r="B31" s="22">
        <v>50</v>
      </c>
      <c r="C31" s="14">
        <v>49</v>
      </c>
      <c r="D31" s="18">
        <v>99</v>
      </c>
    </row>
    <row r="32" spans="1:4" ht="18" customHeight="1" x14ac:dyDescent="0.15">
      <c r="A32" s="5">
        <v>22</v>
      </c>
      <c r="B32" s="22">
        <v>52</v>
      </c>
      <c r="C32" s="14">
        <v>42</v>
      </c>
      <c r="D32" s="18">
        <v>94</v>
      </c>
    </row>
    <row r="33" spans="1:4" ht="18" customHeight="1" x14ac:dyDescent="0.15">
      <c r="A33" s="5">
        <v>23</v>
      </c>
      <c r="B33" s="22">
        <v>61</v>
      </c>
      <c r="C33" s="14">
        <v>32</v>
      </c>
      <c r="D33" s="18">
        <v>93</v>
      </c>
    </row>
    <row r="34" spans="1:4" ht="18" customHeight="1" x14ac:dyDescent="0.15">
      <c r="A34" s="5">
        <v>24</v>
      </c>
      <c r="B34" s="22">
        <v>55</v>
      </c>
      <c r="C34" s="14">
        <v>48</v>
      </c>
      <c r="D34" s="18">
        <v>103</v>
      </c>
    </row>
    <row r="35" spans="1:4" ht="18" customHeight="1" x14ac:dyDescent="0.15">
      <c r="A35" s="5" t="s">
        <v>9</v>
      </c>
      <c r="B35" s="22">
        <v>256</v>
      </c>
      <c r="C35" s="14">
        <v>217</v>
      </c>
      <c r="D35" s="18">
        <v>473</v>
      </c>
    </row>
    <row r="36" spans="1:4" ht="18" customHeight="1" x14ac:dyDescent="0.15">
      <c r="A36" s="5">
        <v>25</v>
      </c>
      <c r="B36" s="22">
        <v>67</v>
      </c>
      <c r="C36" s="14">
        <v>55</v>
      </c>
      <c r="D36" s="18">
        <v>122</v>
      </c>
    </row>
    <row r="37" spans="1:4" ht="18" customHeight="1" x14ac:dyDescent="0.15">
      <c r="A37" s="5">
        <v>26</v>
      </c>
      <c r="B37" s="22">
        <v>54</v>
      </c>
      <c r="C37" s="14">
        <v>44</v>
      </c>
      <c r="D37" s="18">
        <v>98</v>
      </c>
    </row>
    <row r="38" spans="1:4" ht="18" customHeight="1" x14ac:dyDescent="0.15">
      <c r="A38" s="5">
        <v>27</v>
      </c>
      <c r="B38" s="22">
        <v>55</v>
      </c>
      <c r="C38" s="14">
        <v>46</v>
      </c>
      <c r="D38" s="18">
        <v>101</v>
      </c>
    </row>
    <row r="39" spans="1:4" ht="18" customHeight="1" x14ac:dyDescent="0.15">
      <c r="A39" s="5">
        <v>28</v>
      </c>
      <c r="B39" s="22">
        <v>67</v>
      </c>
      <c r="C39" s="14">
        <v>42</v>
      </c>
      <c r="D39" s="18">
        <v>109</v>
      </c>
    </row>
    <row r="40" spans="1:4" ht="18" customHeight="1" x14ac:dyDescent="0.15">
      <c r="A40" s="5">
        <v>29</v>
      </c>
      <c r="B40" s="22">
        <v>48</v>
      </c>
      <c r="C40" s="14">
        <v>48</v>
      </c>
      <c r="D40" s="18">
        <v>96</v>
      </c>
    </row>
    <row r="41" spans="1:4" ht="18" customHeight="1" x14ac:dyDescent="0.15">
      <c r="A41" s="5" t="s">
        <v>2</v>
      </c>
      <c r="B41" s="22">
        <v>291</v>
      </c>
      <c r="C41" s="14">
        <v>235</v>
      </c>
      <c r="D41" s="18">
        <v>526</v>
      </c>
    </row>
    <row r="42" spans="1:4" ht="18" customHeight="1" x14ac:dyDescent="0.15">
      <c r="A42" s="5">
        <v>30</v>
      </c>
      <c r="B42" s="22">
        <v>56</v>
      </c>
      <c r="C42" s="14">
        <v>34</v>
      </c>
      <c r="D42" s="18">
        <v>90</v>
      </c>
    </row>
    <row r="43" spans="1:4" ht="18" customHeight="1" x14ac:dyDescent="0.15">
      <c r="A43" s="5">
        <v>31</v>
      </c>
      <c r="B43" s="22">
        <v>49</v>
      </c>
      <c r="C43" s="14">
        <v>41</v>
      </c>
      <c r="D43" s="18">
        <v>90</v>
      </c>
    </row>
    <row r="44" spans="1:4" ht="18" customHeight="1" x14ac:dyDescent="0.15">
      <c r="A44" s="5">
        <v>32</v>
      </c>
      <c r="B44" s="22">
        <v>46</v>
      </c>
      <c r="C44" s="14">
        <v>38</v>
      </c>
      <c r="D44" s="18">
        <v>84</v>
      </c>
    </row>
    <row r="45" spans="1:4" ht="18" customHeight="1" x14ac:dyDescent="0.15">
      <c r="A45" s="5">
        <v>33</v>
      </c>
      <c r="B45" s="22">
        <v>40</v>
      </c>
      <c r="C45" s="14">
        <v>36</v>
      </c>
      <c r="D45" s="18">
        <v>76</v>
      </c>
    </row>
    <row r="46" spans="1:4" ht="18" customHeight="1" x14ac:dyDescent="0.15">
      <c r="A46" s="5">
        <v>34</v>
      </c>
      <c r="B46" s="22">
        <v>50</v>
      </c>
      <c r="C46" s="14">
        <v>41</v>
      </c>
      <c r="D46" s="18">
        <v>91</v>
      </c>
    </row>
    <row r="47" spans="1:4" ht="18" customHeight="1" x14ac:dyDescent="0.15">
      <c r="A47" s="5" t="s">
        <v>15</v>
      </c>
      <c r="B47" s="22">
        <v>241</v>
      </c>
      <c r="C47" s="14">
        <v>190</v>
      </c>
      <c r="D47" s="18">
        <v>431</v>
      </c>
    </row>
    <row r="48" spans="1:4" ht="18" customHeight="1" x14ac:dyDescent="0.15">
      <c r="A48" s="5">
        <v>35</v>
      </c>
      <c r="B48" s="22">
        <v>41</v>
      </c>
      <c r="C48" s="14">
        <v>34</v>
      </c>
      <c r="D48" s="18">
        <v>75</v>
      </c>
    </row>
    <row r="49" spans="1:4" ht="18" customHeight="1" x14ac:dyDescent="0.15">
      <c r="A49" s="5">
        <v>36</v>
      </c>
      <c r="B49" s="22">
        <v>55</v>
      </c>
      <c r="C49" s="14">
        <v>33</v>
      </c>
      <c r="D49" s="18">
        <v>88</v>
      </c>
    </row>
    <row r="50" spans="1:4" ht="18" customHeight="1" x14ac:dyDescent="0.15">
      <c r="A50" s="5">
        <v>37</v>
      </c>
      <c r="B50" s="22">
        <v>55</v>
      </c>
      <c r="C50" s="14">
        <v>36</v>
      </c>
      <c r="D50" s="18">
        <v>91</v>
      </c>
    </row>
    <row r="51" spans="1:4" ht="18" customHeight="1" x14ac:dyDescent="0.15">
      <c r="A51" s="5">
        <v>38</v>
      </c>
      <c r="B51" s="22">
        <v>60</v>
      </c>
      <c r="C51" s="14">
        <v>57</v>
      </c>
      <c r="D51" s="18">
        <v>117</v>
      </c>
    </row>
    <row r="52" spans="1:4" ht="18" customHeight="1" x14ac:dyDescent="0.15">
      <c r="A52" s="5">
        <v>39</v>
      </c>
      <c r="B52" s="22">
        <v>51</v>
      </c>
      <c r="C52" s="14">
        <v>51</v>
      </c>
      <c r="D52" s="18">
        <v>102</v>
      </c>
    </row>
    <row r="53" spans="1:4" ht="18" customHeight="1" x14ac:dyDescent="0.15">
      <c r="A53" s="5" t="s">
        <v>18</v>
      </c>
      <c r="B53" s="22">
        <v>262</v>
      </c>
      <c r="C53" s="14">
        <v>211</v>
      </c>
      <c r="D53" s="18">
        <v>473</v>
      </c>
    </row>
    <row r="54" spans="1:4" ht="18" customHeight="1" x14ac:dyDescent="0.15">
      <c r="A54" s="5">
        <v>40</v>
      </c>
      <c r="B54" s="22">
        <v>53</v>
      </c>
      <c r="C54" s="14">
        <v>58</v>
      </c>
      <c r="D54" s="18">
        <v>111</v>
      </c>
    </row>
    <row r="55" spans="1:4" ht="18" customHeight="1" x14ac:dyDescent="0.15">
      <c r="A55" s="5">
        <v>41</v>
      </c>
      <c r="B55" s="22">
        <v>70</v>
      </c>
      <c r="C55" s="14">
        <v>51</v>
      </c>
      <c r="D55" s="18">
        <v>121</v>
      </c>
    </row>
    <row r="56" spans="1:4" ht="18" customHeight="1" x14ac:dyDescent="0.15">
      <c r="A56" s="5">
        <v>42</v>
      </c>
      <c r="B56" s="22">
        <v>60</v>
      </c>
      <c r="C56" s="14">
        <v>41</v>
      </c>
      <c r="D56" s="18">
        <v>101</v>
      </c>
    </row>
    <row r="57" spans="1:4" ht="18" customHeight="1" x14ac:dyDescent="0.15">
      <c r="A57" s="5">
        <v>43</v>
      </c>
      <c r="B57" s="22">
        <v>54</v>
      </c>
      <c r="C57" s="14">
        <v>50</v>
      </c>
      <c r="D57" s="18">
        <v>104</v>
      </c>
    </row>
    <row r="58" spans="1:4" ht="18" customHeight="1" x14ac:dyDescent="0.15">
      <c r="A58" s="5">
        <v>44</v>
      </c>
      <c r="B58" s="22">
        <v>57</v>
      </c>
      <c r="C58" s="14">
        <v>58</v>
      </c>
      <c r="D58" s="18">
        <v>115</v>
      </c>
    </row>
    <row r="59" spans="1:4" ht="18" customHeight="1" x14ac:dyDescent="0.15">
      <c r="A59" s="5" t="s">
        <v>21</v>
      </c>
      <c r="B59" s="22">
        <v>294</v>
      </c>
      <c r="C59" s="14">
        <v>258</v>
      </c>
      <c r="D59" s="18">
        <v>552</v>
      </c>
    </row>
    <row r="60" spans="1:4" ht="18" customHeight="1" x14ac:dyDescent="0.15">
      <c r="A60" s="5">
        <v>45</v>
      </c>
      <c r="B60" s="22">
        <v>50</v>
      </c>
      <c r="C60" s="14">
        <v>49</v>
      </c>
      <c r="D60" s="18">
        <v>99</v>
      </c>
    </row>
    <row r="61" spans="1:4" ht="18" customHeight="1" x14ac:dyDescent="0.15">
      <c r="A61" s="5">
        <v>46</v>
      </c>
      <c r="B61" s="22">
        <v>64</v>
      </c>
      <c r="C61" s="14">
        <v>54</v>
      </c>
      <c r="D61" s="18">
        <v>118</v>
      </c>
    </row>
    <row r="62" spans="1:4" ht="18" customHeight="1" x14ac:dyDescent="0.15">
      <c r="A62" s="5">
        <v>47</v>
      </c>
      <c r="B62" s="22">
        <v>60</v>
      </c>
      <c r="C62" s="14">
        <v>66</v>
      </c>
      <c r="D62" s="18">
        <v>126</v>
      </c>
    </row>
    <row r="63" spans="1:4" ht="18" customHeight="1" x14ac:dyDescent="0.15">
      <c r="A63" s="5">
        <v>48</v>
      </c>
      <c r="B63" s="22">
        <v>74</v>
      </c>
      <c r="C63" s="14">
        <v>56</v>
      </c>
      <c r="D63" s="18">
        <v>130</v>
      </c>
    </row>
    <row r="64" spans="1:4" ht="18" customHeight="1" x14ac:dyDescent="0.15">
      <c r="A64" s="5">
        <v>49</v>
      </c>
      <c r="B64" s="22">
        <v>75</v>
      </c>
      <c r="C64" s="14">
        <v>62</v>
      </c>
      <c r="D64" s="18">
        <v>137</v>
      </c>
    </row>
    <row r="65" spans="1:4" ht="18" customHeight="1" x14ac:dyDescent="0.15">
      <c r="A65" s="5" t="s">
        <v>17</v>
      </c>
      <c r="B65" s="22">
        <v>323</v>
      </c>
      <c r="C65" s="14">
        <v>287</v>
      </c>
      <c r="D65" s="18">
        <v>610</v>
      </c>
    </row>
    <row r="66" spans="1:4" ht="18" customHeight="1" x14ac:dyDescent="0.15">
      <c r="A66" s="5">
        <v>50</v>
      </c>
      <c r="B66" s="22">
        <v>76</v>
      </c>
      <c r="C66" s="14">
        <v>80</v>
      </c>
      <c r="D66" s="18">
        <v>156</v>
      </c>
    </row>
    <row r="67" spans="1:4" ht="18" customHeight="1" x14ac:dyDescent="0.15">
      <c r="A67" s="5">
        <v>51</v>
      </c>
      <c r="B67" s="22">
        <v>72</v>
      </c>
      <c r="C67" s="14">
        <v>87</v>
      </c>
      <c r="D67" s="18">
        <v>159</v>
      </c>
    </row>
    <row r="68" spans="1:4" ht="18" customHeight="1" x14ac:dyDescent="0.15">
      <c r="A68" s="5">
        <v>52</v>
      </c>
      <c r="B68" s="22">
        <v>84</v>
      </c>
      <c r="C68" s="14">
        <v>62</v>
      </c>
      <c r="D68" s="18">
        <v>146</v>
      </c>
    </row>
    <row r="69" spans="1:4" ht="18" customHeight="1" x14ac:dyDescent="0.15">
      <c r="A69" s="5">
        <v>53</v>
      </c>
      <c r="B69" s="22">
        <v>91</v>
      </c>
      <c r="C69" s="14">
        <v>96</v>
      </c>
      <c r="D69" s="18">
        <v>187</v>
      </c>
    </row>
    <row r="70" spans="1:4" ht="18" customHeight="1" x14ac:dyDescent="0.15">
      <c r="A70" s="5">
        <v>54</v>
      </c>
      <c r="B70" s="22">
        <v>96</v>
      </c>
      <c r="C70" s="14">
        <v>93</v>
      </c>
      <c r="D70" s="18">
        <v>189</v>
      </c>
    </row>
    <row r="71" spans="1:4" ht="18" customHeight="1" x14ac:dyDescent="0.15">
      <c r="A71" s="5" t="s">
        <v>22</v>
      </c>
      <c r="B71" s="22">
        <v>419</v>
      </c>
      <c r="C71" s="14">
        <v>418</v>
      </c>
      <c r="D71" s="18">
        <v>837</v>
      </c>
    </row>
    <row r="72" spans="1:4" ht="18" customHeight="1" x14ac:dyDescent="0.15">
      <c r="A72" s="5">
        <v>55</v>
      </c>
      <c r="B72" s="22">
        <v>79</v>
      </c>
      <c r="C72" s="14">
        <v>94</v>
      </c>
      <c r="D72" s="18">
        <v>173</v>
      </c>
    </row>
    <row r="73" spans="1:4" ht="18" customHeight="1" x14ac:dyDescent="0.15">
      <c r="A73" s="5">
        <v>56</v>
      </c>
      <c r="B73" s="22">
        <v>87</v>
      </c>
      <c r="C73" s="14">
        <v>71</v>
      </c>
      <c r="D73" s="18">
        <v>158</v>
      </c>
    </row>
    <row r="74" spans="1:4" ht="18" customHeight="1" x14ac:dyDescent="0.15">
      <c r="A74" s="5">
        <v>57</v>
      </c>
      <c r="B74" s="22">
        <v>86</v>
      </c>
      <c r="C74" s="14">
        <v>86</v>
      </c>
      <c r="D74" s="18">
        <v>172</v>
      </c>
    </row>
    <row r="75" spans="1:4" ht="18" customHeight="1" x14ac:dyDescent="0.15">
      <c r="A75" s="5">
        <v>58</v>
      </c>
      <c r="B75" s="22">
        <v>90</v>
      </c>
      <c r="C75" s="14">
        <v>78</v>
      </c>
      <c r="D75" s="18">
        <v>168</v>
      </c>
    </row>
    <row r="76" spans="1:4" ht="18" customHeight="1" x14ac:dyDescent="0.15">
      <c r="A76" s="5">
        <v>59</v>
      </c>
      <c r="B76" s="22">
        <v>71</v>
      </c>
      <c r="C76" s="14">
        <v>79</v>
      </c>
      <c r="D76" s="18">
        <v>150</v>
      </c>
    </row>
    <row r="77" spans="1:4" ht="18" customHeight="1" x14ac:dyDescent="0.15">
      <c r="A77" s="5" t="s">
        <v>27</v>
      </c>
      <c r="B77" s="22">
        <v>413</v>
      </c>
      <c r="C77" s="14">
        <v>408</v>
      </c>
      <c r="D77" s="18">
        <v>821</v>
      </c>
    </row>
    <row r="78" spans="1:4" ht="18" customHeight="1" x14ac:dyDescent="0.15">
      <c r="A78" s="5">
        <v>60</v>
      </c>
      <c r="B78" s="22">
        <v>73</v>
      </c>
      <c r="C78" s="14">
        <v>76</v>
      </c>
      <c r="D78" s="18">
        <v>149</v>
      </c>
    </row>
    <row r="79" spans="1:4" ht="18" customHeight="1" x14ac:dyDescent="0.15">
      <c r="A79" s="5">
        <v>61</v>
      </c>
      <c r="B79" s="22">
        <v>78</v>
      </c>
      <c r="C79" s="14">
        <v>81</v>
      </c>
      <c r="D79" s="18">
        <v>159</v>
      </c>
    </row>
    <row r="80" spans="1:4" ht="18" customHeight="1" x14ac:dyDescent="0.15">
      <c r="A80" s="5">
        <v>62</v>
      </c>
      <c r="B80" s="22">
        <v>74</v>
      </c>
      <c r="C80" s="14">
        <v>67</v>
      </c>
      <c r="D80" s="18">
        <v>141</v>
      </c>
    </row>
    <row r="81" spans="1:4" ht="18" customHeight="1" x14ac:dyDescent="0.15">
      <c r="A81" s="5">
        <v>63</v>
      </c>
      <c r="B81" s="22">
        <v>90</v>
      </c>
      <c r="C81" s="14">
        <v>61</v>
      </c>
      <c r="D81" s="18">
        <v>151</v>
      </c>
    </row>
    <row r="82" spans="1:4" ht="18" customHeight="1" x14ac:dyDescent="0.15">
      <c r="A82" s="5">
        <v>64</v>
      </c>
      <c r="B82" s="22">
        <v>68</v>
      </c>
      <c r="C82" s="14">
        <v>95</v>
      </c>
      <c r="D82" s="18">
        <v>163</v>
      </c>
    </row>
    <row r="83" spans="1:4" ht="18" customHeight="1" x14ac:dyDescent="0.15">
      <c r="A83" s="5" t="s">
        <v>28</v>
      </c>
      <c r="B83" s="22">
        <v>383</v>
      </c>
      <c r="C83" s="14">
        <v>380</v>
      </c>
      <c r="D83" s="18">
        <v>763</v>
      </c>
    </row>
    <row r="84" spans="1:4" ht="18" customHeight="1" x14ac:dyDescent="0.15">
      <c r="A84" s="5" t="s">
        <v>31</v>
      </c>
      <c r="B84" s="22">
        <v>3084</v>
      </c>
      <c r="C84" s="14">
        <v>2801</v>
      </c>
      <c r="D84" s="18">
        <v>5885</v>
      </c>
    </row>
    <row r="85" spans="1:4" ht="18" customHeight="1" x14ac:dyDescent="0.15">
      <c r="A85" s="5">
        <v>65</v>
      </c>
      <c r="B85" s="22">
        <v>77</v>
      </c>
      <c r="C85" s="14">
        <v>82</v>
      </c>
      <c r="D85" s="18">
        <v>159</v>
      </c>
    </row>
    <row r="86" spans="1:4" ht="18" customHeight="1" x14ac:dyDescent="0.15">
      <c r="A86" s="5">
        <v>66</v>
      </c>
      <c r="B86" s="22">
        <v>76</v>
      </c>
      <c r="C86" s="14">
        <v>85</v>
      </c>
      <c r="D86" s="18">
        <v>161</v>
      </c>
    </row>
    <row r="87" spans="1:4" ht="18" customHeight="1" x14ac:dyDescent="0.15">
      <c r="A87" s="5">
        <v>67</v>
      </c>
      <c r="B87" s="22">
        <v>78</v>
      </c>
      <c r="C87" s="14">
        <v>81</v>
      </c>
      <c r="D87" s="18">
        <v>159</v>
      </c>
    </row>
    <row r="88" spans="1:4" ht="18" customHeight="1" x14ac:dyDescent="0.15">
      <c r="A88" s="5">
        <v>68</v>
      </c>
      <c r="B88" s="22">
        <v>67</v>
      </c>
      <c r="C88" s="14">
        <v>73</v>
      </c>
      <c r="D88" s="18">
        <v>140</v>
      </c>
    </row>
    <row r="89" spans="1:4" ht="18" customHeight="1" x14ac:dyDescent="0.15">
      <c r="A89" s="5">
        <v>69</v>
      </c>
      <c r="B89" s="22">
        <v>83</v>
      </c>
      <c r="C89" s="14">
        <v>65</v>
      </c>
      <c r="D89" s="18">
        <v>148</v>
      </c>
    </row>
    <row r="90" spans="1:4" ht="18" customHeight="1" x14ac:dyDescent="0.15">
      <c r="A90" s="5" t="s">
        <v>20</v>
      </c>
      <c r="B90" s="22">
        <v>381</v>
      </c>
      <c r="C90" s="14">
        <v>386</v>
      </c>
      <c r="D90" s="18">
        <v>767</v>
      </c>
    </row>
    <row r="91" spans="1:4" ht="18" customHeight="1" x14ac:dyDescent="0.15">
      <c r="A91" s="5">
        <v>70</v>
      </c>
      <c r="B91" s="22">
        <v>80</v>
      </c>
      <c r="C91" s="14">
        <v>80</v>
      </c>
      <c r="D91" s="18">
        <v>160</v>
      </c>
    </row>
    <row r="92" spans="1:4" ht="18" customHeight="1" x14ac:dyDescent="0.15">
      <c r="A92" s="5">
        <v>71</v>
      </c>
      <c r="B92" s="22">
        <v>67</v>
      </c>
      <c r="C92" s="14">
        <v>74</v>
      </c>
      <c r="D92" s="18">
        <v>141</v>
      </c>
    </row>
    <row r="93" spans="1:4" ht="18" customHeight="1" x14ac:dyDescent="0.15">
      <c r="A93" s="5">
        <v>72</v>
      </c>
      <c r="B93" s="22">
        <v>76</v>
      </c>
      <c r="C93" s="14">
        <v>81</v>
      </c>
      <c r="D93" s="18">
        <v>157</v>
      </c>
    </row>
    <row r="94" spans="1:4" ht="18" customHeight="1" x14ac:dyDescent="0.15">
      <c r="A94" s="5">
        <v>73</v>
      </c>
      <c r="B94" s="22">
        <v>63</v>
      </c>
      <c r="C94" s="14">
        <v>92</v>
      </c>
      <c r="D94" s="18">
        <v>155</v>
      </c>
    </row>
    <row r="95" spans="1:4" ht="18" customHeight="1" x14ac:dyDescent="0.15">
      <c r="A95" s="5">
        <v>74</v>
      </c>
      <c r="B95" s="22">
        <v>76</v>
      </c>
      <c r="C95" s="14">
        <v>73</v>
      </c>
      <c r="D95" s="18">
        <v>149</v>
      </c>
    </row>
    <row r="96" spans="1:4" ht="18" customHeight="1" x14ac:dyDescent="0.15">
      <c r="A96" s="5" t="s">
        <v>33</v>
      </c>
      <c r="B96" s="22">
        <v>362</v>
      </c>
      <c r="C96" s="14">
        <v>400</v>
      </c>
      <c r="D96" s="18">
        <v>762</v>
      </c>
    </row>
    <row r="97" spans="1:4" ht="18" customHeight="1" x14ac:dyDescent="0.15">
      <c r="A97" s="5">
        <v>75</v>
      </c>
      <c r="B97" s="22">
        <v>77</v>
      </c>
      <c r="C97" s="14">
        <v>79</v>
      </c>
      <c r="D97" s="18">
        <v>156</v>
      </c>
    </row>
    <row r="98" spans="1:4" ht="18" customHeight="1" x14ac:dyDescent="0.15">
      <c r="A98" s="5">
        <v>76</v>
      </c>
      <c r="B98" s="22">
        <v>75</v>
      </c>
      <c r="C98" s="14">
        <v>89</v>
      </c>
      <c r="D98" s="18">
        <v>164</v>
      </c>
    </row>
    <row r="99" spans="1:4" ht="18" customHeight="1" x14ac:dyDescent="0.15">
      <c r="A99" s="5">
        <v>77</v>
      </c>
      <c r="B99" s="22">
        <v>84</v>
      </c>
      <c r="C99" s="14">
        <v>97</v>
      </c>
      <c r="D99" s="18">
        <v>181</v>
      </c>
    </row>
    <row r="100" spans="1:4" ht="18" customHeight="1" x14ac:dyDescent="0.15">
      <c r="A100" s="5">
        <v>78</v>
      </c>
      <c r="B100" s="22">
        <v>84</v>
      </c>
      <c r="C100" s="14">
        <v>122</v>
      </c>
      <c r="D100" s="18">
        <v>206</v>
      </c>
    </row>
    <row r="101" spans="1:4" ht="18" customHeight="1" x14ac:dyDescent="0.15">
      <c r="A101" s="5">
        <v>79</v>
      </c>
      <c r="B101" s="22">
        <v>52</v>
      </c>
      <c r="C101" s="14">
        <v>66</v>
      </c>
      <c r="D101" s="18">
        <v>118</v>
      </c>
    </row>
    <row r="102" spans="1:4" ht="18" customHeight="1" x14ac:dyDescent="0.15">
      <c r="A102" s="5" t="s">
        <v>0</v>
      </c>
      <c r="B102" s="22">
        <v>372</v>
      </c>
      <c r="C102" s="14">
        <v>453</v>
      </c>
      <c r="D102" s="18">
        <v>825</v>
      </c>
    </row>
    <row r="103" spans="1:4" ht="18" customHeight="1" x14ac:dyDescent="0.15">
      <c r="A103" s="5">
        <v>80</v>
      </c>
      <c r="B103" s="22">
        <v>46</v>
      </c>
      <c r="C103" s="14">
        <v>63</v>
      </c>
      <c r="D103" s="18">
        <v>109</v>
      </c>
    </row>
    <row r="104" spans="1:4" ht="18" customHeight="1" x14ac:dyDescent="0.15">
      <c r="A104" s="5">
        <v>81</v>
      </c>
      <c r="B104" s="22">
        <v>50</v>
      </c>
      <c r="C104" s="14">
        <v>85</v>
      </c>
      <c r="D104" s="18">
        <v>135</v>
      </c>
    </row>
    <row r="105" spans="1:4" ht="18" customHeight="1" x14ac:dyDescent="0.15">
      <c r="A105" s="5">
        <v>82</v>
      </c>
      <c r="B105" s="22">
        <v>40</v>
      </c>
      <c r="C105" s="14">
        <v>92</v>
      </c>
      <c r="D105" s="18">
        <v>132</v>
      </c>
    </row>
    <row r="106" spans="1:4" ht="18" customHeight="1" x14ac:dyDescent="0.15">
      <c r="A106" s="5">
        <v>83</v>
      </c>
      <c r="B106" s="22">
        <v>61</v>
      </c>
      <c r="C106" s="14">
        <v>86</v>
      </c>
      <c r="D106" s="18">
        <v>147</v>
      </c>
    </row>
    <row r="107" spans="1:4" ht="18" customHeight="1" x14ac:dyDescent="0.15">
      <c r="A107" s="5">
        <v>84</v>
      </c>
      <c r="B107" s="22">
        <v>57</v>
      </c>
      <c r="C107" s="14">
        <v>83</v>
      </c>
      <c r="D107" s="18">
        <v>140</v>
      </c>
    </row>
    <row r="108" spans="1:4" ht="18" customHeight="1" x14ac:dyDescent="0.15">
      <c r="A108" s="5" t="s">
        <v>35</v>
      </c>
      <c r="B108" s="22">
        <v>254</v>
      </c>
      <c r="C108" s="14">
        <v>409</v>
      </c>
      <c r="D108" s="18">
        <v>663</v>
      </c>
    </row>
    <row r="109" spans="1:4" ht="18" customHeight="1" x14ac:dyDescent="0.15">
      <c r="A109" s="5">
        <v>85</v>
      </c>
      <c r="B109" s="22">
        <v>39</v>
      </c>
      <c r="C109" s="14">
        <v>86</v>
      </c>
      <c r="D109" s="18">
        <v>125</v>
      </c>
    </row>
    <row r="110" spans="1:4" ht="18" customHeight="1" x14ac:dyDescent="0.15">
      <c r="A110" s="5">
        <v>86</v>
      </c>
      <c r="B110" s="22">
        <v>32</v>
      </c>
      <c r="C110" s="14">
        <v>56</v>
      </c>
      <c r="D110" s="18">
        <v>88</v>
      </c>
    </row>
    <row r="111" spans="1:4" ht="18" customHeight="1" x14ac:dyDescent="0.15">
      <c r="A111" s="5">
        <v>87</v>
      </c>
      <c r="B111" s="22">
        <v>30</v>
      </c>
      <c r="C111" s="14">
        <v>50</v>
      </c>
      <c r="D111" s="18">
        <v>80</v>
      </c>
    </row>
    <row r="112" spans="1:4" ht="18" customHeight="1" x14ac:dyDescent="0.15">
      <c r="A112" s="5">
        <v>88</v>
      </c>
      <c r="B112" s="22">
        <v>29</v>
      </c>
      <c r="C112" s="14">
        <v>38</v>
      </c>
      <c r="D112" s="18">
        <v>67</v>
      </c>
    </row>
    <row r="113" spans="1:4" ht="18" customHeight="1" x14ac:dyDescent="0.15">
      <c r="A113" s="5">
        <v>89</v>
      </c>
      <c r="B113" s="22">
        <v>26</v>
      </c>
      <c r="C113" s="14">
        <v>47</v>
      </c>
      <c r="D113" s="18">
        <v>73</v>
      </c>
    </row>
    <row r="114" spans="1:4" ht="18" customHeight="1" x14ac:dyDescent="0.15">
      <c r="A114" s="5" t="s">
        <v>37</v>
      </c>
      <c r="B114" s="22">
        <v>156</v>
      </c>
      <c r="C114" s="14">
        <v>277</v>
      </c>
      <c r="D114" s="18">
        <v>433</v>
      </c>
    </row>
    <row r="115" spans="1:4" ht="18" customHeight="1" x14ac:dyDescent="0.15">
      <c r="A115" s="5">
        <v>90</v>
      </c>
      <c r="B115" s="22">
        <v>21</v>
      </c>
      <c r="C115" s="14">
        <v>54</v>
      </c>
      <c r="D115" s="18">
        <v>75</v>
      </c>
    </row>
    <row r="116" spans="1:4" ht="18" customHeight="1" x14ac:dyDescent="0.15">
      <c r="A116" s="5">
        <v>91</v>
      </c>
      <c r="B116" s="22">
        <v>18</v>
      </c>
      <c r="C116" s="14">
        <v>49</v>
      </c>
      <c r="D116" s="18">
        <v>67</v>
      </c>
    </row>
    <row r="117" spans="1:4" ht="18" customHeight="1" x14ac:dyDescent="0.15">
      <c r="A117" s="5">
        <v>92</v>
      </c>
      <c r="B117" s="22">
        <v>14</v>
      </c>
      <c r="C117" s="14">
        <v>32</v>
      </c>
      <c r="D117" s="18">
        <v>46</v>
      </c>
    </row>
    <row r="118" spans="1:4" ht="18" customHeight="1" x14ac:dyDescent="0.15">
      <c r="A118" s="5">
        <v>93</v>
      </c>
      <c r="B118" s="22">
        <v>11</v>
      </c>
      <c r="C118" s="14">
        <v>25</v>
      </c>
      <c r="D118" s="18">
        <v>36</v>
      </c>
    </row>
    <row r="119" spans="1:4" ht="18" customHeight="1" x14ac:dyDescent="0.15">
      <c r="A119" s="5">
        <v>94</v>
      </c>
      <c r="B119" s="22">
        <v>7</v>
      </c>
      <c r="C119" s="14">
        <v>30</v>
      </c>
      <c r="D119" s="18">
        <v>37</v>
      </c>
    </row>
    <row r="120" spans="1:4" ht="18" customHeight="1" x14ac:dyDescent="0.15">
      <c r="A120" s="5" t="s">
        <v>39</v>
      </c>
      <c r="B120" s="22">
        <v>71</v>
      </c>
      <c r="C120" s="14">
        <v>190</v>
      </c>
      <c r="D120" s="18">
        <v>261</v>
      </c>
    </row>
    <row r="121" spans="1:4" ht="18" customHeight="1" x14ac:dyDescent="0.15">
      <c r="A121" s="5">
        <v>95</v>
      </c>
      <c r="B121" s="22">
        <v>3</v>
      </c>
      <c r="C121" s="14">
        <v>25</v>
      </c>
      <c r="D121" s="18">
        <v>28</v>
      </c>
    </row>
    <row r="122" spans="1:4" ht="18" customHeight="1" x14ac:dyDescent="0.15">
      <c r="A122" s="5">
        <v>96</v>
      </c>
      <c r="B122" s="22">
        <v>2</v>
      </c>
      <c r="C122" s="14">
        <v>20</v>
      </c>
      <c r="D122" s="18">
        <v>22</v>
      </c>
    </row>
    <row r="123" spans="1:4" ht="18" customHeight="1" x14ac:dyDescent="0.15">
      <c r="A123" s="5">
        <v>97</v>
      </c>
      <c r="B123" s="22">
        <v>3</v>
      </c>
      <c r="C123" s="14">
        <v>11</v>
      </c>
      <c r="D123" s="18">
        <v>14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9</v>
      </c>
      <c r="C126" s="14">
        <v>64</v>
      </c>
      <c r="D126" s="18">
        <v>7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605</v>
      </c>
      <c r="C130" s="14">
        <v>2186</v>
      </c>
      <c r="D130" s="18">
        <v>3791</v>
      </c>
    </row>
    <row r="131" spans="1:4" ht="18" customHeight="1" x14ac:dyDescent="0.15">
      <c r="A131" s="7" t="s">
        <v>45</v>
      </c>
      <c r="B131" s="23">
        <v>5130</v>
      </c>
      <c r="C131" s="15">
        <v>5413</v>
      </c>
      <c r="D131" s="19">
        <v>105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7</v>
      </c>
      <c r="C5" s="29">
        <v>33</v>
      </c>
      <c r="D5" s="31">
        <v>60</v>
      </c>
    </row>
    <row r="6" spans="1:4" ht="18" customHeight="1" x14ac:dyDescent="0.15">
      <c r="A6" s="5">
        <v>1</v>
      </c>
      <c r="B6" s="27">
        <v>40</v>
      </c>
      <c r="C6" s="14">
        <v>32</v>
      </c>
      <c r="D6" s="18">
        <v>72</v>
      </c>
    </row>
    <row r="7" spans="1:4" ht="18" customHeight="1" x14ac:dyDescent="0.15">
      <c r="A7" s="5">
        <v>2</v>
      </c>
      <c r="B7" s="27">
        <v>42</v>
      </c>
      <c r="C7" s="14">
        <v>48</v>
      </c>
      <c r="D7" s="18">
        <v>90</v>
      </c>
    </row>
    <row r="8" spans="1:4" ht="18" customHeight="1" x14ac:dyDescent="0.15">
      <c r="A8" s="5">
        <v>3</v>
      </c>
      <c r="B8" s="27">
        <v>45</v>
      </c>
      <c r="C8" s="14">
        <v>33</v>
      </c>
      <c r="D8" s="18">
        <v>78</v>
      </c>
    </row>
    <row r="9" spans="1:4" ht="18" customHeight="1" x14ac:dyDescent="0.15">
      <c r="A9" s="5">
        <v>4</v>
      </c>
      <c r="B9" s="28">
        <v>45</v>
      </c>
      <c r="C9" s="30">
        <v>43</v>
      </c>
      <c r="D9" s="32">
        <v>88</v>
      </c>
    </row>
    <row r="10" spans="1:4" ht="18" customHeight="1" x14ac:dyDescent="0.15">
      <c r="A10" s="5" t="s">
        <v>7</v>
      </c>
      <c r="B10" s="22">
        <v>199</v>
      </c>
      <c r="C10" s="14">
        <v>189</v>
      </c>
      <c r="D10" s="18">
        <v>388</v>
      </c>
    </row>
    <row r="11" spans="1:4" ht="18" customHeight="1" x14ac:dyDescent="0.15">
      <c r="A11" s="5">
        <v>5</v>
      </c>
      <c r="B11" s="27">
        <v>41</v>
      </c>
      <c r="C11" s="14">
        <v>46</v>
      </c>
      <c r="D11" s="18">
        <v>87</v>
      </c>
    </row>
    <row r="12" spans="1:4" ht="18" customHeight="1" x14ac:dyDescent="0.15">
      <c r="A12" s="5">
        <v>6</v>
      </c>
      <c r="B12" s="27">
        <v>51</v>
      </c>
      <c r="C12" s="14">
        <v>33</v>
      </c>
      <c r="D12" s="18">
        <v>84</v>
      </c>
    </row>
    <row r="13" spans="1:4" ht="18" customHeight="1" x14ac:dyDescent="0.15">
      <c r="A13" s="5">
        <v>7</v>
      </c>
      <c r="B13" s="27">
        <v>44</v>
      </c>
      <c r="C13" s="14">
        <v>61</v>
      </c>
      <c r="D13" s="18">
        <v>105</v>
      </c>
    </row>
    <row r="14" spans="1:4" ht="18" customHeight="1" x14ac:dyDescent="0.15">
      <c r="A14" s="5">
        <v>8</v>
      </c>
      <c r="B14" s="27">
        <v>52</v>
      </c>
      <c r="C14" s="14">
        <v>32</v>
      </c>
      <c r="D14" s="18">
        <v>84</v>
      </c>
    </row>
    <row r="15" spans="1:4" ht="18" customHeight="1" x14ac:dyDescent="0.15">
      <c r="A15" s="5">
        <v>9</v>
      </c>
      <c r="B15" s="27">
        <v>53</v>
      </c>
      <c r="C15" s="14">
        <v>35</v>
      </c>
      <c r="D15" s="18">
        <v>88</v>
      </c>
    </row>
    <row r="16" spans="1:4" ht="18" customHeight="1" x14ac:dyDescent="0.15">
      <c r="A16" s="5" t="s">
        <v>11</v>
      </c>
      <c r="B16" s="22">
        <v>241</v>
      </c>
      <c r="C16" s="14">
        <v>207</v>
      </c>
      <c r="D16" s="18">
        <v>448</v>
      </c>
    </row>
    <row r="17" spans="1:4" ht="18" customHeight="1" x14ac:dyDescent="0.15">
      <c r="A17" s="5">
        <v>10</v>
      </c>
      <c r="B17" s="22">
        <v>32</v>
      </c>
      <c r="C17" s="14">
        <v>47</v>
      </c>
      <c r="D17" s="18">
        <v>79</v>
      </c>
    </row>
    <row r="18" spans="1:4" ht="18" customHeight="1" x14ac:dyDescent="0.15">
      <c r="A18" s="5">
        <v>11</v>
      </c>
      <c r="B18" s="22">
        <v>36</v>
      </c>
      <c r="C18" s="14">
        <v>39</v>
      </c>
      <c r="D18" s="18">
        <v>75</v>
      </c>
    </row>
    <row r="19" spans="1:4" ht="18" customHeight="1" x14ac:dyDescent="0.15">
      <c r="A19" s="5">
        <v>12</v>
      </c>
      <c r="B19" s="22">
        <v>37</v>
      </c>
      <c r="C19" s="14">
        <v>32</v>
      </c>
      <c r="D19" s="18">
        <v>69</v>
      </c>
    </row>
    <row r="20" spans="1:4" ht="18" customHeight="1" x14ac:dyDescent="0.15">
      <c r="A20" s="5">
        <v>13</v>
      </c>
      <c r="B20" s="22">
        <v>39</v>
      </c>
      <c r="C20" s="14">
        <v>32</v>
      </c>
      <c r="D20" s="18">
        <v>71</v>
      </c>
    </row>
    <row r="21" spans="1:4" ht="18" customHeight="1" x14ac:dyDescent="0.15">
      <c r="A21" s="5">
        <v>14</v>
      </c>
      <c r="B21" s="22">
        <v>39</v>
      </c>
      <c r="C21" s="14">
        <v>30</v>
      </c>
      <c r="D21" s="18">
        <v>69</v>
      </c>
    </row>
    <row r="22" spans="1:4" ht="18" customHeight="1" x14ac:dyDescent="0.15">
      <c r="A22" s="5" t="s">
        <v>12</v>
      </c>
      <c r="B22" s="22">
        <v>183</v>
      </c>
      <c r="C22" s="14">
        <v>180</v>
      </c>
      <c r="D22" s="18">
        <v>363</v>
      </c>
    </row>
    <row r="23" spans="1:4" ht="18" customHeight="1" x14ac:dyDescent="0.15">
      <c r="A23" s="5" t="s">
        <v>6</v>
      </c>
      <c r="B23" s="22">
        <v>623</v>
      </c>
      <c r="C23" s="14">
        <v>576</v>
      </c>
      <c r="D23" s="18">
        <v>1199</v>
      </c>
    </row>
    <row r="24" spans="1:4" ht="18" customHeight="1" x14ac:dyDescent="0.15">
      <c r="A24" s="5">
        <v>15</v>
      </c>
      <c r="B24" s="22">
        <v>45</v>
      </c>
      <c r="C24" s="14">
        <v>34</v>
      </c>
      <c r="D24" s="18">
        <v>79</v>
      </c>
    </row>
    <row r="25" spans="1:4" ht="18" customHeight="1" x14ac:dyDescent="0.15">
      <c r="A25" s="5">
        <v>16</v>
      </c>
      <c r="B25" s="22">
        <v>35</v>
      </c>
      <c r="C25" s="14">
        <v>33</v>
      </c>
      <c r="D25" s="18">
        <v>68</v>
      </c>
    </row>
    <row r="26" spans="1:4" ht="18" customHeight="1" x14ac:dyDescent="0.15">
      <c r="A26" s="5">
        <v>17</v>
      </c>
      <c r="B26" s="22">
        <v>34</v>
      </c>
      <c r="C26" s="14">
        <v>32</v>
      </c>
      <c r="D26" s="18">
        <v>66</v>
      </c>
    </row>
    <row r="27" spans="1:4" ht="18" customHeight="1" x14ac:dyDescent="0.15">
      <c r="A27" s="5">
        <v>18</v>
      </c>
      <c r="B27" s="22">
        <v>48</v>
      </c>
      <c r="C27" s="14">
        <v>32</v>
      </c>
      <c r="D27" s="18">
        <v>80</v>
      </c>
    </row>
    <row r="28" spans="1:4" ht="18" customHeight="1" x14ac:dyDescent="0.15">
      <c r="A28" s="5">
        <v>19</v>
      </c>
      <c r="B28" s="22">
        <v>36</v>
      </c>
      <c r="C28" s="14">
        <v>37</v>
      </c>
      <c r="D28" s="18">
        <v>73</v>
      </c>
    </row>
    <row r="29" spans="1:4" ht="18" customHeight="1" x14ac:dyDescent="0.15">
      <c r="A29" s="5" t="s">
        <v>14</v>
      </c>
      <c r="B29" s="22">
        <v>198</v>
      </c>
      <c r="C29" s="14">
        <v>168</v>
      </c>
      <c r="D29" s="18">
        <v>366</v>
      </c>
    </row>
    <row r="30" spans="1:4" ht="18" customHeight="1" x14ac:dyDescent="0.15">
      <c r="A30" s="5">
        <v>20</v>
      </c>
      <c r="B30" s="22">
        <v>42</v>
      </c>
      <c r="C30" s="14">
        <v>32</v>
      </c>
      <c r="D30" s="18">
        <v>74</v>
      </c>
    </row>
    <row r="31" spans="1:4" ht="18" customHeight="1" x14ac:dyDescent="0.15">
      <c r="A31" s="5">
        <v>21</v>
      </c>
      <c r="B31" s="22">
        <v>43</v>
      </c>
      <c r="C31" s="14">
        <v>28</v>
      </c>
      <c r="D31" s="18">
        <v>71</v>
      </c>
    </row>
    <row r="32" spans="1:4" ht="18" customHeight="1" x14ac:dyDescent="0.15">
      <c r="A32" s="5">
        <v>22</v>
      </c>
      <c r="B32" s="22">
        <v>41</v>
      </c>
      <c r="C32" s="14">
        <v>27</v>
      </c>
      <c r="D32" s="18">
        <v>68</v>
      </c>
    </row>
    <row r="33" spans="1:4" ht="18" customHeight="1" x14ac:dyDescent="0.15">
      <c r="A33" s="5">
        <v>23</v>
      </c>
      <c r="B33" s="22">
        <v>45</v>
      </c>
      <c r="C33" s="14">
        <v>37</v>
      </c>
      <c r="D33" s="18">
        <v>82</v>
      </c>
    </row>
    <row r="34" spans="1:4" ht="18" customHeight="1" x14ac:dyDescent="0.15">
      <c r="A34" s="5">
        <v>24</v>
      </c>
      <c r="B34" s="22">
        <v>45</v>
      </c>
      <c r="C34" s="14">
        <v>47</v>
      </c>
      <c r="D34" s="18">
        <v>92</v>
      </c>
    </row>
    <row r="35" spans="1:4" ht="18" customHeight="1" x14ac:dyDescent="0.15">
      <c r="A35" s="5" t="s">
        <v>9</v>
      </c>
      <c r="B35" s="22">
        <v>216</v>
      </c>
      <c r="C35" s="14">
        <v>171</v>
      </c>
      <c r="D35" s="18">
        <v>387</v>
      </c>
    </row>
    <row r="36" spans="1:4" ht="18" customHeight="1" x14ac:dyDescent="0.15">
      <c r="A36" s="5">
        <v>25</v>
      </c>
      <c r="B36" s="22">
        <v>31</v>
      </c>
      <c r="C36" s="14">
        <v>29</v>
      </c>
      <c r="D36" s="18">
        <v>60</v>
      </c>
    </row>
    <row r="37" spans="1:4" ht="18" customHeight="1" x14ac:dyDescent="0.15">
      <c r="A37" s="5">
        <v>26</v>
      </c>
      <c r="B37" s="22">
        <v>44</v>
      </c>
      <c r="C37" s="14">
        <v>39</v>
      </c>
      <c r="D37" s="18">
        <v>83</v>
      </c>
    </row>
    <row r="38" spans="1:4" ht="18" customHeight="1" x14ac:dyDescent="0.15">
      <c r="A38" s="5">
        <v>27</v>
      </c>
      <c r="B38" s="22">
        <v>44</v>
      </c>
      <c r="C38" s="14">
        <v>36</v>
      </c>
      <c r="D38" s="18">
        <v>80</v>
      </c>
    </row>
    <row r="39" spans="1:4" ht="18" customHeight="1" x14ac:dyDescent="0.15">
      <c r="A39" s="5">
        <v>28</v>
      </c>
      <c r="B39" s="22">
        <v>31</v>
      </c>
      <c r="C39" s="14">
        <v>43</v>
      </c>
      <c r="D39" s="18">
        <v>74</v>
      </c>
    </row>
    <row r="40" spans="1:4" ht="18" customHeight="1" x14ac:dyDescent="0.15">
      <c r="A40" s="5">
        <v>29</v>
      </c>
      <c r="B40" s="22">
        <v>29</v>
      </c>
      <c r="C40" s="14">
        <v>32</v>
      </c>
      <c r="D40" s="18">
        <v>61</v>
      </c>
    </row>
    <row r="41" spans="1:4" ht="18" customHeight="1" x14ac:dyDescent="0.15">
      <c r="A41" s="5" t="s">
        <v>2</v>
      </c>
      <c r="B41" s="22">
        <v>179</v>
      </c>
      <c r="C41" s="14">
        <v>179</v>
      </c>
      <c r="D41" s="18">
        <v>358</v>
      </c>
    </row>
    <row r="42" spans="1:4" ht="18" customHeight="1" x14ac:dyDescent="0.15">
      <c r="A42" s="5">
        <v>30</v>
      </c>
      <c r="B42" s="22">
        <v>45</v>
      </c>
      <c r="C42" s="14">
        <v>40</v>
      </c>
      <c r="D42" s="18">
        <v>85</v>
      </c>
    </row>
    <row r="43" spans="1:4" ht="18" customHeight="1" x14ac:dyDescent="0.15">
      <c r="A43" s="5">
        <v>31</v>
      </c>
      <c r="B43" s="22">
        <v>52</v>
      </c>
      <c r="C43" s="14">
        <v>47</v>
      </c>
      <c r="D43" s="18">
        <v>99</v>
      </c>
    </row>
    <row r="44" spans="1:4" ht="18" customHeight="1" x14ac:dyDescent="0.15">
      <c r="A44" s="5">
        <v>32</v>
      </c>
      <c r="B44" s="22">
        <v>57</v>
      </c>
      <c r="C44" s="14">
        <v>53</v>
      </c>
      <c r="D44" s="18">
        <v>110</v>
      </c>
    </row>
    <row r="45" spans="1:4" ht="18" customHeight="1" x14ac:dyDescent="0.15">
      <c r="A45" s="5">
        <v>33</v>
      </c>
      <c r="B45" s="22">
        <v>55</v>
      </c>
      <c r="C45" s="14">
        <v>45</v>
      </c>
      <c r="D45" s="18">
        <v>100</v>
      </c>
    </row>
    <row r="46" spans="1:4" ht="18" customHeight="1" x14ac:dyDescent="0.15">
      <c r="A46" s="5">
        <v>34</v>
      </c>
      <c r="B46" s="22">
        <v>53</v>
      </c>
      <c r="C46" s="14">
        <v>62</v>
      </c>
      <c r="D46" s="18">
        <v>115</v>
      </c>
    </row>
    <row r="47" spans="1:4" ht="18" customHeight="1" x14ac:dyDescent="0.15">
      <c r="A47" s="5" t="s">
        <v>15</v>
      </c>
      <c r="B47" s="22">
        <v>262</v>
      </c>
      <c r="C47" s="14">
        <v>247</v>
      </c>
      <c r="D47" s="18">
        <v>509</v>
      </c>
    </row>
    <row r="48" spans="1:4" ht="18" customHeight="1" x14ac:dyDescent="0.15">
      <c r="A48" s="5">
        <v>35</v>
      </c>
      <c r="B48" s="22">
        <v>53</v>
      </c>
      <c r="C48" s="14">
        <v>47</v>
      </c>
      <c r="D48" s="18">
        <v>100</v>
      </c>
    </row>
    <row r="49" spans="1:4" ht="18" customHeight="1" x14ac:dyDescent="0.15">
      <c r="A49" s="5">
        <v>36</v>
      </c>
      <c r="B49" s="22">
        <v>62</v>
      </c>
      <c r="C49" s="14">
        <v>61</v>
      </c>
      <c r="D49" s="18">
        <v>123</v>
      </c>
    </row>
    <row r="50" spans="1:4" ht="18" customHeight="1" x14ac:dyDescent="0.15">
      <c r="A50" s="5">
        <v>37</v>
      </c>
      <c r="B50" s="22">
        <v>47</v>
      </c>
      <c r="C50" s="14">
        <v>55</v>
      </c>
      <c r="D50" s="18">
        <v>102</v>
      </c>
    </row>
    <row r="51" spans="1:4" ht="18" customHeight="1" x14ac:dyDescent="0.15">
      <c r="A51" s="5">
        <v>38</v>
      </c>
      <c r="B51" s="22">
        <v>59</v>
      </c>
      <c r="C51" s="14">
        <v>39</v>
      </c>
      <c r="D51" s="18">
        <v>98</v>
      </c>
    </row>
    <row r="52" spans="1:4" ht="18" customHeight="1" x14ac:dyDescent="0.15">
      <c r="A52" s="5">
        <v>39</v>
      </c>
      <c r="B52" s="22">
        <v>54</v>
      </c>
      <c r="C52" s="14">
        <v>56</v>
      </c>
      <c r="D52" s="18">
        <v>110</v>
      </c>
    </row>
    <row r="53" spans="1:4" ht="18" customHeight="1" x14ac:dyDescent="0.15">
      <c r="A53" s="5" t="s">
        <v>18</v>
      </c>
      <c r="B53" s="22">
        <v>275</v>
      </c>
      <c r="C53" s="14">
        <v>258</v>
      </c>
      <c r="D53" s="18">
        <v>533</v>
      </c>
    </row>
    <row r="54" spans="1:4" ht="18" customHeight="1" x14ac:dyDescent="0.15">
      <c r="A54" s="5">
        <v>40</v>
      </c>
      <c r="B54" s="22">
        <v>58</v>
      </c>
      <c r="C54" s="14">
        <v>48</v>
      </c>
      <c r="D54" s="18">
        <v>106</v>
      </c>
    </row>
    <row r="55" spans="1:4" ht="18" customHeight="1" x14ac:dyDescent="0.15">
      <c r="A55" s="5">
        <v>41</v>
      </c>
      <c r="B55" s="22">
        <v>68</v>
      </c>
      <c r="C55" s="14">
        <v>57</v>
      </c>
      <c r="D55" s="18">
        <v>125</v>
      </c>
    </row>
    <row r="56" spans="1:4" ht="18" customHeight="1" x14ac:dyDescent="0.15">
      <c r="A56" s="5">
        <v>42</v>
      </c>
      <c r="B56" s="22">
        <v>51</v>
      </c>
      <c r="C56" s="14">
        <v>37</v>
      </c>
      <c r="D56" s="18">
        <v>88</v>
      </c>
    </row>
    <row r="57" spans="1:4" ht="18" customHeight="1" x14ac:dyDescent="0.15">
      <c r="A57" s="5">
        <v>43</v>
      </c>
      <c r="B57" s="22">
        <v>48</v>
      </c>
      <c r="C57" s="14">
        <v>50</v>
      </c>
      <c r="D57" s="18">
        <v>98</v>
      </c>
    </row>
    <row r="58" spans="1:4" ht="18" customHeight="1" x14ac:dyDescent="0.15">
      <c r="A58" s="5">
        <v>44</v>
      </c>
      <c r="B58" s="22">
        <v>55</v>
      </c>
      <c r="C58" s="14">
        <v>60</v>
      </c>
      <c r="D58" s="18">
        <v>115</v>
      </c>
    </row>
    <row r="59" spans="1:4" ht="18" customHeight="1" x14ac:dyDescent="0.15">
      <c r="A59" s="5" t="s">
        <v>21</v>
      </c>
      <c r="B59" s="22">
        <v>280</v>
      </c>
      <c r="C59" s="14">
        <v>252</v>
      </c>
      <c r="D59" s="18">
        <v>532</v>
      </c>
    </row>
    <row r="60" spans="1:4" ht="18" customHeight="1" x14ac:dyDescent="0.15">
      <c r="A60" s="5">
        <v>45</v>
      </c>
      <c r="B60" s="22">
        <v>51</v>
      </c>
      <c r="C60" s="14">
        <v>46</v>
      </c>
      <c r="D60" s="18">
        <v>97</v>
      </c>
    </row>
    <row r="61" spans="1:4" ht="18" customHeight="1" x14ac:dyDescent="0.15">
      <c r="A61" s="5">
        <v>46</v>
      </c>
      <c r="B61" s="22">
        <v>70</v>
      </c>
      <c r="C61" s="14">
        <v>60</v>
      </c>
      <c r="D61" s="18">
        <v>130</v>
      </c>
    </row>
    <row r="62" spans="1:4" ht="18" customHeight="1" x14ac:dyDescent="0.15">
      <c r="A62" s="5">
        <v>47</v>
      </c>
      <c r="B62" s="22">
        <v>61</v>
      </c>
      <c r="C62" s="14">
        <v>57</v>
      </c>
      <c r="D62" s="18">
        <v>118</v>
      </c>
    </row>
    <row r="63" spans="1:4" ht="18" customHeight="1" x14ac:dyDescent="0.15">
      <c r="A63" s="5">
        <v>48</v>
      </c>
      <c r="B63" s="22">
        <v>54</v>
      </c>
      <c r="C63" s="14">
        <v>64</v>
      </c>
      <c r="D63" s="18">
        <v>118</v>
      </c>
    </row>
    <row r="64" spans="1:4" ht="18" customHeight="1" x14ac:dyDescent="0.15">
      <c r="A64" s="5">
        <v>49</v>
      </c>
      <c r="B64" s="22">
        <v>64</v>
      </c>
      <c r="C64" s="14">
        <v>50</v>
      </c>
      <c r="D64" s="18">
        <v>114</v>
      </c>
    </row>
    <row r="65" spans="1:4" ht="18" customHeight="1" x14ac:dyDescent="0.15">
      <c r="A65" s="5" t="s">
        <v>17</v>
      </c>
      <c r="B65" s="22">
        <v>300</v>
      </c>
      <c r="C65" s="14">
        <v>277</v>
      </c>
      <c r="D65" s="18">
        <v>577</v>
      </c>
    </row>
    <row r="66" spans="1:4" ht="18" customHeight="1" x14ac:dyDescent="0.15">
      <c r="A66" s="5">
        <v>50</v>
      </c>
      <c r="B66" s="22">
        <v>81</v>
      </c>
      <c r="C66" s="14">
        <v>57</v>
      </c>
      <c r="D66" s="18">
        <v>138</v>
      </c>
    </row>
    <row r="67" spans="1:4" ht="18" customHeight="1" x14ac:dyDescent="0.15">
      <c r="A67" s="5">
        <v>51</v>
      </c>
      <c r="B67" s="22">
        <v>45</v>
      </c>
      <c r="C67" s="14">
        <v>64</v>
      </c>
      <c r="D67" s="18">
        <v>109</v>
      </c>
    </row>
    <row r="68" spans="1:4" ht="18" customHeight="1" x14ac:dyDescent="0.15">
      <c r="A68" s="5">
        <v>52</v>
      </c>
      <c r="B68" s="22">
        <v>68</v>
      </c>
      <c r="C68" s="14">
        <v>64</v>
      </c>
      <c r="D68" s="18">
        <v>132</v>
      </c>
    </row>
    <row r="69" spans="1:4" ht="18" customHeight="1" x14ac:dyDescent="0.15">
      <c r="A69" s="5">
        <v>53</v>
      </c>
      <c r="B69" s="22">
        <v>69</v>
      </c>
      <c r="C69" s="14">
        <v>60</v>
      </c>
      <c r="D69" s="18">
        <v>129</v>
      </c>
    </row>
    <row r="70" spans="1:4" ht="18" customHeight="1" x14ac:dyDescent="0.15">
      <c r="A70" s="5">
        <v>54</v>
      </c>
      <c r="B70" s="22">
        <v>59</v>
      </c>
      <c r="C70" s="14">
        <v>50</v>
      </c>
      <c r="D70" s="18">
        <v>109</v>
      </c>
    </row>
    <row r="71" spans="1:4" ht="18" customHeight="1" x14ac:dyDescent="0.15">
      <c r="A71" s="5" t="s">
        <v>22</v>
      </c>
      <c r="B71" s="22">
        <v>322</v>
      </c>
      <c r="C71" s="14">
        <v>295</v>
      </c>
      <c r="D71" s="18">
        <v>617</v>
      </c>
    </row>
    <row r="72" spans="1:4" ht="18" customHeight="1" x14ac:dyDescent="0.15">
      <c r="A72" s="5">
        <v>55</v>
      </c>
      <c r="B72" s="22">
        <v>47</v>
      </c>
      <c r="C72" s="14">
        <v>54</v>
      </c>
      <c r="D72" s="18">
        <v>101</v>
      </c>
    </row>
    <row r="73" spans="1:4" ht="18" customHeight="1" x14ac:dyDescent="0.15">
      <c r="A73" s="5">
        <v>56</v>
      </c>
      <c r="B73" s="22">
        <v>42</v>
      </c>
      <c r="C73" s="14">
        <v>48</v>
      </c>
      <c r="D73" s="18">
        <v>90</v>
      </c>
    </row>
    <row r="74" spans="1:4" ht="18" customHeight="1" x14ac:dyDescent="0.15">
      <c r="A74" s="5">
        <v>57</v>
      </c>
      <c r="B74" s="22">
        <v>64</v>
      </c>
      <c r="C74" s="14">
        <v>51</v>
      </c>
      <c r="D74" s="18">
        <v>115</v>
      </c>
    </row>
    <row r="75" spans="1:4" ht="18" customHeight="1" x14ac:dyDescent="0.15">
      <c r="A75" s="5">
        <v>58</v>
      </c>
      <c r="B75" s="22">
        <v>41</v>
      </c>
      <c r="C75" s="14">
        <v>49</v>
      </c>
      <c r="D75" s="18">
        <v>90</v>
      </c>
    </row>
    <row r="76" spans="1:4" ht="18" customHeight="1" x14ac:dyDescent="0.15">
      <c r="A76" s="5">
        <v>59</v>
      </c>
      <c r="B76" s="22">
        <v>36</v>
      </c>
      <c r="C76" s="14">
        <v>43</v>
      </c>
      <c r="D76" s="18">
        <v>79</v>
      </c>
    </row>
    <row r="77" spans="1:4" ht="18" customHeight="1" x14ac:dyDescent="0.15">
      <c r="A77" s="5" t="s">
        <v>27</v>
      </c>
      <c r="B77" s="22">
        <v>230</v>
      </c>
      <c r="C77" s="14">
        <v>245</v>
      </c>
      <c r="D77" s="18">
        <v>475</v>
      </c>
    </row>
    <row r="78" spans="1:4" ht="18" customHeight="1" x14ac:dyDescent="0.15">
      <c r="A78" s="5">
        <v>60</v>
      </c>
      <c r="B78" s="22">
        <v>51</v>
      </c>
      <c r="C78" s="14">
        <v>48</v>
      </c>
      <c r="D78" s="18">
        <v>99</v>
      </c>
    </row>
    <row r="79" spans="1:4" ht="18" customHeight="1" x14ac:dyDescent="0.15">
      <c r="A79" s="5">
        <v>61</v>
      </c>
      <c r="B79" s="22">
        <v>56</v>
      </c>
      <c r="C79" s="14">
        <v>50</v>
      </c>
      <c r="D79" s="18">
        <v>106</v>
      </c>
    </row>
    <row r="80" spans="1:4" ht="18" customHeight="1" x14ac:dyDescent="0.15">
      <c r="A80" s="5">
        <v>62</v>
      </c>
      <c r="B80" s="22">
        <v>44</v>
      </c>
      <c r="C80" s="14">
        <v>46</v>
      </c>
      <c r="D80" s="18">
        <v>90</v>
      </c>
    </row>
    <row r="81" spans="1:4" ht="18" customHeight="1" x14ac:dyDescent="0.15">
      <c r="A81" s="5">
        <v>63</v>
      </c>
      <c r="B81" s="22">
        <v>42</v>
      </c>
      <c r="C81" s="14">
        <v>32</v>
      </c>
      <c r="D81" s="18">
        <v>74</v>
      </c>
    </row>
    <row r="82" spans="1:4" ht="18" customHeight="1" x14ac:dyDescent="0.15">
      <c r="A82" s="5">
        <v>64</v>
      </c>
      <c r="B82" s="22">
        <v>30</v>
      </c>
      <c r="C82" s="14">
        <v>37</v>
      </c>
      <c r="D82" s="18">
        <v>67</v>
      </c>
    </row>
    <row r="83" spans="1:4" ht="18" customHeight="1" x14ac:dyDescent="0.15">
      <c r="A83" s="5" t="s">
        <v>28</v>
      </c>
      <c r="B83" s="22">
        <v>223</v>
      </c>
      <c r="C83" s="14">
        <v>213</v>
      </c>
      <c r="D83" s="18">
        <v>436</v>
      </c>
    </row>
    <row r="84" spans="1:4" ht="18" customHeight="1" x14ac:dyDescent="0.15">
      <c r="A84" s="5" t="s">
        <v>31</v>
      </c>
      <c r="B84" s="22">
        <v>2485</v>
      </c>
      <c r="C84" s="14">
        <v>2305</v>
      </c>
      <c r="D84" s="18">
        <v>4790</v>
      </c>
    </row>
    <row r="85" spans="1:4" ht="18" customHeight="1" x14ac:dyDescent="0.15">
      <c r="A85" s="5">
        <v>65</v>
      </c>
      <c r="B85" s="22">
        <v>34</v>
      </c>
      <c r="C85" s="14">
        <v>32</v>
      </c>
      <c r="D85" s="18">
        <v>66</v>
      </c>
    </row>
    <row r="86" spans="1:4" ht="18" customHeight="1" x14ac:dyDescent="0.15">
      <c r="A86" s="5">
        <v>66</v>
      </c>
      <c r="B86" s="22">
        <v>44</v>
      </c>
      <c r="C86" s="14">
        <v>41</v>
      </c>
      <c r="D86" s="18">
        <v>85</v>
      </c>
    </row>
    <row r="87" spans="1:4" ht="18" customHeight="1" x14ac:dyDescent="0.15">
      <c r="A87" s="5">
        <v>67</v>
      </c>
      <c r="B87" s="22">
        <v>41</v>
      </c>
      <c r="C87" s="14">
        <v>32</v>
      </c>
      <c r="D87" s="18">
        <v>73</v>
      </c>
    </row>
    <row r="88" spans="1:4" ht="18" customHeight="1" x14ac:dyDescent="0.15">
      <c r="A88" s="5">
        <v>68</v>
      </c>
      <c r="B88" s="22">
        <v>39</v>
      </c>
      <c r="C88" s="14">
        <v>46</v>
      </c>
      <c r="D88" s="18">
        <v>85</v>
      </c>
    </row>
    <row r="89" spans="1:4" ht="18" customHeight="1" x14ac:dyDescent="0.15">
      <c r="A89" s="5">
        <v>69</v>
      </c>
      <c r="B89" s="22">
        <v>37</v>
      </c>
      <c r="C89" s="14">
        <v>38</v>
      </c>
      <c r="D89" s="18">
        <v>75</v>
      </c>
    </row>
    <row r="90" spans="1:4" ht="18" customHeight="1" x14ac:dyDescent="0.15">
      <c r="A90" s="5" t="s">
        <v>20</v>
      </c>
      <c r="B90" s="22">
        <v>195</v>
      </c>
      <c r="C90" s="14">
        <v>189</v>
      </c>
      <c r="D90" s="18">
        <v>384</v>
      </c>
    </row>
    <row r="91" spans="1:4" ht="18" customHeight="1" x14ac:dyDescent="0.15">
      <c r="A91" s="5">
        <v>70</v>
      </c>
      <c r="B91" s="22">
        <v>32</v>
      </c>
      <c r="C91" s="14">
        <v>55</v>
      </c>
      <c r="D91" s="18">
        <v>87</v>
      </c>
    </row>
    <row r="92" spans="1:4" ht="18" customHeight="1" x14ac:dyDescent="0.15">
      <c r="A92" s="5">
        <v>71</v>
      </c>
      <c r="B92" s="22">
        <v>46</v>
      </c>
      <c r="C92" s="14">
        <v>63</v>
      </c>
      <c r="D92" s="18">
        <v>109</v>
      </c>
    </row>
    <row r="93" spans="1:4" ht="18" customHeight="1" x14ac:dyDescent="0.15">
      <c r="A93" s="5">
        <v>72</v>
      </c>
      <c r="B93" s="22">
        <v>27</v>
      </c>
      <c r="C93" s="14">
        <v>38</v>
      </c>
      <c r="D93" s="18">
        <v>65</v>
      </c>
    </row>
    <row r="94" spans="1:4" ht="18" customHeight="1" x14ac:dyDescent="0.15">
      <c r="A94" s="5">
        <v>73</v>
      </c>
      <c r="B94" s="22">
        <v>46</v>
      </c>
      <c r="C94" s="14">
        <v>48</v>
      </c>
      <c r="D94" s="18">
        <v>94</v>
      </c>
    </row>
    <row r="95" spans="1:4" ht="18" customHeight="1" x14ac:dyDescent="0.15">
      <c r="A95" s="5">
        <v>74</v>
      </c>
      <c r="B95" s="22">
        <v>43</v>
      </c>
      <c r="C95" s="14">
        <v>47</v>
      </c>
      <c r="D95" s="18">
        <v>90</v>
      </c>
    </row>
    <row r="96" spans="1:4" ht="18" customHeight="1" x14ac:dyDescent="0.15">
      <c r="A96" s="5" t="s">
        <v>33</v>
      </c>
      <c r="B96" s="22">
        <v>194</v>
      </c>
      <c r="C96" s="14">
        <v>251</v>
      </c>
      <c r="D96" s="18">
        <v>445</v>
      </c>
    </row>
    <row r="97" spans="1:4" ht="18" customHeight="1" x14ac:dyDescent="0.15">
      <c r="A97" s="5">
        <v>75</v>
      </c>
      <c r="B97" s="22">
        <v>56</v>
      </c>
      <c r="C97" s="14">
        <v>42</v>
      </c>
      <c r="D97" s="18">
        <v>98</v>
      </c>
    </row>
    <row r="98" spans="1:4" ht="18" customHeight="1" x14ac:dyDescent="0.15">
      <c r="A98" s="5">
        <v>76</v>
      </c>
      <c r="B98" s="22">
        <v>49</v>
      </c>
      <c r="C98" s="14">
        <v>66</v>
      </c>
      <c r="D98" s="18">
        <v>115</v>
      </c>
    </row>
    <row r="99" spans="1:4" ht="18" customHeight="1" x14ac:dyDescent="0.15">
      <c r="A99" s="5">
        <v>77</v>
      </c>
      <c r="B99" s="22">
        <v>37</v>
      </c>
      <c r="C99" s="14">
        <v>58</v>
      </c>
      <c r="D99" s="18">
        <v>95</v>
      </c>
    </row>
    <row r="100" spans="1:4" ht="18" customHeight="1" x14ac:dyDescent="0.15">
      <c r="A100" s="5">
        <v>78</v>
      </c>
      <c r="B100" s="22">
        <v>45</v>
      </c>
      <c r="C100" s="14">
        <v>54</v>
      </c>
      <c r="D100" s="18">
        <v>99</v>
      </c>
    </row>
    <row r="101" spans="1:4" ht="18" customHeight="1" x14ac:dyDescent="0.15">
      <c r="A101" s="5">
        <v>79</v>
      </c>
      <c r="B101" s="22">
        <v>32</v>
      </c>
      <c r="C101" s="14">
        <v>30</v>
      </c>
      <c r="D101" s="18">
        <v>62</v>
      </c>
    </row>
    <row r="102" spans="1:4" ht="18" customHeight="1" x14ac:dyDescent="0.15">
      <c r="A102" s="5" t="s">
        <v>0</v>
      </c>
      <c r="B102" s="22">
        <v>219</v>
      </c>
      <c r="C102" s="14">
        <v>250</v>
      </c>
      <c r="D102" s="18">
        <v>469</v>
      </c>
    </row>
    <row r="103" spans="1:4" ht="18" customHeight="1" x14ac:dyDescent="0.15">
      <c r="A103" s="5">
        <v>80</v>
      </c>
      <c r="B103" s="22">
        <v>23</v>
      </c>
      <c r="C103" s="14">
        <v>39</v>
      </c>
      <c r="D103" s="18">
        <v>62</v>
      </c>
    </row>
    <row r="104" spans="1:4" ht="18" customHeight="1" x14ac:dyDescent="0.15">
      <c r="A104" s="5">
        <v>81</v>
      </c>
      <c r="B104" s="22">
        <v>31</v>
      </c>
      <c r="C104" s="14">
        <v>37</v>
      </c>
      <c r="D104" s="18">
        <v>68</v>
      </c>
    </row>
    <row r="105" spans="1:4" ht="18" customHeight="1" x14ac:dyDescent="0.15">
      <c r="A105" s="5">
        <v>82</v>
      </c>
      <c r="B105" s="22">
        <v>23</v>
      </c>
      <c r="C105" s="14">
        <v>44</v>
      </c>
      <c r="D105" s="18">
        <v>67</v>
      </c>
    </row>
    <row r="106" spans="1:4" ht="18" customHeight="1" x14ac:dyDescent="0.15">
      <c r="A106" s="5">
        <v>83</v>
      </c>
      <c r="B106" s="22">
        <v>22</v>
      </c>
      <c r="C106" s="14">
        <v>37</v>
      </c>
      <c r="D106" s="18">
        <v>59</v>
      </c>
    </row>
    <row r="107" spans="1:4" ht="18" customHeight="1" x14ac:dyDescent="0.15">
      <c r="A107" s="5">
        <v>84</v>
      </c>
      <c r="B107" s="22">
        <v>23</v>
      </c>
      <c r="C107" s="14">
        <v>42</v>
      </c>
      <c r="D107" s="18">
        <v>65</v>
      </c>
    </row>
    <row r="108" spans="1:4" ht="18" customHeight="1" x14ac:dyDescent="0.15">
      <c r="A108" s="5" t="s">
        <v>35</v>
      </c>
      <c r="B108" s="22">
        <v>122</v>
      </c>
      <c r="C108" s="14">
        <v>199</v>
      </c>
      <c r="D108" s="18">
        <v>321</v>
      </c>
    </row>
    <row r="109" spans="1:4" ht="18" customHeight="1" x14ac:dyDescent="0.15">
      <c r="A109" s="5">
        <v>85</v>
      </c>
      <c r="B109" s="22">
        <v>29</v>
      </c>
      <c r="C109" s="14">
        <v>30</v>
      </c>
      <c r="D109" s="18">
        <v>59</v>
      </c>
    </row>
    <row r="110" spans="1:4" ht="18" customHeight="1" x14ac:dyDescent="0.15">
      <c r="A110" s="5">
        <v>86</v>
      </c>
      <c r="B110" s="22">
        <v>20</v>
      </c>
      <c r="C110" s="14">
        <v>18</v>
      </c>
      <c r="D110" s="18">
        <v>38</v>
      </c>
    </row>
    <row r="111" spans="1:4" ht="18" customHeight="1" x14ac:dyDescent="0.15">
      <c r="A111" s="5">
        <v>87</v>
      </c>
      <c r="B111" s="22">
        <v>18</v>
      </c>
      <c r="C111" s="14">
        <v>19</v>
      </c>
      <c r="D111" s="18">
        <v>37</v>
      </c>
    </row>
    <row r="112" spans="1:4" ht="18" customHeight="1" x14ac:dyDescent="0.15">
      <c r="A112" s="5">
        <v>88</v>
      </c>
      <c r="B112" s="22">
        <v>10</v>
      </c>
      <c r="C112" s="14">
        <v>25</v>
      </c>
      <c r="D112" s="18">
        <v>35</v>
      </c>
    </row>
    <row r="113" spans="1:4" ht="18" customHeight="1" x14ac:dyDescent="0.15">
      <c r="A113" s="5">
        <v>89</v>
      </c>
      <c r="B113" s="22">
        <v>10</v>
      </c>
      <c r="C113" s="14">
        <v>20</v>
      </c>
      <c r="D113" s="18">
        <v>30</v>
      </c>
    </row>
    <row r="114" spans="1:4" ht="18" customHeight="1" x14ac:dyDescent="0.15">
      <c r="A114" s="5" t="s">
        <v>37</v>
      </c>
      <c r="B114" s="22">
        <v>87</v>
      </c>
      <c r="C114" s="14">
        <v>112</v>
      </c>
      <c r="D114" s="18">
        <v>199</v>
      </c>
    </row>
    <row r="115" spans="1:4" ht="18" customHeight="1" x14ac:dyDescent="0.15">
      <c r="A115" s="5">
        <v>90</v>
      </c>
      <c r="B115" s="22">
        <v>8</v>
      </c>
      <c r="C115" s="14">
        <v>27</v>
      </c>
      <c r="D115" s="18">
        <v>35</v>
      </c>
    </row>
    <row r="116" spans="1:4" ht="18" customHeight="1" x14ac:dyDescent="0.15">
      <c r="A116" s="5">
        <v>91</v>
      </c>
      <c r="B116" s="22">
        <v>10</v>
      </c>
      <c r="C116" s="14">
        <v>15</v>
      </c>
      <c r="D116" s="18">
        <v>25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13</v>
      </c>
      <c r="D118" s="18">
        <v>14</v>
      </c>
    </row>
    <row r="119" spans="1:4" ht="18" customHeight="1" x14ac:dyDescent="0.15">
      <c r="A119" s="5">
        <v>94</v>
      </c>
      <c r="B119" s="22">
        <v>2</v>
      </c>
      <c r="C119" s="14">
        <v>10</v>
      </c>
      <c r="D119" s="18">
        <v>12</v>
      </c>
    </row>
    <row r="120" spans="1:4" ht="18" customHeight="1" x14ac:dyDescent="0.15">
      <c r="A120" s="5" t="s">
        <v>39</v>
      </c>
      <c r="B120" s="22">
        <v>24</v>
      </c>
      <c r="C120" s="14">
        <v>81</v>
      </c>
      <c r="D120" s="18">
        <v>105</v>
      </c>
    </row>
    <row r="121" spans="1:4" ht="18" customHeight="1" x14ac:dyDescent="0.15">
      <c r="A121" s="5">
        <v>95</v>
      </c>
      <c r="B121" s="22">
        <v>1</v>
      </c>
      <c r="C121" s="14">
        <v>11</v>
      </c>
      <c r="D121" s="18">
        <v>12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8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35</v>
      </c>
      <c r="D126" s="18">
        <v>38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8</v>
      </c>
      <c r="D129" s="18">
        <v>9</v>
      </c>
    </row>
    <row r="130" spans="1:4" ht="18" customHeight="1" x14ac:dyDescent="0.15">
      <c r="A130" s="5" t="s">
        <v>46</v>
      </c>
      <c r="B130" s="22">
        <v>845</v>
      </c>
      <c r="C130" s="14">
        <v>1125</v>
      </c>
      <c r="D130" s="18">
        <v>1970</v>
      </c>
    </row>
    <row r="131" spans="1:4" ht="18" customHeight="1" x14ac:dyDescent="0.15">
      <c r="A131" s="7" t="s">
        <v>45</v>
      </c>
      <c r="B131" s="23">
        <v>3953</v>
      </c>
      <c r="C131" s="15">
        <v>4006</v>
      </c>
      <c r="D131" s="19">
        <v>79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1</v>
      </c>
      <c r="C5" s="29">
        <v>55</v>
      </c>
      <c r="D5" s="31">
        <v>106</v>
      </c>
    </row>
    <row r="6" spans="1:4" ht="18" customHeight="1" x14ac:dyDescent="0.15">
      <c r="A6" s="5">
        <v>1</v>
      </c>
      <c r="B6" s="27">
        <v>63</v>
      </c>
      <c r="C6" s="14">
        <v>60</v>
      </c>
      <c r="D6" s="18">
        <v>123</v>
      </c>
    </row>
    <row r="7" spans="1:4" ht="18" customHeight="1" x14ac:dyDescent="0.15">
      <c r="A7" s="5">
        <v>2</v>
      </c>
      <c r="B7" s="27">
        <v>65</v>
      </c>
      <c r="C7" s="14">
        <v>73</v>
      </c>
      <c r="D7" s="18">
        <v>138</v>
      </c>
    </row>
    <row r="8" spans="1:4" ht="18" customHeight="1" x14ac:dyDescent="0.15">
      <c r="A8" s="5">
        <v>3</v>
      </c>
      <c r="B8" s="27">
        <v>69</v>
      </c>
      <c r="C8" s="14">
        <v>62</v>
      </c>
      <c r="D8" s="18">
        <v>131</v>
      </c>
    </row>
    <row r="9" spans="1:4" ht="18" customHeight="1" x14ac:dyDescent="0.15">
      <c r="A9" s="5">
        <v>4</v>
      </c>
      <c r="B9" s="28">
        <v>74</v>
      </c>
      <c r="C9" s="30">
        <v>71</v>
      </c>
      <c r="D9" s="32">
        <v>145</v>
      </c>
    </row>
    <row r="10" spans="1:4" ht="18" customHeight="1" x14ac:dyDescent="0.15">
      <c r="A10" s="5" t="s">
        <v>7</v>
      </c>
      <c r="B10" s="22">
        <v>322</v>
      </c>
      <c r="C10" s="14">
        <v>321</v>
      </c>
      <c r="D10" s="18">
        <v>643</v>
      </c>
    </row>
    <row r="11" spans="1:4" ht="18" customHeight="1" x14ac:dyDescent="0.15">
      <c r="A11" s="5">
        <v>5</v>
      </c>
      <c r="B11" s="27">
        <v>70</v>
      </c>
      <c r="C11" s="14">
        <v>73</v>
      </c>
      <c r="D11" s="18">
        <v>143</v>
      </c>
    </row>
    <row r="12" spans="1:4" ht="18" customHeight="1" x14ac:dyDescent="0.15">
      <c r="A12" s="5">
        <v>6</v>
      </c>
      <c r="B12" s="27">
        <v>90</v>
      </c>
      <c r="C12" s="14">
        <v>57</v>
      </c>
      <c r="D12" s="18">
        <v>147</v>
      </c>
    </row>
    <row r="13" spans="1:4" ht="18" customHeight="1" x14ac:dyDescent="0.15">
      <c r="A13" s="5">
        <v>7</v>
      </c>
      <c r="B13" s="27">
        <v>80</v>
      </c>
      <c r="C13" s="14">
        <v>96</v>
      </c>
      <c r="D13" s="18">
        <v>176</v>
      </c>
    </row>
    <row r="14" spans="1:4" ht="18" customHeight="1" x14ac:dyDescent="0.15">
      <c r="A14" s="5">
        <v>8</v>
      </c>
      <c r="B14" s="27">
        <v>88</v>
      </c>
      <c r="C14" s="14">
        <v>64</v>
      </c>
      <c r="D14" s="18">
        <v>152</v>
      </c>
    </row>
    <row r="15" spans="1:4" ht="18" customHeight="1" x14ac:dyDescent="0.15">
      <c r="A15" s="5">
        <v>9</v>
      </c>
      <c r="B15" s="27">
        <v>87</v>
      </c>
      <c r="C15" s="14">
        <v>76</v>
      </c>
      <c r="D15" s="18">
        <v>163</v>
      </c>
    </row>
    <row r="16" spans="1:4" ht="18" customHeight="1" x14ac:dyDescent="0.15">
      <c r="A16" s="5" t="s">
        <v>11</v>
      </c>
      <c r="B16" s="22">
        <v>415</v>
      </c>
      <c r="C16" s="14">
        <v>366</v>
      </c>
      <c r="D16" s="18">
        <v>781</v>
      </c>
    </row>
    <row r="17" spans="1:4" ht="18" customHeight="1" x14ac:dyDescent="0.15">
      <c r="A17" s="5">
        <v>10</v>
      </c>
      <c r="B17" s="22">
        <v>88</v>
      </c>
      <c r="C17" s="14">
        <v>86</v>
      </c>
      <c r="D17" s="18">
        <v>174</v>
      </c>
    </row>
    <row r="18" spans="1:4" ht="18" customHeight="1" x14ac:dyDescent="0.15">
      <c r="A18" s="5">
        <v>11</v>
      </c>
      <c r="B18" s="22">
        <v>75</v>
      </c>
      <c r="C18" s="14">
        <v>69</v>
      </c>
      <c r="D18" s="18">
        <v>144</v>
      </c>
    </row>
    <row r="19" spans="1:4" ht="18" customHeight="1" x14ac:dyDescent="0.15">
      <c r="A19" s="5">
        <v>12</v>
      </c>
      <c r="B19" s="22">
        <v>74</v>
      </c>
      <c r="C19" s="14">
        <v>80</v>
      </c>
      <c r="D19" s="18">
        <v>154</v>
      </c>
    </row>
    <row r="20" spans="1:4" ht="18" customHeight="1" x14ac:dyDescent="0.15">
      <c r="A20" s="5">
        <v>13</v>
      </c>
      <c r="B20" s="22">
        <v>79</v>
      </c>
      <c r="C20" s="14">
        <v>71</v>
      </c>
      <c r="D20" s="18">
        <v>150</v>
      </c>
    </row>
    <row r="21" spans="1:4" ht="18" customHeight="1" x14ac:dyDescent="0.15">
      <c r="A21" s="5">
        <v>14</v>
      </c>
      <c r="B21" s="22">
        <v>87</v>
      </c>
      <c r="C21" s="14">
        <v>71</v>
      </c>
      <c r="D21" s="18">
        <v>158</v>
      </c>
    </row>
    <row r="22" spans="1:4" ht="18" customHeight="1" x14ac:dyDescent="0.15">
      <c r="A22" s="5" t="s">
        <v>12</v>
      </c>
      <c r="B22" s="22">
        <v>403</v>
      </c>
      <c r="C22" s="14">
        <v>377</v>
      </c>
      <c r="D22" s="18">
        <v>780</v>
      </c>
    </row>
    <row r="23" spans="1:4" ht="18" customHeight="1" x14ac:dyDescent="0.15">
      <c r="A23" s="5" t="s">
        <v>6</v>
      </c>
      <c r="B23" s="22">
        <v>1140</v>
      </c>
      <c r="C23" s="14">
        <v>1064</v>
      </c>
      <c r="D23" s="18">
        <v>2204</v>
      </c>
    </row>
    <row r="24" spans="1:4" ht="18" customHeight="1" x14ac:dyDescent="0.15">
      <c r="A24" s="5">
        <v>15</v>
      </c>
      <c r="B24" s="22">
        <v>101</v>
      </c>
      <c r="C24" s="14">
        <v>85</v>
      </c>
      <c r="D24" s="18">
        <v>186</v>
      </c>
    </row>
    <row r="25" spans="1:4" ht="18" customHeight="1" x14ac:dyDescent="0.15">
      <c r="A25" s="5">
        <v>16</v>
      </c>
      <c r="B25" s="22">
        <v>92</v>
      </c>
      <c r="C25" s="14">
        <v>77</v>
      </c>
      <c r="D25" s="18">
        <v>169</v>
      </c>
    </row>
    <row r="26" spans="1:4" ht="18" customHeight="1" x14ac:dyDescent="0.15">
      <c r="A26" s="5">
        <v>17</v>
      </c>
      <c r="B26" s="22">
        <v>85</v>
      </c>
      <c r="C26" s="14">
        <v>82</v>
      </c>
      <c r="D26" s="18">
        <v>167</v>
      </c>
    </row>
    <row r="27" spans="1:4" ht="18" customHeight="1" x14ac:dyDescent="0.15">
      <c r="A27" s="5">
        <v>18</v>
      </c>
      <c r="B27" s="22">
        <v>88</v>
      </c>
      <c r="C27" s="14">
        <v>78</v>
      </c>
      <c r="D27" s="18">
        <v>166</v>
      </c>
    </row>
    <row r="28" spans="1:4" ht="18" customHeight="1" x14ac:dyDescent="0.15">
      <c r="A28" s="5">
        <v>19</v>
      </c>
      <c r="B28" s="22">
        <v>76</v>
      </c>
      <c r="C28" s="14">
        <v>81</v>
      </c>
      <c r="D28" s="18">
        <v>157</v>
      </c>
    </row>
    <row r="29" spans="1:4" ht="18" customHeight="1" x14ac:dyDescent="0.15">
      <c r="A29" s="5" t="s">
        <v>14</v>
      </c>
      <c r="B29" s="22">
        <v>442</v>
      </c>
      <c r="C29" s="14">
        <v>403</v>
      </c>
      <c r="D29" s="18">
        <v>845</v>
      </c>
    </row>
    <row r="30" spans="1:4" ht="18" customHeight="1" x14ac:dyDescent="0.15">
      <c r="A30" s="5">
        <v>20</v>
      </c>
      <c r="B30" s="22">
        <v>85</v>
      </c>
      <c r="C30" s="14">
        <v>86</v>
      </c>
      <c r="D30" s="18">
        <v>171</v>
      </c>
    </row>
    <row r="31" spans="1:4" ht="18" customHeight="1" x14ac:dyDescent="0.15">
      <c r="A31" s="5">
        <v>21</v>
      </c>
      <c r="B31" s="22">
        <v>107</v>
      </c>
      <c r="C31" s="14">
        <v>86</v>
      </c>
      <c r="D31" s="18">
        <v>193</v>
      </c>
    </row>
    <row r="32" spans="1:4" ht="18" customHeight="1" x14ac:dyDescent="0.15">
      <c r="A32" s="5">
        <v>22</v>
      </c>
      <c r="B32" s="22">
        <v>98</v>
      </c>
      <c r="C32" s="14">
        <v>83</v>
      </c>
      <c r="D32" s="18">
        <v>181</v>
      </c>
    </row>
    <row r="33" spans="1:4" ht="18" customHeight="1" x14ac:dyDescent="0.15">
      <c r="A33" s="5">
        <v>23</v>
      </c>
      <c r="B33" s="22">
        <v>113</v>
      </c>
      <c r="C33" s="14">
        <v>71</v>
      </c>
      <c r="D33" s="18">
        <v>184</v>
      </c>
    </row>
    <row r="34" spans="1:4" ht="18" customHeight="1" x14ac:dyDescent="0.15">
      <c r="A34" s="5">
        <v>24</v>
      </c>
      <c r="B34" s="22">
        <v>110</v>
      </c>
      <c r="C34" s="14">
        <v>101</v>
      </c>
      <c r="D34" s="18">
        <v>211</v>
      </c>
    </row>
    <row r="35" spans="1:4" ht="18" customHeight="1" x14ac:dyDescent="0.15">
      <c r="A35" s="5" t="s">
        <v>9</v>
      </c>
      <c r="B35" s="22">
        <v>513</v>
      </c>
      <c r="C35" s="14">
        <v>427</v>
      </c>
      <c r="D35" s="18">
        <v>940</v>
      </c>
    </row>
    <row r="36" spans="1:4" ht="18" customHeight="1" x14ac:dyDescent="0.15">
      <c r="A36" s="5">
        <v>25</v>
      </c>
      <c r="B36" s="22">
        <v>104</v>
      </c>
      <c r="C36" s="14">
        <v>88</v>
      </c>
      <c r="D36" s="18">
        <v>192</v>
      </c>
    </row>
    <row r="37" spans="1:4" ht="18" customHeight="1" x14ac:dyDescent="0.15">
      <c r="A37" s="5">
        <v>26</v>
      </c>
      <c r="B37" s="22">
        <v>104</v>
      </c>
      <c r="C37" s="14">
        <v>91</v>
      </c>
      <c r="D37" s="18">
        <v>195</v>
      </c>
    </row>
    <row r="38" spans="1:4" ht="18" customHeight="1" x14ac:dyDescent="0.15">
      <c r="A38" s="5">
        <v>27</v>
      </c>
      <c r="B38" s="22">
        <v>103</v>
      </c>
      <c r="C38" s="14">
        <v>88</v>
      </c>
      <c r="D38" s="18">
        <v>191</v>
      </c>
    </row>
    <row r="39" spans="1:4" ht="18" customHeight="1" x14ac:dyDescent="0.15">
      <c r="A39" s="5">
        <v>28</v>
      </c>
      <c r="B39" s="22">
        <v>105</v>
      </c>
      <c r="C39" s="14">
        <v>89</v>
      </c>
      <c r="D39" s="18">
        <v>194</v>
      </c>
    </row>
    <row r="40" spans="1:4" ht="18" customHeight="1" x14ac:dyDescent="0.15">
      <c r="A40" s="5">
        <v>29</v>
      </c>
      <c r="B40" s="22">
        <v>92</v>
      </c>
      <c r="C40" s="14">
        <v>83</v>
      </c>
      <c r="D40" s="18">
        <v>175</v>
      </c>
    </row>
    <row r="41" spans="1:4" ht="18" customHeight="1" x14ac:dyDescent="0.15">
      <c r="A41" s="5" t="s">
        <v>2</v>
      </c>
      <c r="B41" s="22">
        <v>508</v>
      </c>
      <c r="C41" s="14">
        <v>439</v>
      </c>
      <c r="D41" s="18">
        <v>947</v>
      </c>
    </row>
    <row r="42" spans="1:4" ht="18" customHeight="1" x14ac:dyDescent="0.15">
      <c r="A42" s="5">
        <v>30</v>
      </c>
      <c r="B42" s="22">
        <v>111</v>
      </c>
      <c r="C42" s="14">
        <v>78</v>
      </c>
      <c r="D42" s="18">
        <v>189</v>
      </c>
    </row>
    <row r="43" spans="1:4" ht="18" customHeight="1" x14ac:dyDescent="0.15">
      <c r="A43" s="5">
        <v>31</v>
      </c>
      <c r="B43" s="22">
        <v>110</v>
      </c>
      <c r="C43" s="14">
        <v>91</v>
      </c>
      <c r="D43" s="18">
        <v>201</v>
      </c>
    </row>
    <row r="44" spans="1:4" ht="18" customHeight="1" x14ac:dyDescent="0.15">
      <c r="A44" s="5">
        <v>32</v>
      </c>
      <c r="B44" s="22">
        <v>112</v>
      </c>
      <c r="C44" s="14">
        <v>98</v>
      </c>
      <c r="D44" s="18">
        <v>210</v>
      </c>
    </row>
    <row r="45" spans="1:4" ht="18" customHeight="1" x14ac:dyDescent="0.15">
      <c r="A45" s="5">
        <v>33</v>
      </c>
      <c r="B45" s="22">
        <v>104</v>
      </c>
      <c r="C45" s="14">
        <v>87</v>
      </c>
      <c r="D45" s="18">
        <v>191</v>
      </c>
    </row>
    <row r="46" spans="1:4" ht="18" customHeight="1" x14ac:dyDescent="0.15">
      <c r="A46" s="5">
        <v>34</v>
      </c>
      <c r="B46" s="22">
        <v>116</v>
      </c>
      <c r="C46" s="14">
        <v>109</v>
      </c>
      <c r="D46" s="18">
        <v>225</v>
      </c>
    </row>
    <row r="47" spans="1:4" ht="18" customHeight="1" x14ac:dyDescent="0.15">
      <c r="A47" s="5" t="s">
        <v>15</v>
      </c>
      <c r="B47" s="22">
        <v>553</v>
      </c>
      <c r="C47" s="14">
        <v>463</v>
      </c>
      <c r="D47" s="18">
        <v>1016</v>
      </c>
    </row>
    <row r="48" spans="1:4" ht="18" customHeight="1" x14ac:dyDescent="0.15">
      <c r="A48" s="5">
        <v>35</v>
      </c>
      <c r="B48" s="22">
        <v>108</v>
      </c>
      <c r="C48" s="14">
        <v>88</v>
      </c>
      <c r="D48" s="18">
        <v>196</v>
      </c>
    </row>
    <row r="49" spans="1:4" ht="18" customHeight="1" x14ac:dyDescent="0.15">
      <c r="A49" s="5">
        <v>36</v>
      </c>
      <c r="B49" s="22">
        <v>124</v>
      </c>
      <c r="C49" s="14">
        <v>106</v>
      </c>
      <c r="D49" s="18">
        <v>230</v>
      </c>
    </row>
    <row r="50" spans="1:4" ht="18" customHeight="1" x14ac:dyDescent="0.15">
      <c r="A50" s="5">
        <v>37</v>
      </c>
      <c r="B50" s="22">
        <v>114</v>
      </c>
      <c r="C50" s="14">
        <v>104</v>
      </c>
      <c r="D50" s="18">
        <v>218</v>
      </c>
    </row>
    <row r="51" spans="1:4" ht="18" customHeight="1" x14ac:dyDescent="0.15">
      <c r="A51" s="5">
        <v>38</v>
      </c>
      <c r="B51" s="22">
        <v>130</v>
      </c>
      <c r="C51" s="14">
        <v>104</v>
      </c>
      <c r="D51" s="18">
        <v>234</v>
      </c>
    </row>
    <row r="52" spans="1:4" ht="18" customHeight="1" x14ac:dyDescent="0.15">
      <c r="A52" s="5">
        <v>39</v>
      </c>
      <c r="B52" s="22">
        <v>121</v>
      </c>
      <c r="C52" s="14">
        <v>122</v>
      </c>
      <c r="D52" s="18">
        <v>243</v>
      </c>
    </row>
    <row r="53" spans="1:4" ht="18" customHeight="1" x14ac:dyDescent="0.15">
      <c r="A53" s="5" t="s">
        <v>18</v>
      </c>
      <c r="B53" s="22">
        <v>597</v>
      </c>
      <c r="C53" s="14">
        <v>524</v>
      </c>
      <c r="D53" s="18">
        <v>1121</v>
      </c>
    </row>
    <row r="54" spans="1:4" ht="18" customHeight="1" x14ac:dyDescent="0.15">
      <c r="A54" s="5">
        <v>40</v>
      </c>
      <c r="B54" s="22">
        <v>123</v>
      </c>
      <c r="C54" s="14">
        <v>116</v>
      </c>
      <c r="D54" s="18">
        <v>239</v>
      </c>
    </row>
    <row r="55" spans="1:4" ht="18" customHeight="1" x14ac:dyDescent="0.15">
      <c r="A55" s="5">
        <v>41</v>
      </c>
      <c r="B55" s="22">
        <v>154</v>
      </c>
      <c r="C55" s="14">
        <v>118</v>
      </c>
      <c r="D55" s="18">
        <v>272</v>
      </c>
    </row>
    <row r="56" spans="1:4" ht="18" customHeight="1" x14ac:dyDescent="0.15">
      <c r="A56" s="5">
        <v>42</v>
      </c>
      <c r="B56" s="22">
        <v>129</v>
      </c>
      <c r="C56" s="14">
        <v>87</v>
      </c>
      <c r="D56" s="18">
        <v>216</v>
      </c>
    </row>
    <row r="57" spans="1:4" ht="18" customHeight="1" x14ac:dyDescent="0.15">
      <c r="A57" s="5">
        <v>43</v>
      </c>
      <c r="B57" s="22">
        <v>123</v>
      </c>
      <c r="C57" s="14">
        <v>123</v>
      </c>
      <c r="D57" s="18">
        <v>246</v>
      </c>
    </row>
    <row r="58" spans="1:4" ht="18" customHeight="1" x14ac:dyDescent="0.15">
      <c r="A58" s="5">
        <v>44</v>
      </c>
      <c r="B58" s="22">
        <v>131</v>
      </c>
      <c r="C58" s="14">
        <v>131</v>
      </c>
      <c r="D58" s="18">
        <v>262</v>
      </c>
    </row>
    <row r="59" spans="1:4" ht="18" customHeight="1" x14ac:dyDescent="0.15">
      <c r="A59" s="5" t="s">
        <v>21</v>
      </c>
      <c r="B59" s="22">
        <v>660</v>
      </c>
      <c r="C59" s="14">
        <v>575</v>
      </c>
      <c r="D59" s="18">
        <v>1235</v>
      </c>
    </row>
    <row r="60" spans="1:4" ht="18" customHeight="1" x14ac:dyDescent="0.15">
      <c r="A60" s="5">
        <v>45</v>
      </c>
      <c r="B60" s="22">
        <v>116</v>
      </c>
      <c r="C60" s="14">
        <v>105</v>
      </c>
      <c r="D60" s="18">
        <v>221</v>
      </c>
    </row>
    <row r="61" spans="1:4" ht="18" customHeight="1" x14ac:dyDescent="0.15">
      <c r="A61" s="5">
        <v>46</v>
      </c>
      <c r="B61" s="22">
        <v>148</v>
      </c>
      <c r="C61" s="14">
        <v>124</v>
      </c>
      <c r="D61" s="18">
        <v>272</v>
      </c>
    </row>
    <row r="62" spans="1:4" ht="18" customHeight="1" x14ac:dyDescent="0.15">
      <c r="A62" s="5">
        <v>47</v>
      </c>
      <c r="B62" s="22">
        <v>138</v>
      </c>
      <c r="C62" s="14">
        <v>136</v>
      </c>
      <c r="D62" s="18">
        <v>274</v>
      </c>
    </row>
    <row r="63" spans="1:4" ht="18" customHeight="1" x14ac:dyDescent="0.15">
      <c r="A63" s="5">
        <v>48</v>
      </c>
      <c r="B63" s="22">
        <v>144</v>
      </c>
      <c r="C63" s="14">
        <v>135</v>
      </c>
      <c r="D63" s="18">
        <v>279</v>
      </c>
    </row>
    <row r="64" spans="1:4" ht="18" customHeight="1" x14ac:dyDescent="0.15">
      <c r="A64" s="5">
        <v>49</v>
      </c>
      <c r="B64" s="22">
        <v>158</v>
      </c>
      <c r="C64" s="14">
        <v>130</v>
      </c>
      <c r="D64" s="18">
        <v>288</v>
      </c>
    </row>
    <row r="65" spans="1:4" ht="18" customHeight="1" x14ac:dyDescent="0.15">
      <c r="A65" s="5" t="s">
        <v>17</v>
      </c>
      <c r="B65" s="22">
        <v>704</v>
      </c>
      <c r="C65" s="14">
        <v>630</v>
      </c>
      <c r="D65" s="18">
        <v>1334</v>
      </c>
    </row>
    <row r="66" spans="1:4" ht="18" customHeight="1" x14ac:dyDescent="0.15">
      <c r="A66" s="5">
        <v>50</v>
      </c>
      <c r="B66" s="22">
        <v>179</v>
      </c>
      <c r="C66" s="14">
        <v>154</v>
      </c>
      <c r="D66" s="18">
        <v>333</v>
      </c>
    </row>
    <row r="67" spans="1:4" ht="18" customHeight="1" x14ac:dyDescent="0.15">
      <c r="A67" s="5">
        <v>51</v>
      </c>
      <c r="B67" s="22">
        <v>139</v>
      </c>
      <c r="C67" s="14">
        <v>161</v>
      </c>
      <c r="D67" s="18">
        <v>300</v>
      </c>
    </row>
    <row r="68" spans="1:4" ht="18" customHeight="1" x14ac:dyDescent="0.15">
      <c r="A68" s="5">
        <v>52</v>
      </c>
      <c r="B68" s="22">
        <v>164</v>
      </c>
      <c r="C68" s="14">
        <v>134</v>
      </c>
      <c r="D68" s="18">
        <v>298</v>
      </c>
    </row>
    <row r="69" spans="1:4" ht="18" customHeight="1" x14ac:dyDescent="0.15">
      <c r="A69" s="5">
        <v>53</v>
      </c>
      <c r="B69" s="22">
        <v>175</v>
      </c>
      <c r="C69" s="14">
        <v>163</v>
      </c>
      <c r="D69" s="18">
        <v>338</v>
      </c>
    </row>
    <row r="70" spans="1:4" ht="18" customHeight="1" x14ac:dyDescent="0.15">
      <c r="A70" s="5">
        <v>54</v>
      </c>
      <c r="B70" s="22">
        <v>172</v>
      </c>
      <c r="C70" s="14">
        <v>160</v>
      </c>
      <c r="D70" s="18">
        <v>332</v>
      </c>
    </row>
    <row r="71" spans="1:4" ht="18" customHeight="1" x14ac:dyDescent="0.15">
      <c r="A71" s="5" t="s">
        <v>22</v>
      </c>
      <c r="B71" s="22">
        <v>829</v>
      </c>
      <c r="C71" s="14">
        <v>772</v>
      </c>
      <c r="D71" s="18">
        <v>1601</v>
      </c>
    </row>
    <row r="72" spans="1:4" ht="18" customHeight="1" x14ac:dyDescent="0.15">
      <c r="A72" s="5">
        <v>55</v>
      </c>
      <c r="B72" s="22">
        <v>144</v>
      </c>
      <c r="C72" s="14">
        <v>163</v>
      </c>
      <c r="D72" s="18">
        <v>307</v>
      </c>
    </row>
    <row r="73" spans="1:4" ht="18" customHeight="1" x14ac:dyDescent="0.15">
      <c r="A73" s="5">
        <v>56</v>
      </c>
      <c r="B73" s="22">
        <v>142</v>
      </c>
      <c r="C73" s="14">
        <v>133</v>
      </c>
      <c r="D73" s="18">
        <v>275</v>
      </c>
    </row>
    <row r="74" spans="1:4" ht="18" customHeight="1" x14ac:dyDescent="0.15">
      <c r="A74" s="5">
        <v>57</v>
      </c>
      <c r="B74" s="22">
        <v>163</v>
      </c>
      <c r="C74" s="14">
        <v>151</v>
      </c>
      <c r="D74" s="18">
        <v>314</v>
      </c>
    </row>
    <row r="75" spans="1:4" ht="18" customHeight="1" x14ac:dyDescent="0.15">
      <c r="A75" s="5">
        <v>58</v>
      </c>
      <c r="B75" s="22">
        <v>146</v>
      </c>
      <c r="C75" s="14">
        <v>135</v>
      </c>
      <c r="D75" s="18">
        <v>281</v>
      </c>
    </row>
    <row r="76" spans="1:4" ht="18" customHeight="1" x14ac:dyDescent="0.15">
      <c r="A76" s="5">
        <v>59</v>
      </c>
      <c r="B76" s="22">
        <v>118</v>
      </c>
      <c r="C76" s="14">
        <v>135</v>
      </c>
      <c r="D76" s="18">
        <v>253</v>
      </c>
    </row>
    <row r="77" spans="1:4" ht="18" customHeight="1" x14ac:dyDescent="0.15">
      <c r="A77" s="5" t="s">
        <v>27</v>
      </c>
      <c r="B77" s="22">
        <v>713</v>
      </c>
      <c r="C77" s="14">
        <v>717</v>
      </c>
      <c r="D77" s="18">
        <v>1430</v>
      </c>
    </row>
    <row r="78" spans="1:4" ht="18" customHeight="1" x14ac:dyDescent="0.15">
      <c r="A78" s="5">
        <v>60</v>
      </c>
      <c r="B78" s="22">
        <v>140</v>
      </c>
      <c r="C78" s="14">
        <v>138</v>
      </c>
      <c r="D78" s="18">
        <v>278</v>
      </c>
    </row>
    <row r="79" spans="1:4" ht="18" customHeight="1" x14ac:dyDescent="0.15">
      <c r="A79" s="5">
        <v>61</v>
      </c>
      <c r="B79" s="22">
        <v>152</v>
      </c>
      <c r="C79" s="14">
        <v>150</v>
      </c>
      <c r="D79" s="18">
        <v>302</v>
      </c>
    </row>
    <row r="80" spans="1:4" ht="18" customHeight="1" x14ac:dyDescent="0.15">
      <c r="A80" s="5">
        <v>62</v>
      </c>
      <c r="B80" s="22">
        <v>136</v>
      </c>
      <c r="C80" s="14">
        <v>126</v>
      </c>
      <c r="D80" s="18">
        <v>262</v>
      </c>
    </row>
    <row r="81" spans="1:4" ht="18" customHeight="1" x14ac:dyDescent="0.15">
      <c r="A81" s="5">
        <v>63</v>
      </c>
      <c r="B81" s="22">
        <v>144</v>
      </c>
      <c r="C81" s="14">
        <v>106</v>
      </c>
      <c r="D81" s="18">
        <v>250</v>
      </c>
    </row>
    <row r="82" spans="1:4" ht="18" customHeight="1" x14ac:dyDescent="0.15">
      <c r="A82" s="5">
        <v>64</v>
      </c>
      <c r="B82" s="22">
        <v>119</v>
      </c>
      <c r="C82" s="14">
        <v>153</v>
      </c>
      <c r="D82" s="18">
        <v>272</v>
      </c>
    </row>
    <row r="83" spans="1:4" ht="18" customHeight="1" x14ac:dyDescent="0.15">
      <c r="A83" s="5" t="s">
        <v>28</v>
      </c>
      <c r="B83" s="22">
        <v>691</v>
      </c>
      <c r="C83" s="14">
        <v>673</v>
      </c>
      <c r="D83" s="18">
        <v>1364</v>
      </c>
    </row>
    <row r="84" spans="1:4" ht="18" customHeight="1" x14ac:dyDescent="0.15">
      <c r="A84" s="5" t="s">
        <v>31</v>
      </c>
      <c r="B84" s="22">
        <v>6210</v>
      </c>
      <c r="C84" s="14">
        <v>5623</v>
      </c>
      <c r="D84" s="18">
        <v>11833</v>
      </c>
    </row>
    <row r="85" spans="1:4" ht="18" customHeight="1" x14ac:dyDescent="0.15">
      <c r="A85" s="5">
        <v>65</v>
      </c>
      <c r="B85" s="22">
        <v>125</v>
      </c>
      <c r="C85" s="14">
        <v>132</v>
      </c>
      <c r="D85" s="18">
        <v>257</v>
      </c>
    </row>
    <row r="86" spans="1:4" ht="18" customHeight="1" x14ac:dyDescent="0.15">
      <c r="A86" s="5">
        <v>66</v>
      </c>
      <c r="B86" s="22">
        <v>137</v>
      </c>
      <c r="C86" s="14">
        <v>149</v>
      </c>
      <c r="D86" s="18">
        <v>286</v>
      </c>
    </row>
    <row r="87" spans="1:4" ht="18" customHeight="1" x14ac:dyDescent="0.15">
      <c r="A87" s="5">
        <v>67</v>
      </c>
      <c r="B87" s="22">
        <v>136</v>
      </c>
      <c r="C87" s="14">
        <v>137</v>
      </c>
      <c r="D87" s="18">
        <v>273</v>
      </c>
    </row>
    <row r="88" spans="1:4" ht="18" customHeight="1" x14ac:dyDescent="0.15">
      <c r="A88" s="5">
        <v>68</v>
      </c>
      <c r="B88" s="22">
        <v>129</v>
      </c>
      <c r="C88" s="14">
        <v>144</v>
      </c>
      <c r="D88" s="18">
        <v>273</v>
      </c>
    </row>
    <row r="89" spans="1:4" ht="18" customHeight="1" x14ac:dyDescent="0.15">
      <c r="A89" s="5">
        <v>69</v>
      </c>
      <c r="B89" s="22">
        <v>146</v>
      </c>
      <c r="C89" s="14">
        <v>120</v>
      </c>
      <c r="D89" s="18">
        <v>266</v>
      </c>
    </row>
    <row r="90" spans="1:4" ht="18" customHeight="1" x14ac:dyDescent="0.15">
      <c r="A90" s="5" t="s">
        <v>20</v>
      </c>
      <c r="B90" s="22">
        <v>673</v>
      </c>
      <c r="C90" s="14">
        <v>682</v>
      </c>
      <c r="D90" s="18">
        <v>1355</v>
      </c>
    </row>
    <row r="91" spans="1:4" ht="18" customHeight="1" x14ac:dyDescent="0.15">
      <c r="A91" s="5">
        <v>70</v>
      </c>
      <c r="B91" s="22">
        <v>129</v>
      </c>
      <c r="C91" s="14">
        <v>157</v>
      </c>
      <c r="D91" s="18">
        <v>286</v>
      </c>
    </row>
    <row r="92" spans="1:4" ht="18" customHeight="1" x14ac:dyDescent="0.15">
      <c r="A92" s="5">
        <v>71</v>
      </c>
      <c r="B92" s="22">
        <v>147</v>
      </c>
      <c r="C92" s="14">
        <v>160</v>
      </c>
      <c r="D92" s="18">
        <v>307</v>
      </c>
    </row>
    <row r="93" spans="1:4" ht="18" customHeight="1" x14ac:dyDescent="0.15">
      <c r="A93" s="5">
        <v>72</v>
      </c>
      <c r="B93" s="22">
        <v>133</v>
      </c>
      <c r="C93" s="14">
        <v>145</v>
      </c>
      <c r="D93" s="18">
        <v>278</v>
      </c>
    </row>
    <row r="94" spans="1:4" ht="18" customHeight="1" x14ac:dyDescent="0.15">
      <c r="A94" s="5">
        <v>73</v>
      </c>
      <c r="B94" s="22">
        <v>132</v>
      </c>
      <c r="C94" s="14">
        <v>160</v>
      </c>
      <c r="D94" s="18">
        <v>292</v>
      </c>
    </row>
    <row r="95" spans="1:4" ht="18" customHeight="1" x14ac:dyDescent="0.15">
      <c r="A95" s="5">
        <v>74</v>
      </c>
      <c r="B95" s="22">
        <v>144</v>
      </c>
      <c r="C95" s="14">
        <v>132</v>
      </c>
      <c r="D95" s="18">
        <v>276</v>
      </c>
    </row>
    <row r="96" spans="1:4" ht="18" customHeight="1" x14ac:dyDescent="0.15">
      <c r="A96" s="5" t="s">
        <v>33</v>
      </c>
      <c r="B96" s="22">
        <v>685</v>
      </c>
      <c r="C96" s="14">
        <v>754</v>
      </c>
      <c r="D96" s="18">
        <v>1439</v>
      </c>
    </row>
    <row r="97" spans="1:4" ht="18" customHeight="1" x14ac:dyDescent="0.15">
      <c r="A97" s="5">
        <v>75</v>
      </c>
      <c r="B97" s="22">
        <v>155</v>
      </c>
      <c r="C97" s="14">
        <v>142</v>
      </c>
      <c r="D97" s="18">
        <v>297</v>
      </c>
    </row>
    <row r="98" spans="1:4" ht="18" customHeight="1" x14ac:dyDescent="0.15">
      <c r="A98" s="5">
        <v>76</v>
      </c>
      <c r="B98" s="22">
        <v>149</v>
      </c>
      <c r="C98" s="14">
        <v>182</v>
      </c>
      <c r="D98" s="18">
        <v>331</v>
      </c>
    </row>
    <row r="99" spans="1:4" ht="18" customHeight="1" x14ac:dyDescent="0.15">
      <c r="A99" s="5">
        <v>77</v>
      </c>
      <c r="B99" s="22">
        <v>144</v>
      </c>
      <c r="C99" s="14">
        <v>172</v>
      </c>
      <c r="D99" s="18">
        <v>316</v>
      </c>
    </row>
    <row r="100" spans="1:4" ht="18" customHeight="1" x14ac:dyDescent="0.15">
      <c r="A100" s="5">
        <v>78</v>
      </c>
      <c r="B100" s="22">
        <v>159</v>
      </c>
      <c r="C100" s="14">
        <v>211</v>
      </c>
      <c r="D100" s="18">
        <v>370</v>
      </c>
    </row>
    <row r="101" spans="1:4" ht="18" customHeight="1" x14ac:dyDescent="0.15">
      <c r="A101" s="5">
        <v>79</v>
      </c>
      <c r="B101" s="22">
        <v>100</v>
      </c>
      <c r="C101" s="14">
        <v>113</v>
      </c>
      <c r="D101" s="18">
        <v>213</v>
      </c>
    </row>
    <row r="102" spans="1:4" ht="18" customHeight="1" x14ac:dyDescent="0.15">
      <c r="A102" s="5" t="s">
        <v>0</v>
      </c>
      <c r="B102" s="22">
        <v>707</v>
      </c>
      <c r="C102" s="14">
        <v>820</v>
      </c>
      <c r="D102" s="18">
        <v>1527</v>
      </c>
    </row>
    <row r="103" spans="1:4" ht="18" customHeight="1" x14ac:dyDescent="0.15">
      <c r="A103" s="5">
        <v>80</v>
      </c>
      <c r="B103" s="22">
        <v>79</v>
      </c>
      <c r="C103" s="14">
        <v>114</v>
      </c>
      <c r="D103" s="18">
        <v>193</v>
      </c>
    </row>
    <row r="104" spans="1:4" ht="18" customHeight="1" x14ac:dyDescent="0.15">
      <c r="A104" s="5">
        <v>81</v>
      </c>
      <c r="B104" s="22">
        <v>97</v>
      </c>
      <c r="C104" s="14">
        <v>141</v>
      </c>
      <c r="D104" s="18">
        <v>238</v>
      </c>
    </row>
    <row r="105" spans="1:4" ht="18" customHeight="1" x14ac:dyDescent="0.15">
      <c r="A105" s="5">
        <v>82</v>
      </c>
      <c r="B105" s="22">
        <v>69</v>
      </c>
      <c r="C105" s="14">
        <v>153</v>
      </c>
      <c r="D105" s="18">
        <v>222</v>
      </c>
    </row>
    <row r="106" spans="1:4" ht="18" customHeight="1" x14ac:dyDescent="0.15">
      <c r="A106" s="5">
        <v>83</v>
      </c>
      <c r="B106" s="22">
        <v>92</v>
      </c>
      <c r="C106" s="14">
        <v>142</v>
      </c>
      <c r="D106" s="18">
        <v>234</v>
      </c>
    </row>
    <row r="107" spans="1:4" ht="18" customHeight="1" x14ac:dyDescent="0.15">
      <c r="A107" s="5">
        <v>84</v>
      </c>
      <c r="B107" s="22">
        <v>89</v>
      </c>
      <c r="C107" s="14">
        <v>138</v>
      </c>
      <c r="D107" s="18">
        <v>227</v>
      </c>
    </row>
    <row r="108" spans="1:4" ht="18" customHeight="1" x14ac:dyDescent="0.15">
      <c r="A108" s="5" t="s">
        <v>35</v>
      </c>
      <c r="B108" s="22">
        <v>426</v>
      </c>
      <c r="C108" s="14">
        <v>688</v>
      </c>
      <c r="D108" s="18">
        <v>1114</v>
      </c>
    </row>
    <row r="109" spans="1:4" ht="18" customHeight="1" x14ac:dyDescent="0.15">
      <c r="A109" s="5">
        <v>85</v>
      </c>
      <c r="B109" s="22">
        <v>72</v>
      </c>
      <c r="C109" s="14">
        <v>130</v>
      </c>
      <c r="D109" s="18">
        <v>202</v>
      </c>
    </row>
    <row r="110" spans="1:4" ht="18" customHeight="1" x14ac:dyDescent="0.15">
      <c r="A110" s="5">
        <v>86</v>
      </c>
      <c r="B110" s="22">
        <v>66</v>
      </c>
      <c r="C110" s="14">
        <v>87</v>
      </c>
      <c r="D110" s="18">
        <v>153</v>
      </c>
    </row>
    <row r="111" spans="1:4" ht="18" customHeight="1" x14ac:dyDescent="0.15">
      <c r="A111" s="5">
        <v>87</v>
      </c>
      <c r="B111" s="22">
        <v>54</v>
      </c>
      <c r="C111" s="14">
        <v>78</v>
      </c>
      <c r="D111" s="18">
        <v>132</v>
      </c>
    </row>
    <row r="112" spans="1:4" ht="18" customHeight="1" x14ac:dyDescent="0.15">
      <c r="A112" s="5">
        <v>88</v>
      </c>
      <c r="B112" s="22">
        <v>42</v>
      </c>
      <c r="C112" s="14">
        <v>82</v>
      </c>
      <c r="D112" s="18">
        <v>124</v>
      </c>
    </row>
    <row r="113" spans="1:4" ht="18" customHeight="1" x14ac:dyDescent="0.15">
      <c r="A113" s="5">
        <v>89</v>
      </c>
      <c r="B113" s="22">
        <v>43</v>
      </c>
      <c r="C113" s="14">
        <v>89</v>
      </c>
      <c r="D113" s="18">
        <v>132</v>
      </c>
    </row>
    <row r="114" spans="1:4" ht="18" customHeight="1" x14ac:dyDescent="0.15">
      <c r="A114" s="5" t="s">
        <v>37</v>
      </c>
      <c r="B114" s="22">
        <v>277</v>
      </c>
      <c r="C114" s="14">
        <v>466</v>
      </c>
      <c r="D114" s="18">
        <v>743</v>
      </c>
    </row>
    <row r="115" spans="1:4" ht="18" customHeight="1" x14ac:dyDescent="0.15">
      <c r="A115" s="5">
        <v>90</v>
      </c>
      <c r="B115" s="22">
        <v>31</v>
      </c>
      <c r="C115" s="14">
        <v>92</v>
      </c>
      <c r="D115" s="18">
        <v>123</v>
      </c>
    </row>
    <row r="116" spans="1:4" ht="18" customHeight="1" x14ac:dyDescent="0.15">
      <c r="A116" s="5">
        <v>91</v>
      </c>
      <c r="B116" s="22">
        <v>31</v>
      </c>
      <c r="C116" s="14">
        <v>77</v>
      </c>
      <c r="D116" s="18">
        <v>108</v>
      </c>
    </row>
    <row r="117" spans="1:4" ht="18" customHeight="1" x14ac:dyDescent="0.15">
      <c r="A117" s="5">
        <v>92</v>
      </c>
      <c r="B117" s="22">
        <v>21</v>
      </c>
      <c r="C117" s="14">
        <v>59</v>
      </c>
      <c r="D117" s="18">
        <v>80</v>
      </c>
    </row>
    <row r="118" spans="1:4" ht="18" customHeight="1" x14ac:dyDescent="0.15">
      <c r="A118" s="5">
        <v>93</v>
      </c>
      <c r="B118" s="22">
        <v>13</v>
      </c>
      <c r="C118" s="14">
        <v>48</v>
      </c>
      <c r="D118" s="18">
        <v>61</v>
      </c>
    </row>
    <row r="119" spans="1:4" ht="18" customHeight="1" x14ac:dyDescent="0.15">
      <c r="A119" s="5">
        <v>94</v>
      </c>
      <c r="B119" s="22">
        <v>14</v>
      </c>
      <c r="C119" s="14">
        <v>46</v>
      </c>
      <c r="D119" s="18">
        <v>60</v>
      </c>
    </row>
    <row r="120" spans="1:4" ht="18" customHeight="1" x14ac:dyDescent="0.15">
      <c r="A120" s="5" t="s">
        <v>39</v>
      </c>
      <c r="B120" s="22">
        <v>110</v>
      </c>
      <c r="C120" s="14">
        <v>322</v>
      </c>
      <c r="D120" s="18">
        <v>432</v>
      </c>
    </row>
    <row r="121" spans="1:4" ht="18" customHeight="1" x14ac:dyDescent="0.15">
      <c r="A121" s="5">
        <v>95</v>
      </c>
      <c r="B121" s="22">
        <v>6</v>
      </c>
      <c r="C121" s="14">
        <v>47</v>
      </c>
      <c r="D121" s="18">
        <v>53</v>
      </c>
    </row>
    <row r="122" spans="1:4" ht="18" customHeight="1" x14ac:dyDescent="0.15">
      <c r="A122" s="5">
        <v>96</v>
      </c>
      <c r="B122" s="22">
        <v>5</v>
      </c>
      <c r="C122" s="14">
        <v>35</v>
      </c>
      <c r="D122" s="18">
        <v>40</v>
      </c>
    </row>
    <row r="123" spans="1:4" ht="18" customHeight="1" x14ac:dyDescent="0.15">
      <c r="A123" s="5">
        <v>97</v>
      </c>
      <c r="B123" s="22">
        <v>6</v>
      </c>
      <c r="C123" s="14">
        <v>23</v>
      </c>
      <c r="D123" s="18">
        <v>29</v>
      </c>
    </row>
    <row r="124" spans="1:4" ht="18" customHeight="1" x14ac:dyDescent="0.15">
      <c r="A124" s="5">
        <v>98</v>
      </c>
      <c r="B124" s="22">
        <v>0</v>
      </c>
      <c r="C124" s="14">
        <v>14</v>
      </c>
      <c r="D124" s="18">
        <v>14</v>
      </c>
    </row>
    <row r="125" spans="1:4" ht="18" customHeight="1" x14ac:dyDescent="0.15">
      <c r="A125" s="5">
        <v>99</v>
      </c>
      <c r="B125" s="22">
        <v>2</v>
      </c>
      <c r="C125" s="14">
        <v>8</v>
      </c>
      <c r="D125" s="18">
        <v>10</v>
      </c>
    </row>
    <row r="126" spans="1:4" ht="18" customHeight="1" x14ac:dyDescent="0.15">
      <c r="A126" s="5" t="s">
        <v>40</v>
      </c>
      <c r="B126" s="22">
        <v>19</v>
      </c>
      <c r="C126" s="14">
        <v>127</v>
      </c>
      <c r="D126" s="18">
        <v>146</v>
      </c>
    </row>
    <row r="127" spans="1:4" ht="18" customHeight="1" x14ac:dyDescent="0.15">
      <c r="A127" s="5">
        <v>100</v>
      </c>
      <c r="B127" s="22">
        <v>1</v>
      </c>
      <c r="C127" s="14">
        <v>7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11</v>
      </c>
      <c r="D128" s="18">
        <v>11</v>
      </c>
    </row>
    <row r="129" spans="1:4" ht="18" customHeight="1" x14ac:dyDescent="0.15">
      <c r="A129" s="5" t="s">
        <v>44</v>
      </c>
      <c r="B129" s="22">
        <v>1</v>
      </c>
      <c r="C129" s="14">
        <v>18</v>
      </c>
      <c r="D129" s="18">
        <v>19</v>
      </c>
    </row>
    <row r="130" spans="1:4" ht="18" customHeight="1" x14ac:dyDescent="0.15">
      <c r="A130" s="5" t="s">
        <v>46</v>
      </c>
      <c r="B130" s="22">
        <v>2898</v>
      </c>
      <c r="C130" s="14">
        <v>3877</v>
      </c>
      <c r="D130" s="18">
        <v>6775</v>
      </c>
    </row>
    <row r="131" spans="1:4" ht="18" customHeight="1" x14ac:dyDescent="0.15">
      <c r="A131" s="7" t="s">
        <v>45</v>
      </c>
      <c r="B131" s="23">
        <v>10248</v>
      </c>
      <c r="C131" s="15">
        <v>10564</v>
      </c>
      <c r="D131" s="19">
        <v>208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4</v>
      </c>
      <c r="D5" s="31">
        <v>8</v>
      </c>
    </row>
    <row r="6" spans="1:4" ht="18" customHeight="1" x14ac:dyDescent="0.15">
      <c r="A6" s="5">
        <v>1</v>
      </c>
      <c r="B6" s="27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7">
        <v>4</v>
      </c>
      <c r="C7" s="14">
        <v>6</v>
      </c>
      <c r="D7" s="18">
        <v>10</v>
      </c>
    </row>
    <row r="8" spans="1:4" ht="18" customHeight="1" x14ac:dyDescent="0.15">
      <c r="A8" s="5">
        <v>3</v>
      </c>
      <c r="B8" s="27">
        <v>2</v>
      </c>
      <c r="C8" s="14">
        <v>6</v>
      </c>
      <c r="D8" s="18">
        <v>8</v>
      </c>
    </row>
    <row r="9" spans="1:4" ht="18" customHeight="1" x14ac:dyDescent="0.15">
      <c r="A9" s="5">
        <v>4</v>
      </c>
      <c r="B9" s="28">
        <v>4</v>
      </c>
      <c r="C9" s="30">
        <v>5</v>
      </c>
      <c r="D9" s="32">
        <v>9</v>
      </c>
    </row>
    <row r="10" spans="1:4" ht="18" customHeight="1" x14ac:dyDescent="0.15">
      <c r="A10" s="5" t="s">
        <v>7</v>
      </c>
      <c r="B10" s="22">
        <v>17</v>
      </c>
      <c r="C10" s="14">
        <v>23</v>
      </c>
      <c r="D10" s="18">
        <v>40</v>
      </c>
    </row>
    <row r="11" spans="1:4" ht="18" customHeight="1" x14ac:dyDescent="0.15">
      <c r="A11" s="5">
        <v>5</v>
      </c>
      <c r="B11" s="27">
        <v>4</v>
      </c>
      <c r="C11" s="14">
        <v>4</v>
      </c>
      <c r="D11" s="18">
        <v>8</v>
      </c>
    </row>
    <row r="12" spans="1:4" ht="18" customHeight="1" x14ac:dyDescent="0.15">
      <c r="A12" s="5">
        <v>6</v>
      </c>
      <c r="B12" s="27">
        <v>4</v>
      </c>
      <c r="C12" s="14">
        <v>8</v>
      </c>
      <c r="D12" s="18">
        <v>12</v>
      </c>
    </row>
    <row r="13" spans="1:4" ht="18" customHeight="1" x14ac:dyDescent="0.15">
      <c r="A13" s="5">
        <v>7</v>
      </c>
      <c r="B13" s="27">
        <v>3</v>
      </c>
      <c r="C13" s="14">
        <v>3</v>
      </c>
      <c r="D13" s="18">
        <v>6</v>
      </c>
    </row>
    <row r="14" spans="1:4" ht="18" customHeight="1" x14ac:dyDescent="0.15">
      <c r="A14" s="5">
        <v>8</v>
      </c>
      <c r="B14" s="27">
        <v>8</v>
      </c>
      <c r="C14" s="14">
        <v>7</v>
      </c>
      <c r="D14" s="18">
        <v>15</v>
      </c>
    </row>
    <row r="15" spans="1:4" ht="18" customHeight="1" x14ac:dyDescent="0.15">
      <c r="A15" s="5">
        <v>9</v>
      </c>
      <c r="B15" s="27">
        <v>6</v>
      </c>
      <c r="C15" s="14">
        <v>7</v>
      </c>
      <c r="D15" s="18">
        <v>13</v>
      </c>
    </row>
    <row r="16" spans="1:4" ht="18" customHeight="1" x14ac:dyDescent="0.15">
      <c r="A16" s="5" t="s">
        <v>11</v>
      </c>
      <c r="B16" s="22">
        <v>25</v>
      </c>
      <c r="C16" s="14">
        <v>29</v>
      </c>
      <c r="D16" s="18">
        <v>54</v>
      </c>
    </row>
    <row r="17" spans="1:4" ht="18" customHeight="1" x14ac:dyDescent="0.15">
      <c r="A17" s="5">
        <v>10</v>
      </c>
      <c r="B17" s="22">
        <v>11</v>
      </c>
      <c r="C17" s="14">
        <v>6</v>
      </c>
      <c r="D17" s="18">
        <v>17</v>
      </c>
    </row>
    <row r="18" spans="1:4" ht="18" customHeight="1" x14ac:dyDescent="0.15">
      <c r="A18" s="5">
        <v>11</v>
      </c>
      <c r="B18" s="22">
        <v>10</v>
      </c>
      <c r="C18" s="14">
        <v>3</v>
      </c>
      <c r="D18" s="18">
        <v>13</v>
      </c>
    </row>
    <row r="19" spans="1:4" ht="18" customHeight="1" x14ac:dyDescent="0.15">
      <c r="A19" s="5">
        <v>12</v>
      </c>
      <c r="B19" s="22">
        <v>4</v>
      </c>
      <c r="C19" s="14">
        <v>3</v>
      </c>
      <c r="D19" s="18">
        <v>7</v>
      </c>
    </row>
    <row r="20" spans="1:4" ht="18" customHeight="1" x14ac:dyDescent="0.15">
      <c r="A20" s="5">
        <v>13</v>
      </c>
      <c r="B20" s="22">
        <v>10</v>
      </c>
      <c r="C20" s="14">
        <v>9</v>
      </c>
      <c r="D20" s="18">
        <v>19</v>
      </c>
    </row>
    <row r="21" spans="1:4" ht="18" customHeight="1" x14ac:dyDescent="0.15">
      <c r="A21" s="5">
        <v>14</v>
      </c>
      <c r="B21" s="22">
        <v>6</v>
      </c>
      <c r="C21" s="14">
        <v>9</v>
      </c>
      <c r="D21" s="18">
        <v>15</v>
      </c>
    </row>
    <row r="22" spans="1:4" ht="18" customHeight="1" x14ac:dyDescent="0.15">
      <c r="A22" s="5" t="s">
        <v>12</v>
      </c>
      <c r="B22" s="22">
        <v>41</v>
      </c>
      <c r="C22" s="14">
        <v>30</v>
      </c>
      <c r="D22" s="18">
        <v>71</v>
      </c>
    </row>
    <row r="23" spans="1:4" ht="18" customHeight="1" x14ac:dyDescent="0.15">
      <c r="A23" s="5" t="s">
        <v>6</v>
      </c>
      <c r="B23" s="22">
        <v>83</v>
      </c>
      <c r="C23" s="14">
        <v>82</v>
      </c>
      <c r="D23" s="18">
        <v>165</v>
      </c>
    </row>
    <row r="24" spans="1:4" ht="18" customHeight="1" x14ac:dyDescent="0.15">
      <c r="A24" s="5">
        <v>15</v>
      </c>
      <c r="B24" s="22">
        <v>10</v>
      </c>
      <c r="C24" s="14">
        <v>3</v>
      </c>
      <c r="D24" s="18">
        <v>13</v>
      </c>
    </row>
    <row r="25" spans="1:4" ht="18" customHeight="1" x14ac:dyDescent="0.15">
      <c r="A25" s="5">
        <v>16</v>
      </c>
      <c r="B25" s="22">
        <v>5</v>
      </c>
      <c r="C25" s="14">
        <v>5</v>
      </c>
      <c r="D25" s="18">
        <v>10</v>
      </c>
    </row>
    <row r="26" spans="1:4" ht="18" customHeight="1" x14ac:dyDescent="0.15">
      <c r="A26" s="5">
        <v>17</v>
      </c>
      <c r="B26" s="22">
        <v>8</v>
      </c>
      <c r="C26" s="14">
        <v>5</v>
      </c>
      <c r="D26" s="18">
        <v>13</v>
      </c>
    </row>
    <row r="27" spans="1:4" ht="18" customHeight="1" x14ac:dyDescent="0.15">
      <c r="A27" s="5">
        <v>18</v>
      </c>
      <c r="B27" s="22">
        <v>5</v>
      </c>
      <c r="C27" s="14">
        <v>8</v>
      </c>
      <c r="D27" s="18">
        <v>13</v>
      </c>
    </row>
    <row r="28" spans="1:4" ht="18" customHeight="1" x14ac:dyDescent="0.15">
      <c r="A28" s="5">
        <v>19</v>
      </c>
      <c r="B28" s="22">
        <v>14</v>
      </c>
      <c r="C28" s="14">
        <v>11</v>
      </c>
      <c r="D28" s="18">
        <v>25</v>
      </c>
    </row>
    <row r="29" spans="1:4" ht="18" customHeight="1" x14ac:dyDescent="0.15">
      <c r="A29" s="5" t="s">
        <v>14</v>
      </c>
      <c r="B29" s="22">
        <v>42</v>
      </c>
      <c r="C29" s="14">
        <v>32</v>
      </c>
      <c r="D29" s="18">
        <v>74</v>
      </c>
    </row>
    <row r="30" spans="1:4" ht="18" customHeight="1" x14ac:dyDescent="0.15">
      <c r="A30" s="5">
        <v>20</v>
      </c>
      <c r="B30" s="22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22">
        <v>10</v>
      </c>
      <c r="C31" s="14">
        <v>8</v>
      </c>
      <c r="D31" s="18">
        <v>18</v>
      </c>
    </row>
    <row r="32" spans="1:4" ht="18" customHeight="1" x14ac:dyDescent="0.15">
      <c r="A32" s="5">
        <v>22</v>
      </c>
      <c r="B32" s="22">
        <v>6</v>
      </c>
      <c r="C32" s="14">
        <v>8</v>
      </c>
      <c r="D32" s="18">
        <v>14</v>
      </c>
    </row>
    <row r="33" spans="1:4" ht="18" customHeight="1" x14ac:dyDescent="0.15">
      <c r="A33" s="5">
        <v>23</v>
      </c>
      <c r="B33" s="22">
        <v>9</v>
      </c>
      <c r="C33" s="14">
        <v>11</v>
      </c>
      <c r="D33" s="18">
        <v>20</v>
      </c>
    </row>
    <row r="34" spans="1:4" ht="18" customHeight="1" x14ac:dyDescent="0.15">
      <c r="A34" s="5">
        <v>24</v>
      </c>
      <c r="B34" s="22">
        <v>13</v>
      </c>
      <c r="C34" s="14">
        <v>5</v>
      </c>
      <c r="D34" s="18">
        <v>18</v>
      </c>
    </row>
    <row r="35" spans="1:4" ht="18" customHeight="1" x14ac:dyDescent="0.15">
      <c r="A35" s="5" t="s">
        <v>9</v>
      </c>
      <c r="B35" s="22">
        <v>45</v>
      </c>
      <c r="C35" s="14">
        <v>39</v>
      </c>
      <c r="D35" s="18">
        <v>84</v>
      </c>
    </row>
    <row r="36" spans="1:4" ht="18" customHeight="1" x14ac:dyDescent="0.15">
      <c r="A36" s="5">
        <v>25</v>
      </c>
      <c r="B36" s="22">
        <v>8</v>
      </c>
      <c r="C36" s="14">
        <v>5</v>
      </c>
      <c r="D36" s="18">
        <v>13</v>
      </c>
    </row>
    <row r="37" spans="1:4" ht="18" customHeight="1" x14ac:dyDescent="0.15">
      <c r="A37" s="5">
        <v>26</v>
      </c>
      <c r="B37" s="22">
        <v>12</v>
      </c>
      <c r="C37" s="14">
        <v>13</v>
      </c>
      <c r="D37" s="18">
        <v>25</v>
      </c>
    </row>
    <row r="38" spans="1:4" ht="18" customHeight="1" x14ac:dyDescent="0.15">
      <c r="A38" s="5">
        <v>27</v>
      </c>
      <c r="B38" s="22">
        <v>10</v>
      </c>
      <c r="C38" s="14">
        <v>7</v>
      </c>
      <c r="D38" s="18">
        <v>17</v>
      </c>
    </row>
    <row r="39" spans="1:4" ht="18" customHeight="1" x14ac:dyDescent="0.15">
      <c r="A39" s="5">
        <v>28</v>
      </c>
      <c r="B39" s="22">
        <v>13</v>
      </c>
      <c r="C39" s="14">
        <v>5</v>
      </c>
      <c r="D39" s="18">
        <v>18</v>
      </c>
    </row>
    <row r="40" spans="1:4" ht="18" customHeight="1" x14ac:dyDescent="0.15">
      <c r="A40" s="5">
        <v>29</v>
      </c>
      <c r="B40" s="22">
        <v>5</v>
      </c>
      <c r="C40" s="14">
        <v>9</v>
      </c>
      <c r="D40" s="18">
        <v>14</v>
      </c>
    </row>
    <row r="41" spans="1:4" ht="18" customHeight="1" x14ac:dyDescent="0.15">
      <c r="A41" s="5" t="s">
        <v>2</v>
      </c>
      <c r="B41" s="22">
        <v>48</v>
      </c>
      <c r="C41" s="14">
        <v>39</v>
      </c>
      <c r="D41" s="18">
        <v>87</v>
      </c>
    </row>
    <row r="42" spans="1:4" ht="18" customHeight="1" x14ac:dyDescent="0.15">
      <c r="A42" s="5">
        <v>30</v>
      </c>
      <c r="B42" s="22">
        <v>6</v>
      </c>
      <c r="C42" s="14">
        <v>7</v>
      </c>
      <c r="D42" s="18">
        <v>13</v>
      </c>
    </row>
    <row r="43" spans="1:4" ht="18" customHeight="1" x14ac:dyDescent="0.15">
      <c r="A43" s="5">
        <v>31</v>
      </c>
      <c r="B43" s="22">
        <v>9</v>
      </c>
      <c r="C43" s="14">
        <v>8</v>
      </c>
      <c r="D43" s="18">
        <v>17</v>
      </c>
    </row>
    <row r="44" spans="1:4" ht="18" customHeight="1" x14ac:dyDescent="0.15">
      <c r="A44" s="5">
        <v>32</v>
      </c>
      <c r="B44" s="22">
        <v>6</v>
      </c>
      <c r="C44" s="14">
        <v>6</v>
      </c>
      <c r="D44" s="18">
        <v>12</v>
      </c>
    </row>
    <row r="45" spans="1:4" ht="18" customHeight="1" x14ac:dyDescent="0.15">
      <c r="A45" s="5">
        <v>33</v>
      </c>
      <c r="B45" s="22">
        <v>7</v>
      </c>
      <c r="C45" s="14">
        <v>6</v>
      </c>
      <c r="D45" s="18">
        <v>13</v>
      </c>
    </row>
    <row r="46" spans="1:4" ht="18" customHeight="1" x14ac:dyDescent="0.15">
      <c r="A46" s="5">
        <v>34</v>
      </c>
      <c r="B46" s="22">
        <v>7</v>
      </c>
      <c r="C46" s="14">
        <v>11</v>
      </c>
      <c r="D46" s="18">
        <v>18</v>
      </c>
    </row>
    <row r="47" spans="1:4" ht="18" customHeight="1" x14ac:dyDescent="0.15">
      <c r="A47" s="5" t="s">
        <v>15</v>
      </c>
      <c r="B47" s="22">
        <v>35</v>
      </c>
      <c r="C47" s="14">
        <v>38</v>
      </c>
      <c r="D47" s="18">
        <v>73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7</v>
      </c>
      <c r="C49" s="14">
        <v>5</v>
      </c>
      <c r="D49" s="18">
        <v>12</v>
      </c>
    </row>
    <row r="50" spans="1:4" ht="18" customHeight="1" x14ac:dyDescent="0.15">
      <c r="A50" s="5">
        <v>37</v>
      </c>
      <c r="B50" s="22">
        <v>6</v>
      </c>
      <c r="C50" s="14">
        <v>6</v>
      </c>
      <c r="D50" s="18">
        <v>12</v>
      </c>
    </row>
    <row r="51" spans="1:4" ht="18" customHeight="1" x14ac:dyDescent="0.15">
      <c r="A51" s="5">
        <v>38</v>
      </c>
      <c r="B51" s="22">
        <v>9</v>
      </c>
      <c r="C51" s="14">
        <v>8</v>
      </c>
      <c r="D51" s="18">
        <v>17</v>
      </c>
    </row>
    <row r="52" spans="1:4" ht="18" customHeight="1" x14ac:dyDescent="0.15">
      <c r="A52" s="5">
        <v>39</v>
      </c>
      <c r="B52" s="22">
        <v>15</v>
      </c>
      <c r="C52" s="14">
        <v>5</v>
      </c>
      <c r="D52" s="18">
        <v>20</v>
      </c>
    </row>
    <row r="53" spans="1:4" ht="18" customHeight="1" x14ac:dyDescent="0.15">
      <c r="A53" s="5" t="s">
        <v>18</v>
      </c>
      <c r="B53" s="22">
        <v>40</v>
      </c>
      <c r="C53" s="14">
        <v>28</v>
      </c>
      <c r="D53" s="18">
        <v>68</v>
      </c>
    </row>
    <row r="54" spans="1:4" ht="18" customHeight="1" x14ac:dyDescent="0.15">
      <c r="A54" s="5">
        <v>40</v>
      </c>
      <c r="B54" s="22">
        <v>3</v>
      </c>
      <c r="C54" s="14">
        <v>11</v>
      </c>
      <c r="D54" s="18">
        <v>14</v>
      </c>
    </row>
    <row r="55" spans="1:4" ht="18" customHeight="1" x14ac:dyDescent="0.15">
      <c r="A55" s="5">
        <v>41</v>
      </c>
      <c r="B55" s="22">
        <v>24</v>
      </c>
      <c r="C55" s="14">
        <v>12</v>
      </c>
      <c r="D55" s="18">
        <v>36</v>
      </c>
    </row>
    <row r="56" spans="1:4" ht="18" customHeight="1" x14ac:dyDescent="0.15">
      <c r="A56" s="5">
        <v>42</v>
      </c>
      <c r="B56" s="22">
        <v>15</v>
      </c>
      <c r="C56" s="14">
        <v>13</v>
      </c>
      <c r="D56" s="18">
        <v>28</v>
      </c>
    </row>
    <row r="57" spans="1:4" ht="18" customHeight="1" x14ac:dyDescent="0.15">
      <c r="A57" s="5">
        <v>43</v>
      </c>
      <c r="B57" s="22">
        <v>14</v>
      </c>
      <c r="C57" s="14">
        <v>9</v>
      </c>
      <c r="D57" s="18">
        <v>23</v>
      </c>
    </row>
    <row r="58" spans="1:4" ht="18" customHeight="1" x14ac:dyDescent="0.15">
      <c r="A58" s="5">
        <v>44</v>
      </c>
      <c r="B58" s="22">
        <v>9</v>
      </c>
      <c r="C58" s="14">
        <v>10</v>
      </c>
      <c r="D58" s="18">
        <v>19</v>
      </c>
    </row>
    <row r="59" spans="1:4" ht="18" customHeight="1" x14ac:dyDescent="0.15">
      <c r="A59" s="5" t="s">
        <v>21</v>
      </c>
      <c r="B59" s="22">
        <v>65</v>
      </c>
      <c r="C59" s="14">
        <v>55</v>
      </c>
      <c r="D59" s="18">
        <v>120</v>
      </c>
    </row>
    <row r="60" spans="1:4" ht="18" customHeight="1" x14ac:dyDescent="0.15">
      <c r="A60" s="5">
        <v>45</v>
      </c>
      <c r="B60" s="22">
        <v>8</v>
      </c>
      <c r="C60" s="14">
        <v>7</v>
      </c>
      <c r="D60" s="18">
        <v>15</v>
      </c>
    </row>
    <row r="61" spans="1:4" ht="18" customHeight="1" x14ac:dyDescent="0.15">
      <c r="A61" s="5">
        <v>46</v>
      </c>
      <c r="B61" s="22">
        <v>8</v>
      </c>
      <c r="C61" s="14">
        <v>10</v>
      </c>
      <c r="D61" s="18">
        <v>18</v>
      </c>
    </row>
    <row r="62" spans="1:4" ht="18" customHeight="1" x14ac:dyDescent="0.15">
      <c r="A62" s="5">
        <v>47</v>
      </c>
      <c r="B62" s="22">
        <v>10</v>
      </c>
      <c r="C62" s="14">
        <v>11</v>
      </c>
      <c r="D62" s="18">
        <v>21</v>
      </c>
    </row>
    <row r="63" spans="1:4" ht="18" customHeight="1" x14ac:dyDescent="0.15">
      <c r="A63" s="5">
        <v>48</v>
      </c>
      <c r="B63" s="22">
        <v>17</v>
      </c>
      <c r="C63" s="14">
        <v>18</v>
      </c>
      <c r="D63" s="18">
        <v>35</v>
      </c>
    </row>
    <row r="64" spans="1:4" ht="18" customHeight="1" x14ac:dyDescent="0.15">
      <c r="A64" s="5">
        <v>49</v>
      </c>
      <c r="B64" s="22">
        <v>18</v>
      </c>
      <c r="C64" s="14">
        <v>10</v>
      </c>
      <c r="D64" s="18">
        <v>28</v>
      </c>
    </row>
    <row r="65" spans="1:4" ht="18" customHeight="1" x14ac:dyDescent="0.15">
      <c r="A65" s="5" t="s">
        <v>17</v>
      </c>
      <c r="B65" s="22">
        <v>61</v>
      </c>
      <c r="C65" s="14">
        <v>56</v>
      </c>
      <c r="D65" s="18">
        <v>117</v>
      </c>
    </row>
    <row r="66" spans="1:4" ht="18" customHeight="1" x14ac:dyDescent="0.15">
      <c r="A66" s="5">
        <v>50</v>
      </c>
      <c r="B66" s="22">
        <v>15</v>
      </c>
      <c r="C66" s="14">
        <v>18</v>
      </c>
      <c r="D66" s="18">
        <v>33</v>
      </c>
    </row>
    <row r="67" spans="1:4" ht="18" customHeight="1" x14ac:dyDescent="0.15">
      <c r="A67" s="5">
        <v>51</v>
      </c>
      <c r="B67" s="22">
        <v>14</v>
      </c>
      <c r="C67" s="14">
        <v>16</v>
      </c>
      <c r="D67" s="18">
        <v>30</v>
      </c>
    </row>
    <row r="68" spans="1:4" ht="18" customHeight="1" x14ac:dyDescent="0.15">
      <c r="A68" s="5">
        <v>52</v>
      </c>
      <c r="B68" s="22">
        <v>14</v>
      </c>
      <c r="C68" s="14">
        <v>16</v>
      </c>
      <c r="D68" s="18">
        <v>30</v>
      </c>
    </row>
    <row r="69" spans="1:4" ht="18" customHeight="1" x14ac:dyDescent="0.15">
      <c r="A69" s="5">
        <v>53</v>
      </c>
      <c r="B69" s="22">
        <v>20</v>
      </c>
      <c r="C69" s="14">
        <v>21</v>
      </c>
      <c r="D69" s="18">
        <v>41</v>
      </c>
    </row>
    <row r="70" spans="1:4" ht="18" customHeight="1" x14ac:dyDescent="0.15">
      <c r="A70" s="5">
        <v>54</v>
      </c>
      <c r="B70" s="22">
        <v>24</v>
      </c>
      <c r="C70" s="14">
        <v>22</v>
      </c>
      <c r="D70" s="18">
        <v>46</v>
      </c>
    </row>
    <row r="71" spans="1:4" ht="18" customHeight="1" x14ac:dyDescent="0.15">
      <c r="A71" s="5" t="s">
        <v>22</v>
      </c>
      <c r="B71" s="22">
        <v>87</v>
      </c>
      <c r="C71" s="14">
        <v>93</v>
      </c>
      <c r="D71" s="18">
        <v>180</v>
      </c>
    </row>
    <row r="72" spans="1:4" ht="18" customHeight="1" x14ac:dyDescent="0.15">
      <c r="A72" s="5">
        <v>55</v>
      </c>
      <c r="B72" s="22">
        <v>28</v>
      </c>
      <c r="C72" s="14">
        <v>19</v>
      </c>
      <c r="D72" s="18">
        <v>47</v>
      </c>
    </row>
    <row r="73" spans="1:4" ht="18" customHeight="1" x14ac:dyDescent="0.15">
      <c r="A73" s="5">
        <v>56</v>
      </c>
      <c r="B73" s="22">
        <v>16</v>
      </c>
      <c r="C73" s="14">
        <v>17</v>
      </c>
      <c r="D73" s="18">
        <v>33</v>
      </c>
    </row>
    <row r="74" spans="1:4" ht="18" customHeight="1" x14ac:dyDescent="0.15">
      <c r="A74" s="5">
        <v>57</v>
      </c>
      <c r="B74" s="22">
        <v>17</v>
      </c>
      <c r="C74" s="14">
        <v>23</v>
      </c>
      <c r="D74" s="18">
        <v>40</v>
      </c>
    </row>
    <row r="75" spans="1:4" ht="18" customHeight="1" x14ac:dyDescent="0.15">
      <c r="A75" s="5">
        <v>58</v>
      </c>
      <c r="B75" s="22">
        <v>12</v>
      </c>
      <c r="C75" s="14">
        <v>20</v>
      </c>
      <c r="D75" s="18">
        <v>32</v>
      </c>
    </row>
    <row r="76" spans="1:4" ht="18" customHeight="1" x14ac:dyDescent="0.15">
      <c r="A76" s="5">
        <v>59</v>
      </c>
      <c r="B76" s="22">
        <v>15</v>
      </c>
      <c r="C76" s="14">
        <v>11</v>
      </c>
      <c r="D76" s="18">
        <v>26</v>
      </c>
    </row>
    <row r="77" spans="1:4" ht="18" customHeight="1" x14ac:dyDescent="0.15">
      <c r="A77" s="5" t="s">
        <v>27</v>
      </c>
      <c r="B77" s="22">
        <v>88</v>
      </c>
      <c r="C77" s="14">
        <v>90</v>
      </c>
      <c r="D77" s="18">
        <v>178</v>
      </c>
    </row>
    <row r="78" spans="1:4" ht="18" customHeight="1" x14ac:dyDescent="0.15">
      <c r="A78" s="5">
        <v>60</v>
      </c>
      <c r="B78" s="22">
        <v>15</v>
      </c>
      <c r="C78" s="14">
        <v>16</v>
      </c>
      <c r="D78" s="18">
        <v>31</v>
      </c>
    </row>
    <row r="79" spans="1:4" ht="18" customHeight="1" x14ac:dyDescent="0.15">
      <c r="A79" s="5">
        <v>61</v>
      </c>
      <c r="B79" s="22">
        <v>17</v>
      </c>
      <c r="C79" s="14">
        <v>16</v>
      </c>
      <c r="D79" s="18">
        <v>33</v>
      </c>
    </row>
    <row r="80" spans="1:4" ht="18" customHeight="1" x14ac:dyDescent="0.15">
      <c r="A80" s="5">
        <v>62</v>
      </c>
      <c r="B80" s="22">
        <v>13</v>
      </c>
      <c r="C80" s="14">
        <v>16</v>
      </c>
      <c r="D80" s="18">
        <v>29</v>
      </c>
    </row>
    <row r="81" spans="1:4" ht="18" customHeight="1" x14ac:dyDescent="0.15">
      <c r="A81" s="5">
        <v>63</v>
      </c>
      <c r="B81" s="22">
        <v>14</v>
      </c>
      <c r="C81" s="14">
        <v>10</v>
      </c>
      <c r="D81" s="18">
        <v>24</v>
      </c>
    </row>
    <row r="82" spans="1:4" ht="18" customHeight="1" x14ac:dyDescent="0.15">
      <c r="A82" s="5">
        <v>64</v>
      </c>
      <c r="B82" s="22">
        <v>19</v>
      </c>
      <c r="C82" s="14">
        <v>10</v>
      </c>
      <c r="D82" s="18">
        <v>29</v>
      </c>
    </row>
    <row r="83" spans="1:4" ht="18" customHeight="1" x14ac:dyDescent="0.15">
      <c r="A83" s="5" t="s">
        <v>28</v>
      </c>
      <c r="B83" s="22">
        <v>78</v>
      </c>
      <c r="C83" s="14">
        <v>68</v>
      </c>
      <c r="D83" s="18">
        <v>146</v>
      </c>
    </row>
    <row r="84" spans="1:4" ht="18" customHeight="1" x14ac:dyDescent="0.15">
      <c r="A84" s="5" t="s">
        <v>31</v>
      </c>
      <c r="B84" s="22">
        <v>589</v>
      </c>
      <c r="C84" s="14">
        <v>538</v>
      </c>
      <c r="D84" s="18">
        <v>1127</v>
      </c>
    </row>
    <row r="85" spans="1:4" ht="18" customHeight="1" x14ac:dyDescent="0.15">
      <c r="A85" s="5">
        <v>65</v>
      </c>
      <c r="B85" s="22">
        <v>17</v>
      </c>
      <c r="C85" s="14">
        <v>9</v>
      </c>
      <c r="D85" s="18">
        <v>26</v>
      </c>
    </row>
    <row r="86" spans="1:4" ht="18" customHeight="1" x14ac:dyDescent="0.15">
      <c r="A86" s="5">
        <v>66</v>
      </c>
      <c r="B86" s="22">
        <v>15</v>
      </c>
      <c r="C86" s="14">
        <v>24</v>
      </c>
      <c r="D86" s="18">
        <v>39</v>
      </c>
    </row>
    <row r="87" spans="1:4" ht="18" customHeight="1" x14ac:dyDescent="0.15">
      <c r="A87" s="5">
        <v>67</v>
      </c>
      <c r="B87" s="22">
        <v>17</v>
      </c>
      <c r="C87" s="14">
        <v>23</v>
      </c>
      <c r="D87" s="18">
        <v>40</v>
      </c>
    </row>
    <row r="88" spans="1:4" ht="18" customHeight="1" x14ac:dyDescent="0.15">
      <c r="A88" s="5">
        <v>68</v>
      </c>
      <c r="B88" s="22">
        <v>22</v>
      </c>
      <c r="C88" s="14">
        <v>14</v>
      </c>
      <c r="D88" s="18">
        <v>36</v>
      </c>
    </row>
    <row r="89" spans="1:4" ht="18" customHeight="1" x14ac:dyDescent="0.15">
      <c r="A89" s="5">
        <v>69</v>
      </c>
      <c r="B89" s="22">
        <v>18</v>
      </c>
      <c r="C89" s="14">
        <v>24</v>
      </c>
      <c r="D89" s="18">
        <v>42</v>
      </c>
    </row>
    <row r="90" spans="1:4" ht="18" customHeight="1" x14ac:dyDescent="0.15">
      <c r="A90" s="5" t="s">
        <v>20</v>
      </c>
      <c r="B90" s="22">
        <v>89</v>
      </c>
      <c r="C90" s="14">
        <v>94</v>
      </c>
      <c r="D90" s="18">
        <v>183</v>
      </c>
    </row>
    <row r="91" spans="1:4" ht="18" customHeight="1" x14ac:dyDescent="0.15">
      <c r="A91" s="5">
        <v>70</v>
      </c>
      <c r="B91" s="22">
        <v>8</v>
      </c>
      <c r="C91" s="14">
        <v>17</v>
      </c>
      <c r="D91" s="18">
        <v>25</v>
      </c>
    </row>
    <row r="92" spans="1:4" ht="18" customHeight="1" x14ac:dyDescent="0.15">
      <c r="A92" s="5">
        <v>71</v>
      </c>
      <c r="B92" s="22">
        <v>9</v>
      </c>
      <c r="C92" s="14">
        <v>20</v>
      </c>
      <c r="D92" s="18">
        <v>29</v>
      </c>
    </row>
    <row r="93" spans="1:4" ht="18" customHeight="1" x14ac:dyDescent="0.15">
      <c r="A93" s="5">
        <v>72</v>
      </c>
      <c r="B93" s="22">
        <v>18</v>
      </c>
      <c r="C93" s="14">
        <v>24</v>
      </c>
      <c r="D93" s="18">
        <v>42</v>
      </c>
    </row>
    <row r="94" spans="1:4" ht="18" customHeight="1" x14ac:dyDescent="0.15">
      <c r="A94" s="5">
        <v>73</v>
      </c>
      <c r="B94" s="22">
        <v>15</v>
      </c>
      <c r="C94" s="14">
        <v>23</v>
      </c>
      <c r="D94" s="18">
        <v>38</v>
      </c>
    </row>
    <row r="95" spans="1:4" ht="18" customHeight="1" x14ac:dyDescent="0.15">
      <c r="A95" s="5">
        <v>74</v>
      </c>
      <c r="B95" s="22">
        <v>24</v>
      </c>
      <c r="C95" s="14">
        <v>24</v>
      </c>
      <c r="D95" s="18">
        <v>48</v>
      </c>
    </row>
    <row r="96" spans="1:4" ht="18" customHeight="1" x14ac:dyDescent="0.15">
      <c r="A96" s="5" t="s">
        <v>33</v>
      </c>
      <c r="B96" s="22">
        <v>74</v>
      </c>
      <c r="C96" s="14">
        <v>108</v>
      </c>
      <c r="D96" s="18">
        <v>182</v>
      </c>
    </row>
    <row r="97" spans="1:4" ht="18" customHeight="1" x14ac:dyDescent="0.15">
      <c r="A97" s="5">
        <v>75</v>
      </c>
      <c r="B97" s="22">
        <v>26</v>
      </c>
      <c r="C97" s="14">
        <v>32</v>
      </c>
      <c r="D97" s="18">
        <v>58</v>
      </c>
    </row>
    <row r="98" spans="1:4" ht="18" customHeight="1" x14ac:dyDescent="0.15">
      <c r="A98" s="5">
        <v>76</v>
      </c>
      <c r="B98" s="22">
        <v>27</v>
      </c>
      <c r="C98" s="14">
        <v>24</v>
      </c>
      <c r="D98" s="18">
        <v>51</v>
      </c>
    </row>
    <row r="99" spans="1:4" ht="18" customHeight="1" x14ac:dyDescent="0.15">
      <c r="A99" s="5">
        <v>77</v>
      </c>
      <c r="B99" s="22">
        <v>23</v>
      </c>
      <c r="C99" s="14">
        <v>26</v>
      </c>
      <c r="D99" s="18">
        <v>49</v>
      </c>
    </row>
    <row r="100" spans="1:4" ht="18" customHeight="1" x14ac:dyDescent="0.15">
      <c r="A100" s="5">
        <v>78</v>
      </c>
      <c r="B100" s="22">
        <v>37</v>
      </c>
      <c r="C100" s="14">
        <v>29</v>
      </c>
      <c r="D100" s="18">
        <v>66</v>
      </c>
    </row>
    <row r="101" spans="1:4" ht="18" customHeight="1" x14ac:dyDescent="0.15">
      <c r="A101" s="5">
        <v>79</v>
      </c>
      <c r="B101" s="22">
        <v>17</v>
      </c>
      <c r="C101" s="14">
        <v>23</v>
      </c>
      <c r="D101" s="18">
        <v>40</v>
      </c>
    </row>
    <row r="102" spans="1:4" ht="18" customHeight="1" x14ac:dyDescent="0.15">
      <c r="A102" s="5" t="s">
        <v>0</v>
      </c>
      <c r="B102" s="22">
        <v>130</v>
      </c>
      <c r="C102" s="14">
        <v>134</v>
      </c>
      <c r="D102" s="18">
        <v>264</v>
      </c>
    </row>
    <row r="103" spans="1:4" ht="18" customHeight="1" x14ac:dyDescent="0.15">
      <c r="A103" s="5">
        <v>80</v>
      </c>
      <c r="B103" s="22">
        <v>8</v>
      </c>
      <c r="C103" s="14">
        <v>14</v>
      </c>
      <c r="D103" s="18">
        <v>22</v>
      </c>
    </row>
    <row r="104" spans="1:4" ht="18" customHeight="1" x14ac:dyDescent="0.15">
      <c r="A104" s="5">
        <v>81</v>
      </c>
      <c r="B104" s="22">
        <v>19</v>
      </c>
      <c r="C104" s="14">
        <v>28</v>
      </c>
      <c r="D104" s="18">
        <v>47</v>
      </c>
    </row>
    <row r="105" spans="1:4" ht="18" customHeight="1" x14ac:dyDescent="0.15">
      <c r="A105" s="5">
        <v>82</v>
      </c>
      <c r="B105" s="22">
        <v>14</v>
      </c>
      <c r="C105" s="14">
        <v>22</v>
      </c>
      <c r="D105" s="18">
        <v>36</v>
      </c>
    </row>
    <row r="106" spans="1:4" ht="18" customHeight="1" x14ac:dyDescent="0.15">
      <c r="A106" s="5">
        <v>83</v>
      </c>
      <c r="B106" s="22">
        <v>15</v>
      </c>
      <c r="C106" s="14">
        <v>26</v>
      </c>
      <c r="D106" s="18">
        <v>41</v>
      </c>
    </row>
    <row r="107" spans="1:4" ht="18" customHeight="1" x14ac:dyDescent="0.15">
      <c r="A107" s="5">
        <v>84</v>
      </c>
      <c r="B107" s="22">
        <v>10</v>
      </c>
      <c r="C107" s="14">
        <v>23</v>
      </c>
      <c r="D107" s="18">
        <v>33</v>
      </c>
    </row>
    <row r="108" spans="1:4" ht="18" customHeight="1" x14ac:dyDescent="0.15">
      <c r="A108" s="5" t="s">
        <v>35</v>
      </c>
      <c r="B108" s="22">
        <v>66</v>
      </c>
      <c r="C108" s="14">
        <v>113</v>
      </c>
      <c r="D108" s="18">
        <v>179</v>
      </c>
    </row>
    <row r="109" spans="1:4" ht="18" customHeight="1" x14ac:dyDescent="0.15">
      <c r="A109" s="5">
        <v>85</v>
      </c>
      <c r="B109" s="22">
        <v>8</v>
      </c>
      <c r="C109" s="14">
        <v>16</v>
      </c>
      <c r="D109" s="18">
        <v>24</v>
      </c>
    </row>
    <row r="110" spans="1:4" ht="18" customHeight="1" x14ac:dyDescent="0.15">
      <c r="A110" s="5">
        <v>86</v>
      </c>
      <c r="B110" s="22">
        <v>11</v>
      </c>
      <c r="C110" s="14">
        <v>12</v>
      </c>
      <c r="D110" s="18">
        <v>23</v>
      </c>
    </row>
    <row r="111" spans="1:4" ht="18" customHeight="1" x14ac:dyDescent="0.15">
      <c r="A111" s="5">
        <v>87</v>
      </c>
      <c r="B111" s="22">
        <v>5</v>
      </c>
      <c r="C111" s="14">
        <v>15</v>
      </c>
      <c r="D111" s="18">
        <v>20</v>
      </c>
    </row>
    <row r="112" spans="1:4" ht="18" customHeight="1" x14ac:dyDescent="0.15">
      <c r="A112" s="5">
        <v>88</v>
      </c>
      <c r="B112" s="22">
        <v>8</v>
      </c>
      <c r="C112" s="14">
        <v>22</v>
      </c>
      <c r="D112" s="18">
        <v>30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38</v>
      </c>
      <c r="C114" s="14">
        <v>77</v>
      </c>
      <c r="D114" s="18">
        <v>115</v>
      </c>
    </row>
    <row r="115" spans="1:4" ht="18" customHeight="1" x14ac:dyDescent="0.15">
      <c r="A115" s="5">
        <v>90</v>
      </c>
      <c r="B115" s="22">
        <v>5</v>
      </c>
      <c r="C115" s="14">
        <v>14</v>
      </c>
      <c r="D115" s="18">
        <v>19</v>
      </c>
    </row>
    <row r="116" spans="1:4" ht="18" customHeight="1" x14ac:dyDescent="0.15">
      <c r="A116" s="5">
        <v>91</v>
      </c>
      <c r="B116" s="22">
        <v>7</v>
      </c>
      <c r="C116" s="14">
        <v>10</v>
      </c>
      <c r="D116" s="18">
        <v>17</v>
      </c>
    </row>
    <row r="117" spans="1:4" ht="18" customHeight="1" x14ac:dyDescent="0.15">
      <c r="A117" s="5">
        <v>92</v>
      </c>
      <c r="B117" s="22">
        <v>7</v>
      </c>
      <c r="C117" s="14">
        <v>13</v>
      </c>
      <c r="D117" s="18">
        <v>20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8</v>
      </c>
      <c r="D119" s="18">
        <v>8</v>
      </c>
    </row>
    <row r="120" spans="1:4" ht="18" customHeight="1" x14ac:dyDescent="0.15">
      <c r="A120" s="5" t="s">
        <v>39</v>
      </c>
      <c r="B120" s="22">
        <v>20</v>
      </c>
      <c r="C120" s="14">
        <v>49</v>
      </c>
      <c r="D120" s="18">
        <v>69</v>
      </c>
    </row>
    <row r="121" spans="1:4" ht="18" customHeight="1" x14ac:dyDescent="0.15">
      <c r="A121" s="5">
        <v>95</v>
      </c>
      <c r="B121" s="22">
        <v>3</v>
      </c>
      <c r="C121" s="14">
        <v>8</v>
      </c>
      <c r="D121" s="18">
        <v>11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22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22</v>
      </c>
      <c r="C130" s="14">
        <v>601</v>
      </c>
      <c r="D130" s="18">
        <v>1023</v>
      </c>
    </row>
    <row r="131" spans="1:4" ht="18" customHeight="1" x14ac:dyDescent="0.15">
      <c r="A131" s="7" t="s">
        <v>45</v>
      </c>
      <c r="B131" s="23">
        <v>1094</v>
      </c>
      <c r="C131" s="15">
        <v>1221</v>
      </c>
      <c r="D131" s="19">
        <v>23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6</v>
      </c>
      <c r="D5" s="17">
        <v>12</v>
      </c>
    </row>
    <row r="6" spans="1:4" ht="18" customHeight="1" x14ac:dyDescent="0.15">
      <c r="A6" s="5">
        <v>1</v>
      </c>
      <c r="B6" s="22">
        <v>6</v>
      </c>
      <c r="C6" s="14">
        <v>13</v>
      </c>
      <c r="D6" s="18">
        <v>19</v>
      </c>
    </row>
    <row r="7" spans="1:4" ht="18" customHeight="1" x14ac:dyDescent="0.15">
      <c r="A7" s="5">
        <v>2</v>
      </c>
      <c r="B7" s="22">
        <v>10</v>
      </c>
      <c r="C7" s="14">
        <v>11</v>
      </c>
      <c r="D7" s="18">
        <v>21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7</v>
      </c>
      <c r="C9" s="14">
        <v>8</v>
      </c>
      <c r="D9" s="18">
        <v>15</v>
      </c>
    </row>
    <row r="10" spans="1:4" ht="18" customHeight="1" x14ac:dyDescent="0.15">
      <c r="A10" s="5" t="s">
        <v>7</v>
      </c>
      <c r="B10" s="22">
        <v>38</v>
      </c>
      <c r="C10" s="14">
        <v>48</v>
      </c>
      <c r="D10" s="18">
        <v>86</v>
      </c>
    </row>
    <row r="11" spans="1:4" ht="18" customHeight="1" x14ac:dyDescent="0.15">
      <c r="A11" s="5">
        <v>5</v>
      </c>
      <c r="B11" s="22">
        <v>10</v>
      </c>
      <c r="C11" s="14">
        <v>7</v>
      </c>
      <c r="D11" s="18">
        <v>17</v>
      </c>
    </row>
    <row r="12" spans="1:4" ht="18" customHeight="1" x14ac:dyDescent="0.15">
      <c r="A12" s="5">
        <v>6</v>
      </c>
      <c r="B12" s="22">
        <v>15</v>
      </c>
      <c r="C12" s="14">
        <v>17</v>
      </c>
      <c r="D12" s="18">
        <v>32</v>
      </c>
    </row>
    <row r="13" spans="1:4" ht="18" customHeight="1" x14ac:dyDescent="0.15">
      <c r="A13" s="5">
        <v>7</v>
      </c>
      <c r="B13" s="22">
        <v>13</v>
      </c>
      <c r="C13" s="14">
        <v>12</v>
      </c>
      <c r="D13" s="18">
        <v>25</v>
      </c>
    </row>
    <row r="14" spans="1:4" ht="18" customHeight="1" x14ac:dyDescent="0.15">
      <c r="A14" s="5">
        <v>8</v>
      </c>
      <c r="B14" s="22">
        <v>12</v>
      </c>
      <c r="C14" s="14">
        <v>15</v>
      </c>
      <c r="D14" s="18">
        <v>27</v>
      </c>
    </row>
    <row r="15" spans="1:4" ht="18" customHeight="1" x14ac:dyDescent="0.15">
      <c r="A15" s="5">
        <v>9</v>
      </c>
      <c r="B15" s="22">
        <v>14</v>
      </c>
      <c r="C15" s="14">
        <v>13</v>
      </c>
      <c r="D15" s="18">
        <v>27</v>
      </c>
    </row>
    <row r="16" spans="1:4" ht="18" customHeight="1" x14ac:dyDescent="0.15">
      <c r="A16" s="5" t="s">
        <v>11</v>
      </c>
      <c r="B16" s="22">
        <v>64</v>
      </c>
      <c r="C16" s="14">
        <v>64</v>
      </c>
      <c r="D16" s="18">
        <v>128</v>
      </c>
    </row>
    <row r="17" spans="1:4" ht="18" customHeight="1" x14ac:dyDescent="0.15">
      <c r="A17" s="5">
        <v>10</v>
      </c>
      <c r="B17" s="22">
        <v>9</v>
      </c>
      <c r="C17" s="14">
        <v>13</v>
      </c>
      <c r="D17" s="18">
        <v>22</v>
      </c>
    </row>
    <row r="18" spans="1:4" ht="18" customHeight="1" x14ac:dyDescent="0.15">
      <c r="A18" s="5">
        <v>11</v>
      </c>
      <c r="B18" s="22">
        <v>7</v>
      </c>
      <c r="C18" s="14">
        <v>12</v>
      </c>
      <c r="D18" s="18">
        <v>19</v>
      </c>
    </row>
    <row r="19" spans="1:4" ht="18" customHeight="1" x14ac:dyDescent="0.15">
      <c r="A19" s="5">
        <v>12</v>
      </c>
      <c r="B19" s="22">
        <v>11</v>
      </c>
      <c r="C19" s="14">
        <v>7</v>
      </c>
      <c r="D19" s="18">
        <v>18</v>
      </c>
    </row>
    <row r="20" spans="1:4" ht="18" customHeight="1" x14ac:dyDescent="0.15">
      <c r="A20" s="5">
        <v>13</v>
      </c>
      <c r="B20" s="22">
        <v>11</v>
      </c>
      <c r="C20" s="14">
        <v>6</v>
      </c>
      <c r="D20" s="18">
        <v>17</v>
      </c>
    </row>
    <row r="21" spans="1:4" ht="18" customHeight="1" x14ac:dyDescent="0.15">
      <c r="A21" s="5">
        <v>14</v>
      </c>
      <c r="B21" s="22">
        <v>9</v>
      </c>
      <c r="C21" s="14">
        <v>12</v>
      </c>
      <c r="D21" s="18">
        <v>21</v>
      </c>
    </row>
    <row r="22" spans="1:4" ht="18" customHeight="1" x14ac:dyDescent="0.15">
      <c r="A22" s="5" t="s">
        <v>12</v>
      </c>
      <c r="B22" s="22">
        <v>47</v>
      </c>
      <c r="C22" s="14">
        <v>50</v>
      </c>
      <c r="D22" s="18">
        <v>97</v>
      </c>
    </row>
    <row r="23" spans="1:4" ht="18" customHeight="1" x14ac:dyDescent="0.15">
      <c r="A23" s="5" t="s">
        <v>6</v>
      </c>
      <c r="B23" s="22">
        <v>149</v>
      </c>
      <c r="C23" s="14">
        <v>162</v>
      </c>
      <c r="D23" s="18">
        <v>311</v>
      </c>
    </row>
    <row r="24" spans="1:4" ht="18" customHeight="1" x14ac:dyDescent="0.15">
      <c r="A24" s="5">
        <v>15</v>
      </c>
      <c r="B24" s="22">
        <v>17</v>
      </c>
      <c r="C24" s="14">
        <v>6</v>
      </c>
      <c r="D24" s="18">
        <v>23</v>
      </c>
    </row>
    <row r="25" spans="1:4" ht="18" customHeight="1" x14ac:dyDescent="0.15">
      <c r="A25" s="5">
        <v>16</v>
      </c>
      <c r="B25" s="22">
        <v>9</v>
      </c>
      <c r="C25" s="14">
        <v>12</v>
      </c>
      <c r="D25" s="18">
        <v>21</v>
      </c>
    </row>
    <row r="26" spans="1:4" ht="18" customHeight="1" x14ac:dyDescent="0.15">
      <c r="A26" s="5">
        <v>17</v>
      </c>
      <c r="B26" s="22">
        <v>11</v>
      </c>
      <c r="C26" s="14">
        <v>14</v>
      </c>
      <c r="D26" s="18">
        <v>25</v>
      </c>
    </row>
    <row r="27" spans="1:4" ht="18" customHeight="1" x14ac:dyDescent="0.15">
      <c r="A27" s="5">
        <v>18</v>
      </c>
      <c r="B27" s="22">
        <v>11</v>
      </c>
      <c r="C27" s="14">
        <v>10</v>
      </c>
      <c r="D27" s="18">
        <v>21</v>
      </c>
    </row>
    <row r="28" spans="1:4" ht="18" customHeight="1" x14ac:dyDescent="0.15">
      <c r="A28" s="5">
        <v>19</v>
      </c>
      <c r="B28" s="22">
        <v>10</v>
      </c>
      <c r="C28" s="14">
        <v>9</v>
      </c>
      <c r="D28" s="18">
        <v>19</v>
      </c>
    </row>
    <row r="29" spans="1:4" ht="18" customHeight="1" x14ac:dyDescent="0.15">
      <c r="A29" s="5" t="s">
        <v>14</v>
      </c>
      <c r="B29" s="22">
        <v>58</v>
      </c>
      <c r="C29" s="14">
        <v>51</v>
      </c>
      <c r="D29" s="18">
        <v>109</v>
      </c>
    </row>
    <row r="30" spans="1:4" ht="18" customHeight="1" x14ac:dyDescent="0.15">
      <c r="A30" s="5">
        <v>20</v>
      </c>
      <c r="B30" s="22">
        <v>7</v>
      </c>
      <c r="C30" s="14">
        <v>12</v>
      </c>
      <c r="D30" s="18">
        <v>19</v>
      </c>
    </row>
    <row r="31" spans="1:4" ht="18" customHeight="1" x14ac:dyDescent="0.15">
      <c r="A31" s="5">
        <v>21</v>
      </c>
      <c r="B31" s="22">
        <v>13</v>
      </c>
      <c r="C31" s="14">
        <v>11</v>
      </c>
      <c r="D31" s="18">
        <v>24</v>
      </c>
    </row>
    <row r="32" spans="1:4" ht="18" customHeight="1" x14ac:dyDescent="0.15">
      <c r="A32" s="5">
        <v>22</v>
      </c>
      <c r="B32" s="22">
        <v>9</v>
      </c>
      <c r="C32" s="14">
        <v>16</v>
      </c>
      <c r="D32" s="18">
        <v>25</v>
      </c>
    </row>
    <row r="33" spans="1:4" ht="18" customHeight="1" x14ac:dyDescent="0.15">
      <c r="A33" s="5">
        <v>23</v>
      </c>
      <c r="B33" s="22">
        <v>13</v>
      </c>
      <c r="C33" s="14">
        <v>7</v>
      </c>
      <c r="D33" s="18">
        <v>20</v>
      </c>
    </row>
    <row r="34" spans="1:4" ht="18" customHeight="1" x14ac:dyDescent="0.15">
      <c r="A34" s="5">
        <v>24</v>
      </c>
      <c r="B34" s="22">
        <v>14</v>
      </c>
      <c r="C34" s="14">
        <v>9</v>
      </c>
      <c r="D34" s="18">
        <v>23</v>
      </c>
    </row>
    <row r="35" spans="1:4" ht="18" customHeight="1" x14ac:dyDescent="0.15">
      <c r="A35" s="5" t="s">
        <v>9</v>
      </c>
      <c r="B35" s="22">
        <v>56</v>
      </c>
      <c r="C35" s="14">
        <v>55</v>
      </c>
      <c r="D35" s="18">
        <v>111</v>
      </c>
    </row>
    <row r="36" spans="1:4" ht="18" customHeight="1" x14ac:dyDescent="0.15">
      <c r="A36" s="5">
        <v>25</v>
      </c>
      <c r="B36" s="22">
        <v>11</v>
      </c>
      <c r="C36" s="14">
        <v>9</v>
      </c>
      <c r="D36" s="18">
        <v>20</v>
      </c>
    </row>
    <row r="37" spans="1:4" ht="18" customHeight="1" x14ac:dyDescent="0.15">
      <c r="A37" s="5">
        <v>26</v>
      </c>
      <c r="B37" s="22">
        <v>16</v>
      </c>
      <c r="C37" s="14">
        <v>8</v>
      </c>
      <c r="D37" s="18">
        <v>24</v>
      </c>
    </row>
    <row r="38" spans="1:4" ht="18" customHeight="1" x14ac:dyDescent="0.15">
      <c r="A38" s="5">
        <v>27</v>
      </c>
      <c r="B38" s="22">
        <v>9</v>
      </c>
      <c r="C38" s="14">
        <v>9</v>
      </c>
      <c r="D38" s="18">
        <v>18</v>
      </c>
    </row>
    <row r="39" spans="1:4" ht="18" customHeight="1" x14ac:dyDescent="0.15">
      <c r="A39" s="5">
        <v>28</v>
      </c>
      <c r="B39" s="22">
        <v>12</v>
      </c>
      <c r="C39" s="14">
        <v>9</v>
      </c>
      <c r="D39" s="18">
        <v>21</v>
      </c>
    </row>
    <row r="40" spans="1:4" ht="18" customHeight="1" x14ac:dyDescent="0.15">
      <c r="A40" s="5">
        <v>29</v>
      </c>
      <c r="B40" s="22">
        <v>8</v>
      </c>
      <c r="C40" s="14">
        <v>9</v>
      </c>
      <c r="D40" s="18">
        <v>17</v>
      </c>
    </row>
    <row r="41" spans="1:4" ht="18" customHeight="1" x14ac:dyDescent="0.15">
      <c r="A41" s="5" t="s">
        <v>2</v>
      </c>
      <c r="B41" s="22">
        <v>56</v>
      </c>
      <c r="C41" s="14">
        <v>44</v>
      </c>
      <c r="D41" s="18">
        <v>100</v>
      </c>
    </row>
    <row r="42" spans="1:4" ht="18" customHeight="1" x14ac:dyDescent="0.15">
      <c r="A42" s="5">
        <v>30</v>
      </c>
      <c r="B42" s="22">
        <v>21</v>
      </c>
      <c r="C42" s="14">
        <v>11</v>
      </c>
      <c r="D42" s="18">
        <v>32</v>
      </c>
    </row>
    <row r="43" spans="1:4" ht="18" customHeight="1" x14ac:dyDescent="0.15">
      <c r="A43" s="5">
        <v>31</v>
      </c>
      <c r="B43" s="22">
        <v>9</v>
      </c>
      <c r="C43" s="14">
        <v>10</v>
      </c>
      <c r="D43" s="18">
        <v>19</v>
      </c>
    </row>
    <row r="44" spans="1:4" ht="18" customHeight="1" x14ac:dyDescent="0.15">
      <c r="A44" s="5">
        <v>32</v>
      </c>
      <c r="B44" s="22">
        <v>17</v>
      </c>
      <c r="C44" s="14">
        <v>14</v>
      </c>
      <c r="D44" s="18">
        <v>31</v>
      </c>
    </row>
    <row r="45" spans="1:4" ht="18" customHeight="1" x14ac:dyDescent="0.15">
      <c r="A45" s="5">
        <v>33</v>
      </c>
      <c r="B45" s="22">
        <v>13</v>
      </c>
      <c r="C45" s="14">
        <v>16</v>
      </c>
      <c r="D45" s="18">
        <v>29</v>
      </c>
    </row>
    <row r="46" spans="1:4" ht="18" customHeight="1" x14ac:dyDescent="0.15">
      <c r="A46" s="5">
        <v>34</v>
      </c>
      <c r="B46" s="22">
        <v>10</v>
      </c>
      <c r="C46" s="14">
        <v>9</v>
      </c>
      <c r="D46" s="18">
        <v>19</v>
      </c>
    </row>
    <row r="47" spans="1:4" ht="18" customHeight="1" x14ac:dyDescent="0.15">
      <c r="A47" s="5" t="s">
        <v>15</v>
      </c>
      <c r="B47" s="22">
        <v>70</v>
      </c>
      <c r="C47" s="14">
        <v>60</v>
      </c>
      <c r="D47" s="18">
        <v>130</v>
      </c>
    </row>
    <row r="48" spans="1:4" ht="18" customHeight="1" x14ac:dyDescent="0.15">
      <c r="A48" s="5">
        <v>35</v>
      </c>
      <c r="B48" s="22">
        <v>8</v>
      </c>
      <c r="C48" s="14">
        <v>18</v>
      </c>
      <c r="D48" s="18">
        <v>26</v>
      </c>
    </row>
    <row r="49" spans="1:4" ht="18" customHeight="1" x14ac:dyDescent="0.15">
      <c r="A49" s="5">
        <v>36</v>
      </c>
      <c r="B49" s="22">
        <v>17</v>
      </c>
      <c r="C49" s="14">
        <v>16</v>
      </c>
      <c r="D49" s="18">
        <v>33</v>
      </c>
    </row>
    <row r="50" spans="1:4" ht="18" customHeight="1" x14ac:dyDescent="0.15">
      <c r="A50" s="5">
        <v>37</v>
      </c>
      <c r="B50" s="22">
        <v>14</v>
      </c>
      <c r="C50" s="14">
        <v>20</v>
      </c>
      <c r="D50" s="18">
        <v>34</v>
      </c>
    </row>
    <row r="51" spans="1:4" ht="18" customHeight="1" x14ac:dyDescent="0.15">
      <c r="A51" s="5">
        <v>38</v>
      </c>
      <c r="B51" s="22">
        <v>16</v>
      </c>
      <c r="C51" s="14">
        <v>19</v>
      </c>
      <c r="D51" s="18">
        <v>35</v>
      </c>
    </row>
    <row r="52" spans="1:4" ht="18" customHeight="1" x14ac:dyDescent="0.15">
      <c r="A52" s="5">
        <v>39</v>
      </c>
      <c r="B52" s="22">
        <v>21</v>
      </c>
      <c r="C52" s="14">
        <v>16</v>
      </c>
      <c r="D52" s="18">
        <v>37</v>
      </c>
    </row>
    <row r="53" spans="1:4" ht="18" customHeight="1" x14ac:dyDescent="0.15">
      <c r="A53" s="5" t="s">
        <v>18</v>
      </c>
      <c r="B53" s="22">
        <v>76</v>
      </c>
      <c r="C53" s="14">
        <v>89</v>
      </c>
      <c r="D53" s="18">
        <v>165</v>
      </c>
    </row>
    <row r="54" spans="1:4" ht="18" customHeight="1" x14ac:dyDescent="0.15">
      <c r="A54" s="5">
        <v>40</v>
      </c>
      <c r="B54" s="22">
        <v>17</v>
      </c>
      <c r="C54" s="14">
        <v>17</v>
      </c>
      <c r="D54" s="18">
        <v>34</v>
      </c>
    </row>
    <row r="55" spans="1:4" ht="18" customHeight="1" x14ac:dyDescent="0.15">
      <c r="A55" s="5">
        <v>41</v>
      </c>
      <c r="B55" s="22">
        <v>25</v>
      </c>
      <c r="C55" s="14">
        <v>16</v>
      </c>
      <c r="D55" s="18">
        <v>41</v>
      </c>
    </row>
    <row r="56" spans="1:4" ht="18" customHeight="1" x14ac:dyDescent="0.15">
      <c r="A56" s="5">
        <v>42</v>
      </c>
      <c r="B56" s="22">
        <v>20</v>
      </c>
      <c r="C56" s="14">
        <v>16</v>
      </c>
      <c r="D56" s="18">
        <v>36</v>
      </c>
    </row>
    <row r="57" spans="1:4" ht="18" customHeight="1" x14ac:dyDescent="0.15">
      <c r="A57" s="5">
        <v>43</v>
      </c>
      <c r="B57" s="22">
        <v>27</v>
      </c>
      <c r="C57" s="14">
        <v>24</v>
      </c>
      <c r="D57" s="18">
        <v>51</v>
      </c>
    </row>
    <row r="58" spans="1:4" ht="18" customHeight="1" x14ac:dyDescent="0.15">
      <c r="A58" s="5">
        <v>44</v>
      </c>
      <c r="B58" s="22">
        <v>14</v>
      </c>
      <c r="C58" s="14">
        <v>26</v>
      </c>
      <c r="D58" s="18">
        <v>40</v>
      </c>
    </row>
    <row r="59" spans="1:4" ht="18" customHeight="1" x14ac:dyDescent="0.15">
      <c r="A59" s="5" t="s">
        <v>21</v>
      </c>
      <c r="B59" s="22">
        <v>103</v>
      </c>
      <c r="C59" s="14">
        <v>99</v>
      </c>
      <c r="D59" s="18">
        <v>202</v>
      </c>
    </row>
    <row r="60" spans="1:4" ht="18" customHeight="1" x14ac:dyDescent="0.15">
      <c r="A60" s="5">
        <v>45</v>
      </c>
      <c r="B60" s="22">
        <v>18</v>
      </c>
      <c r="C60" s="14">
        <v>16</v>
      </c>
      <c r="D60" s="18">
        <v>34</v>
      </c>
    </row>
    <row r="61" spans="1:4" ht="18" customHeight="1" x14ac:dyDescent="0.15">
      <c r="A61" s="5">
        <v>46</v>
      </c>
      <c r="B61" s="22">
        <v>25</v>
      </c>
      <c r="C61" s="14">
        <v>17</v>
      </c>
      <c r="D61" s="18">
        <v>42</v>
      </c>
    </row>
    <row r="62" spans="1:4" ht="18" customHeight="1" x14ac:dyDescent="0.15">
      <c r="A62" s="5">
        <v>47</v>
      </c>
      <c r="B62" s="22">
        <v>22</v>
      </c>
      <c r="C62" s="14">
        <v>21</v>
      </c>
      <c r="D62" s="18">
        <v>43</v>
      </c>
    </row>
    <row r="63" spans="1:4" ht="18" customHeight="1" x14ac:dyDescent="0.15">
      <c r="A63" s="5">
        <v>48</v>
      </c>
      <c r="B63" s="22">
        <v>22</v>
      </c>
      <c r="C63" s="14">
        <v>26</v>
      </c>
      <c r="D63" s="18">
        <v>48</v>
      </c>
    </row>
    <row r="64" spans="1:4" ht="18" customHeight="1" x14ac:dyDescent="0.15">
      <c r="A64" s="5">
        <v>49</v>
      </c>
      <c r="B64" s="22">
        <v>33</v>
      </c>
      <c r="C64" s="14">
        <v>33</v>
      </c>
      <c r="D64" s="18">
        <v>66</v>
      </c>
    </row>
    <row r="65" spans="1:4" ht="18" customHeight="1" x14ac:dyDescent="0.15">
      <c r="A65" s="5" t="s">
        <v>17</v>
      </c>
      <c r="B65" s="22">
        <v>120</v>
      </c>
      <c r="C65" s="14">
        <v>113</v>
      </c>
      <c r="D65" s="18">
        <v>233</v>
      </c>
    </row>
    <row r="66" spans="1:4" ht="18" customHeight="1" x14ac:dyDescent="0.15">
      <c r="A66" s="5">
        <v>50</v>
      </c>
      <c r="B66" s="22">
        <v>19</v>
      </c>
      <c r="C66" s="14">
        <v>23</v>
      </c>
      <c r="D66" s="18">
        <v>42</v>
      </c>
    </row>
    <row r="67" spans="1:4" ht="18" customHeight="1" x14ac:dyDescent="0.15">
      <c r="A67" s="5">
        <v>51</v>
      </c>
      <c r="B67" s="22">
        <v>27</v>
      </c>
      <c r="C67" s="14">
        <v>33</v>
      </c>
      <c r="D67" s="18">
        <v>60</v>
      </c>
    </row>
    <row r="68" spans="1:4" ht="18" customHeight="1" x14ac:dyDescent="0.15">
      <c r="A68" s="5">
        <v>52</v>
      </c>
      <c r="B68" s="22">
        <v>26</v>
      </c>
      <c r="C68" s="14">
        <v>28</v>
      </c>
      <c r="D68" s="18">
        <v>54</v>
      </c>
    </row>
    <row r="69" spans="1:4" ht="18" customHeight="1" x14ac:dyDescent="0.15">
      <c r="A69" s="5">
        <v>53</v>
      </c>
      <c r="B69" s="22">
        <v>30</v>
      </c>
      <c r="C69" s="14">
        <v>35</v>
      </c>
      <c r="D69" s="18">
        <v>65</v>
      </c>
    </row>
    <row r="70" spans="1:4" ht="18" customHeight="1" x14ac:dyDescent="0.15">
      <c r="A70" s="5">
        <v>54</v>
      </c>
      <c r="B70" s="22">
        <v>20</v>
      </c>
      <c r="C70" s="14">
        <v>37</v>
      </c>
      <c r="D70" s="18">
        <v>57</v>
      </c>
    </row>
    <row r="71" spans="1:4" ht="18" customHeight="1" x14ac:dyDescent="0.15">
      <c r="A71" s="5" t="s">
        <v>22</v>
      </c>
      <c r="B71" s="22">
        <v>122</v>
      </c>
      <c r="C71" s="14">
        <v>156</v>
      </c>
      <c r="D71" s="18">
        <v>278</v>
      </c>
    </row>
    <row r="72" spans="1:4" ht="18" customHeight="1" x14ac:dyDescent="0.15">
      <c r="A72" s="5">
        <v>55</v>
      </c>
      <c r="B72" s="22">
        <v>28</v>
      </c>
      <c r="C72" s="14">
        <v>28</v>
      </c>
      <c r="D72" s="18">
        <v>56</v>
      </c>
    </row>
    <row r="73" spans="1:4" ht="18" customHeight="1" x14ac:dyDescent="0.15">
      <c r="A73" s="5">
        <v>56</v>
      </c>
      <c r="B73" s="22">
        <v>31</v>
      </c>
      <c r="C73" s="14">
        <v>22</v>
      </c>
      <c r="D73" s="18">
        <v>53</v>
      </c>
    </row>
    <row r="74" spans="1:4" ht="18" customHeight="1" x14ac:dyDescent="0.15">
      <c r="A74" s="5">
        <v>57</v>
      </c>
      <c r="B74" s="22">
        <v>22</v>
      </c>
      <c r="C74" s="14">
        <v>30</v>
      </c>
      <c r="D74" s="18">
        <v>52</v>
      </c>
    </row>
    <row r="75" spans="1:4" ht="18" customHeight="1" x14ac:dyDescent="0.15">
      <c r="A75" s="5">
        <v>58</v>
      </c>
      <c r="B75" s="22">
        <v>35</v>
      </c>
      <c r="C75" s="14">
        <v>35</v>
      </c>
      <c r="D75" s="18">
        <v>70</v>
      </c>
    </row>
    <row r="76" spans="1:4" ht="18" customHeight="1" x14ac:dyDescent="0.15">
      <c r="A76" s="5">
        <v>59</v>
      </c>
      <c r="B76" s="22">
        <v>19</v>
      </c>
      <c r="C76" s="14">
        <v>24</v>
      </c>
      <c r="D76" s="18">
        <v>43</v>
      </c>
    </row>
    <row r="77" spans="1:4" ht="18" customHeight="1" x14ac:dyDescent="0.15">
      <c r="A77" s="5" t="s">
        <v>27</v>
      </c>
      <c r="B77" s="22">
        <v>135</v>
      </c>
      <c r="C77" s="14">
        <v>139</v>
      </c>
      <c r="D77" s="18">
        <v>274</v>
      </c>
    </row>
    <row r="78" spans="1:4" ht="18" customHeight="1" x14ac:dyDescent="0.15">
      <c r="A78" s="5">
        <v>60</v>
      </c>
      <c r="B78" s="22">
        <v>31</v>
      </c>
      <c r="C78" s="14">
        <v>36</v>
      </c>
      <c r="D78" s="18">
        <v>67</v>
      </c>
    </row>
    <row r="79" spans="1:4" ht="18" customHeight="1" x14ac:dyDescent="0.15">
      <c r="A79" s="5">
        <v>61</v>
      </c>
      <c r="B79" s="22">
        <v>30</v>
      </c>
      <c r="C79" s="14">
        <v>26</v>
      </c>
      <c r="D79" s="18">
        <v>56</v>
      </c>
    </row>
    <row r="80" spans="1:4" ht="18" customHeight="1" x14ac:dyDescent="0.15">
      <c r="A80" s="5">
        <v>62</v>
      </c>
      <c r="B80" s="22">
        <v>27</v>
      </c>
      <c r="C80" s="14">
        <v>37</v>
      </c>
      <c r="D80" s="18">
        <v>64</v>
      </c>
    </row>
    <row r="81" spans="1:4" ht="18" customHeight="1" x14ac:dyDescent="0.15">
      <c r="A81" s="5">
        <v>63</v>
      </c>
      <c r="B81" s="22">
        <v>16</v>
      </c>
      <c r="C81" s="14">
        <v>29</v>
      </c>
      <c r="D81" s="18">
        <v>45</v>
      </c>
    </row>
    <row r="82" spans="1:4" ht="18" customHeight="1" x14ac:dyDescent="0.15">
      <c r="A82" s="5">
        <v>64</v>
      </c>
      <c r="B82" s="22">
        <v>22</v>
      </c>
      <c r="C82" s="14">
        <v>24</v>
      </c>
      <c r="D82" s="18">
        <v>46</v>
      </c>
    </row>
    <row r="83" spans="1:4" ht="18" customHeight="1" x14ac:dyDescent="0.15">
      <c r="A83" s="5" t="s">
        <v>28</v>
      </c>
      <c r="B83" s="22">
        <v>126</v>
      </c>
      <c r="C83" s="14">
        <v>152</v>
      </c>
      <c r="D83" s="18">
        <v>278</v>
      </c>
    </row>
    <row r="84" spans="1:4" ht="18" customHeight="1" x14ac:dyDescent="0.15">
      <c r="A84" s="5" t="s">
        <v>31</v>
      </c>
      <c r="B84" s="22">
        <v>922</v>
      </c>
      <c r="C84" s="14">
        <v>958</v>
      </c>
      <c r="D84" s="18">
        <v>1880</v>
      </c>
    </row>
    <row r="85" spans="1:4" ht="18" customHeight="1" x14ac:dyDescent="0.15">
      <c r="A85" s="5">
        <v>65</v>
      </c>
      <c r="B85" s="22">
        <v>20</v>
      </c>
      <c r="C85" s="14">
        <v>32</v>
      </c>
      <c r="D85" s="18">
        <v>52</v>
      </c>
    </row>
    <row r="86" spans="1:4" ht="18" customHeight="1" x14ac:dyDescent="0.15">
      <c r="A86" s="5">
        <v>66</v>
      </c>
      <c r="B86" s="22">
        <v>25</v>
      </c>
      <c r="C86" s="14">
        <v>31</v>
      </c>
      <c r="D86" s="18">
        <v>56</v>
      </c>
    </row>
    <row r="87" spans="1:4" ht="18" customHeight="1" x14ac:dyDescent="0.15">
      <c r="A87" s="5">
        <v>67</v>
      </c>
      <c r="B87" s="22">
        <v>23</v>
      </c>
      <c r="C87" s="14">
        <v>30</v>
      </c>
      <c r="D87" s="18">
        <v>53</v>
      </c>
    </row>
    <row r="88" spans="1:4" ht="18" customHeight="1" x14ac:dyDescent="0.15">
      <c r="A88" s="5">
        <v>68</v>
      </c>
      <c r="B88" s="22">
        <v>26</v>
      </c>
      <c r="C88" s="14">
        <v>29</v>
      </c>
      <c r="D88" s="18">
        <v>55</v>
      </c>
    </row>
    <row r="89" spans="1:4" ht="18" customHeight="1" x14ac:dyDescent="0.15">
      <c r="A89" s="5">
        <v>69</v>
      </c>
      <c r="B89" s="22">
        <v>20</v>
      </c>
      <c r="C89" s="14">
        <v>18</v>
      </c>
      <c r="D89" s="18">
        <v>38</v>
      </c>
    </row>
    <row r="90" spans="1:4" ht="18" customHeight="1" x14ac:dyDescent="0.15">
      <c r="A90" s="5" t="s">
        <v>20</v>
      </c>
      <c r="B90" s="22">
        <v>114</v>
      </c>
      <c r="C90" s="14">
        <v>140</v>
      </c>
      <c r="D90" s="18">
        <v>254</v>
      </c>
    </row>
    <row r="91" spans="1:4" ht="18" customHeight="1" x14ac:dyDescent="0.15">
      <c r="A91" s="5">
        <v>70</v>
      </c>
      <c r="B91" s="22">
        <v>33</v>
      </c>
      <c r="C91" s="14">
        <v>22</v>
      </c>
      <c r="D91" s="18">
        <v>55</v>
      </c>
    </row>
    <row r="92" spans="1:4" ht="18" customHeight="1" x14ac:dyDescent="0.15">
      <c r="A92" s="5">
        <v>71</v>
      </c>
      <c r="B92" s="22">
        <v>17</v>
      </c>
      <c r="C92" s="14">
        <v>26</v>
      </c>
      <c r="D92" s="18">
        <v>43</v>
      </c>
    </row>
    <row r="93" spans="1:4" ht="18" customHeight="1" x14ac:dyDescent="0.15">
      <c r="A93" s="5">
        <v>72</v>
      </c>
      <c r="B93" s="22">
        <v>25</v>
      </c>
      <c r="C93" s="14">
        <v>28</v>
      </c>
      <c r="D93" s="18">
        <v>53</v>
      </c>
    </row>
    <row r="94" spans="1:4" ht="18" customHeight="1" x14ac:dyDescent="0.15">
      <c r="A94" s="5">
        <v>73</v>
      </c>
      <c r="B94" s="22">
        <v>22</v>
      </c>
      <c r="C94" s="14">
        <v>20</v>
      </c>
      <c r="D94" s="18">
        <v>42</v>
      </c>
    </row>
    <row r="95" spans="1:4" ht="18" customHeight="1" x14ac:dyDescent="0.15">
      <c r="A95" s="5">
        <v>74</v>
      </c>
      <c r="B95" s="22">
        <v>20</v>
      </c>
      <c r="C95" s="14">
        <v>24</v>
      </c>
      <c r="D95" s="18">
        <v>44</v>
      </c>
    </row>
    <row r="96" spans="1:4" ht="18" customHeight="1" x14ac:dyDescent="0.15">
      <c r="A96" s="5" t="s">
        <v>33</v>
      </c>
      <c r="B96" s="22">
        <v>117</v>
      </c>
      <c r="C96" s="14">
        <v>120</v>
      </c>
      <c r="D96" s="18">
        <v>237</v>
      </c>
    </row>
    <row r="97" spans="1:4" ht="18" customHeight="1" x14ac:dyDescent="0.15">
      <c r="A97" s="5">
        <v>75</v>
      </c>
      <c r="B97" s="22">
        <v>28</v>
      </c>
      <c r="C97" s="14">
        <v>34</v>
      </c>
      <c r="D97" s="18">
        <v>62</v>
      </c>
    </row>
    <row r="98" spans="1:4" ht="18" customHeight="1" x14ac:dyDescent="0.15">
      <c r="A98" s="5">
        <v>76</v>
      </c>
      <c r="B98" s="22">
        <v>24</v>
      </c>
      <c r="C98" s="14">
        <v>31</v>
      </c>
      <c r="D98" s="18">
        <v>55</v>
      </c>
    </row>
    <row r="99" spans="1:4" ht="18" customHeight="1" x14ac:dyDescent="0.15">
      <c r="A99" s="5">
        <v>77</v>
      </c>
      <c r="B99" s="22">
        <v>30</v>
      </c>
      <c r="C99" s="14">
        <v>36</v>
      </c>
      <c r="D99" s="18">
        <v>66</v>
      </c>
    </row>
    <row r="100" spans="1:4" ht="18" customHeight="1" x14ac:dyDescent="0.15">
      <c r="A100" s="5">
        <v>78</v>
      </c>
      <c r="B100" s="22">
        <v>22</v>
      </c>
      <c r="C100" s="14">
        <v>28</v>
      </c>
      <c r="D100" s="18">
        <v>50</v>
      </c>
    </row>
    <row r="101" spans="1:4" ht="18" customHeight="1" x14ac:dyDescent="0.15">
      <c r="A101" s="5">
        <v>79</v>
      </c>
      <c r="B101" s="22">
        <v>7</v>
      </c>
      <c r="C101" s="14">
        <v>31</v>
      </c>
      <c r="D101" s="18">
        <v>38</v>
      </c>
    </row>
    <row r="102" spans="1:4" ht="18" customHeight="1" x14ac:dyDescent="0.15">
      <c r="A102" s="5" t="s">
        <v>0</v>
      </c>
      <c r="B102" s="22">
        <v>111</v>
      </c>
      <c r="C102" s="14">
        <v>160</v>
      </c>
      <c r="D102" s="18">
        <v>271</v>
      </c>
    </row>
    <row r="103" spans="1:4" ht="18" customHeight="1" x14ac:dyDescent="0.15">
      <c r="A103" s="5">
        <v>80</v>
      </c>
      <c r="B103" s="22">
        <v>14</v>
      </c>
      <c r="C103" s="14">
        <v>19</v>
      </c>
      <c r="D103" s="18">
        <v>33</v>
      </c>
    </row>
    <row r="104" spans="1:4" ht="18" customHeight="1" x14ac:dyDescent="0.15">
      <c r="A104" s="5">
        <v>81</v>
      </c>
      <c r="B104" s="22">
        <v>13</v>
      </c>
      <c r="C104" s="14">
        <v>18</v>
      </c>
      <c r="D104" s="18">
        <v>31</v>
      </c>
    </row>
    <row r="105" spans="1:4" ht="18" customHeight="1" x14ac:dyDescent="0.15">
      <c r="A105" s="5">
        <v>82</v>
      </c>
      <c r="B105" s="22">
        <v>10</v>
      </c>
      <c r="C105" s="14">
        <v>26</v>
      </c>
      <c r="D105" s="18">
        <v>36</v>
      </c>
    </row>
    <row r="106" spans="1:4" ht="18" customHeight="1" x14ac:dyDescent="0.15">
      <c r="A106" s="5">
        <v>83</v>
      </c>
      <c r="B106" s="22">
        <v>13</v>
      </c>
      <c r="C106" s="14">
        <v>21</v>
      </c>
      <c r="D106" s="18">
        <v>34</v>
      </c>
    </row>
    <row r="107" spans="1:4" ht="18" customHeight="1" x14ac:dyDescent="0.15">
      <c r="A107" s="5">
        <v>84</v>
      </c>
      <c r="B107" s="22">
        <v>16</v>
      </c>
      <c r="C107" s="14">
        <v>21</v>
      </c>
      <c r="D107" s="18">
        <v>37</v>
      </c>
    </row>
    <row r="108" spans="1:4" ht="18" customHeight="1" x14ac:dyDescent="0.15">
      <c r="A108" s="5" t="s">
        <v>35</v>
      </c>
      <c r="B108" s="22">
        <v>66</v>
      </c>
      <c r="C108" s="14">
        <v>105</v>
      </c>
      <c r="D108" s="18">
        <v>171</v>
      </c>
    </row>
    <row r="109" spans="1:4" ht="18" customHeight="1" x14ac:dyDescent="0.15">
      <c r="A109" s="5">
        <v>85</v>
      </c>
      <c r="B109" s="22">
        <v>7</v>
      </c>
      <c r="C109" s="14">
        <v>26</v>
      </c>
      <c r="D109" s="18">
        <v>33</v>
      </c>
    </row>
    <row r="110" spans="1:4" ht="18" customHeight="1" x14ac:dyDescent="0.15">
      <c r="A110" s="5">
        <v>86</v>
      </c>
      <c r="B110" s="22">
        <v>12</v>
      </c>
      <c r="C110" s="14">
        <v>32</v>
      </c>
      <c r="D110" s="18">
        <v>44</v>
      </c>
    </row>
    <row r="111" spans="1:4" ht="18" customHeight="1" x14ac:dyDescent="0.15">
      <c r="A111" s="5">
        <v>87</v>
      </c>
      <c r="B111" s="22">
        <v>11</v>
      </c>
      <c r="C111" s="14">
        <v>13</v>
      </c>
      <c r="D111" s="18">
        <v>24</v>
      </c>
    </row>
    <row r="112" spans="1:4" ht="18" customHeight="1" x14ac:dyDescent="0.15">
      <c r="A112" s="5">
        <v>88</v>
      </c>
      <c r="B112" s="22">
        <v>7</v>
      </c>
      <c r="C112" s="14">
        <v>14</v>
      </c>
      <c r="D112" s="18">
        <v>21</v>
      </c>
    </row>
    <row r="113" spans="1:4" ht="18" customHeight="1" x14ac:dyDescent="0.15">
      <c r="A113" s="5">
        <v>89</v>
      </c>
      <c r="B113" s="22">
        <v>7</v>
      </c>
      <c r="C113" s="14">
        <v>18</v>
      </c>
      <c r="D113" s="18">
        <v>25</v>
      </c>
    </row>
    <row r="114" spans="1:4" ht="18" customHeight="1" x14ac:dyDescent="0.15">
      <c r="A114" s="5" t="s">
        <v>37</v>
      </c>
      <c r="B114" s="22">
        <v>44</v>
      </c>
      <c r="C114" s="14">
        <v>103</v>
      </c>
      <c r="D114" s="18">
        <v>147</v>
      </c>
    </row>
    <row r="115" spans="1:4" ht="18" customHeight="1" x14ac:dyDescent="0.15">
      <c r="A115" s="5">
        <v>90</v>
      </c>
      <c r="B115" s="22">
        <v>9</v>
      </c>
      <c r="C115" s="14">
        <v>22</v>
      </c>
      <c r="D115" s="18">
        <v>31</v>
      </c>
    </row>
    <row r="116" spans="1:4" ht="18" customHeight="1" x14ac:dyDescent="0.15">
      <c r="A116" s="5">
        <v>91</v>
      </c>
      <c r="B116" s="22">
        <v>2</v>
      </c>
      <c r="C116" s="14">
        <v>18</v>
      </c>
      <c r="D116" s="18">
        <v>20</v>
      </c>
    </row>
    <row r="117" spans="1:4" ht="18" customHeight="1" x14ac:dyDescent="0.15">
      <c r="A117" s="5">
        <v>92</v>
      </c>
      <c r="B117" s="22">
        <v>5</v>
      </c>
      <c r="C117" s="14">
        <v>10</v>
      </c>
      <c r="D117" s="18">
        <v>15</v>
      </c>
    </row>
    <row r="118" spans="1:4" ht="18" customHeight="1" x14ac:dyDescent="0.15">
      <c r="A118" s="5">
        <v>93</v>
      </c>
      <c r="B118" s="22">
        <v>6</v>
      </c>
      <c r="C118" s="14">
        <v>17</v>
      </c>
      <c r="D118" s="18">
        <v>23</v>
      </c>
    </row>
    <row r="119" spans="1:4" ht="18" customHeight="1" x14ac:dyDescent="0.15">
      <c r="A119" s="5">
        <v>94</v>
      </c>
      <c r="B119" s="22">
        <v>0</v>
      </c>
      <c r="C119" s="14">
        <v>11</v>
      </c>
      <c r="D119" s="18">
        <v>11</v>
      </c>
    </row>
    <row r="120" spans="1:4" ht="18" customHeight="1" x14ac:dyDescent="0.15">
      <c r="A120" s="5" t="s">
        <v>39</v>
      </c>
      <c r="B120" s="22">
        <v>22</v>
      </c>
      <c r="C120" s="14">
        <v>78</v>
      </c>
      <c r="D120" s="18">
        <v>100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30</v>
      </c>
      <c r="D126" s="18">
        <v>3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9</v>
      </c>
      <c r="C130" s="14">
        <v>736</v>
      </c>
      <c r="D130" s="18">
        <v>1215</v>
      </c>
    </row>
    <row r="131" spans="1:4" ht="18" customHeight="1" x14ac:dyDescent="0.15">
      <c r="A131" s="7" t="s">
        <v>45</v>
      </c>
      <c r="B131" s="23">
        <v>1550</v>
      </c>
      <c r="C131" s="15">
        <v>1856</v>
      </c>
      <c r="D131" s="19">
        <v>34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4</v>
      </c>
      <c r="C10" s="14">
        <v>1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2</v>
      </c>
      <c r="C15" s="14">
        <v>3</v>
      </c>
      <c r="D15" s="18">
        <v>5</v>
      </c>
    </row>
    <row r="16" spans="1:4" ht="18" customHeight="1" x14ac:dyDescent="0.15">
      <c r="A16" s="5" t="s">
        <v>11</v>
      </c>
      <c r="B16" s="22">
        <v>5</v>
      </c>
      <c r="C16" s="14">
        <v>6</v>
      </c>
      <c r="D16" s="18">
        <v>11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2</v>
      </c>
      <c r="D18" s="18">
        <v>2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0</v>
      </c>
      <c r="C20" s="14">
        <v>1</v>
      </c>
      <c r="D20" s="18">
        <v>1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3</v>
      </c>
      <c r="C22" s="14">
        <v>6</v>
      </c>
      <c r="D22" s="18">
        <v>9</v>
      </c>
    </row>
    <row r="23" spans="1:4" ht="18" customHeight="1" x14ac:dyDescent="0.15">
      <c r="A23" s="5" t="s">
        <v>6</v>
      </c>
      <c r="B23" s="22">
        <v>12</v>
      </c>
      <c r="C23" s="14">
        <v>13</v>
      </c>
      <c r="D23" s="18">
        <v>25</v>
      </c>
    </row>
    <row r="24" spans="1:4" ht="18" customHeight="1" x14ac:dyDescent="0.15">
      <c r="A24" s="5">
        <v>15</v>
      </c>
      <c r="B24" s="22">
        <v>2</v>
      </c>
      <c r="C24" s="14">
        <v>2</v>
      </c>
      <c r="D24" s="18">
        <v>4</v>
      </c>
    </row>
    <row r="25" spans="1:4" ht="18" customHeight="1" x14ac:dyDescent="0.15">
      <c r="A25" s="5">
        <v>16</v>
      </c>
      <c r="B25" s="22">
        <v>1</v>
      </c>
      <c r="C25" s="14">
        <v>1</v>
      </c>
      <c r="D25" s="18">
        <v>2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0</v>
      </c>
      <c r="C27" s="14">
        <v>4</v>
      </c>
      <c r="D27" s="18">
        <v>4</v>
      </c>
    </row>
    <row r="28" spans="1:4" ht="18" customHeight="1" x14ac:dyDescent="0.15">
      <c r="A28" s="5">
        <v>19</v>
      </c>
      <c r="B28" s="22">
        <v>5</v>
      </c>
      <c r="C28" s="14">
        <v>0</v>
      </c>
      <c r="D28" s="18">
        <v>5</v>
      </c>
    </row>
    <row r="29" spans="1:4" ht="18" customHeight="1" x14ac:dyDescent="0.15">
      <c r="A29" s="5" t="s">
        <v>14</v>
      </c>
      <c r="B29" s="22">
        <v>9</v>
      </c>
      <c r="C29" s="14">
        <v>7</v>
      </c>
      <c r="D29" s="18">
        <v>16</v>
      </c>
    </row>
    <row r="30" spans="1:4" ht="18" customHeight="1" x14ac:dyDescent="0.15">
      <c r="A30" s="5">
        <v>20</v>
      </c>
      <c r="B30" s="22">
        <v>3</v>
      </c>
      <c r="C30" s="14">
        <v>5</v>
      </c>
      <c r="D30" s="18">
        <v>8</v>
      </c>
    </row>
    <row r="31" spans="1:4" ht="18" customHeight="1" x14ac:dyDescent="0.15">
      <c r="A31" s="5">
        <v>21</v>
      </c>
      <c r="B31" s="22">
        <v>4</v>
      </c>
      <c r="C31" s="14">
        <v>1</v>
      </c>
      <c r="D31" s="18">
        <v>5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4</v>
      </c>
      <c r="C34" s="14">
        <v>0</v>
      </c>
      <c r="D34" s="18">
        <v>4</v>
      </c>
    </row>
    <row r="35" spans="1:4" ht="18" customHeight="1" x14ac:dyDescent="0.15">
      <c r="A35" s="5" t="s">
        <v>9</v>
      </c>
      <c r="B35" s="22">
        <v>14</v>
      </c>
      <c r="C35" s="14">
        <v>11</v>
      </c>
      <c r="D35" s="18">
        <v>25</v>
      </c>
    </row>
    <row r="36" spans="1:4" ht="18" customHeight="1" x14ac:dyDescent="0.15">
      <c r="A36" s="5">
        <v>25</v>
      </c>
      <c r="B36" s="22">
        <v>0</v>
      </c>
      <c r="C36" s="14">
        <v>2</v>
      </c>
      <c r="D36" s="18">
        <v>2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4</v>
      </c>
      <c r="D38" s="18">
        <v>4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2</v>
      </c>
      <c r="D40" s="18">
        <v>3</v>
      </c>
    </row>
    <row r="41" spans="1:4" ht="18" customHeight="1" x14ac:dyDescent="0.15">
      <c r="A41" s="5" t="s">
        <v>2</v>
      </c>
      <c r="B41" s="22">
        <v>3</v>
      </c>
      <c r="C41" s="14">
        <v>8</v>
      </c>
      <c r="D41" s="18">
        <v>11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3</v>
      </c>
      <c r="C43" s="14">
        <v>2</v>
      </c>
      <c r="D43" s="18">
        <v>5</v>
      </c>
    </row>
    <row r="44" spans="1:4" ht="18" customHeight="1" x14ac:dyDescent="0.15">
      <c r="A44" s="5">
        <v>32</v>
      </c>
      <c r="B44" s="22">
        <v>3</v>
      </c>
      <c r="C44" s="14">
        <v>1</v>
      </c>
      <c r="D44" s="18">
        <v>4</v>
      </c>
    </row>
    <row r="45" spans="1:4" ht="18" customHeight="1" x14ac:dyDescent="0.15">
      <c r="A45" s="5">
        <v>33</v>
      </c>
      <c r="B45" s="22">
        <v>3</v>
      </c>
      <c r="C45" s="14">
        <v>3</v>
      </c>
      <c r="D45" s="18">
        <v>6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13</v>
      </c>
      <c r="C47" s="14">
        <v>8</v>
      </c>
      <c r="D47" s="18">
        <v>21</v>
      </c>
    </row>
    <row r="48" spans="1:4" ht="18" customHeight="1" x14ac:dyDescent="0.15">
      <c r="A48" s="5">
        <v>35</v>
      </c>
      <c r="B48" s="22">
        <v>3</v>
      </c>
      <c r="C48" s="14">
        <v>1</v>
      </c>
      <c r="D48" s="18">
        <v>4</v>
      </c>
    </row>
    <row r="49" spans="1:4" ht="18" customHeight="1" x14ac:dyDescent="0.15">
      <c r="A49" s="5">
        <v>36</v>
      </c>
      <c r="B49" s="22">
        <v>1</v>
      </c>
      <c r="C49" s="14">
        <v>5</v>
      </c>
      <c r="D49" s="18">
        <v>6</v>
      </c>
    </row>
    <row r="50" spans="1:4" ht="18" customHeight="1" x14ac:dyDescent="0.15">
      <c r="A50" s="5">
        <v>37</v>
      </c>
      <c r="B50" s="22">
        <v>2</v>
      </c>
      <c r="C50" s="14">
        <v>1</v>
      </c>
      <c r="D50" s="18">
        <v>3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4</v>
      </c>
      <c r="C52" s="14">
        <v>3</v>
      </c>
      <c r="D52" s="18">
        <v>7</v>
      </c>
    </row>
    <row r="53" spans="1:4" ht="18" customHeight="1" x14ac:dyDescent="0.15">
      <c r="A53" s="5" t="s">
        <v>18</v>
      </c>
      <c r="B53" s="22">
        <v>12</v>
      </c>
      <c r="C53" s="14">
        <v>11</v>
      </c>
      <c r="D53" s="18">
        <v>23</v>
      </c>
    </row>
    <row r="54" spans="1:4" ht="18" customHeight="1" x14ac:dyDescent="0.15">
      <c r="A54" s="5">
        <v>40</v>
      </c>
      <c r="B54" s="22">
        <v>1</v>
      </c>
      <c r="C54" s="14">
        <v>3</v>
      </c>
      <c r="D54" s="18">
        <v>4</v>
      </c>
    </row>
    <row r="55" spans="1:4" ht="18" customHeight="1" x14ac:dyDescent="0.15">
      <c r="A55" s="5">
        <v>41</v>
      </c>
      <c r="B55" s="22">
        <v>6</v>
      </c>
      <c r="C55" s="14">
        <v>2</v>
      </c>
      <c r="D55" s="18">
        <v>8</v>
      </c>
    </row>
    <row r="56" spans="1:4" ht="18" customHeight="1" x14ac:dyDescent="0.15">
      <c r="A56" s="5">
        <v>42</v>
      </c>
      <c r="B56" s="22">
        <v>5</v>
      </c>
      <c r="C56" s="14">
        <v>4</v>
      </c>
      <c r="D56" s="18">
        <v>9</v>
      </c>
    </row>
    <row r="57" spans="1:4" ht="18" customHeight="1" x14ac:dyDescent="0.15">
      <c r="A57" s="5">
        <v>43</v>
      </c>
      <c r="B57" s="22">
        <v>2</v>
      </c>
      <c r="C57" s="14">
        <v>3</v>
      </c>
      <c r="D57" s="18">
        <v>5</v>
      </c>
    </row>
    <row r="58" spans="1:4" ht="18" customHeight="1" x14ac:dyDescent="0.15">
      <c r="A58" s="5">
        <v>44</v>
      </c>
      <c r="B58" s="22">
        <v>0</v>
      </c>
      <c r="C58" s="14">
        <v>4</v>
      </c>
      <c r="D58" s="18">
        <v>4</v>
      </c>
    </row>
    <row r="59" spans="1:4" ht="18" customHeight="1" x14ac:dyDescent="0.15">
      <c r="A59" s="5" t="s">
        <v>21</v>
      </c>
      <c r="B59" s="22">
        <v>14</v>
      </c>
      <c r="C59" s="14">
        <v>16</v>
      </c>
      <c r="D59" s="18">
        <v>30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3</v>
      </c>
      <c r="D61" s="18">
        <v>6</v>
      </c>
    </row>
    <row r="62" spans="1:4" ht="18" customHeight="1" x14ac:dyDescent="0.15">
      <c r="A62" s="5">
        <v>47</v>
      </c>
      <c r="B62" s="22">
        <v>3</v>
      </c>
      <c r="C62" s="14">
        <v>3</v>
      </c>
      <c r="D62" s="18">
        <v>6</v>
      </c>
    </row>
    <row r="63" spans="1:4" ht="18" customHeight="1" x14ac:dyDescent="0.15">
      <c r="A63" s="5">
        <v>48</v>
      </c>
      <c r="B63" s="22">
        <v>2</v>
      </c>
      <c r="C63" s="14">
        <v>6</v>
      </c>
      <c r="D63" s="18">
        <v>8</v>
      </c>
    </row>
    <row r="64" spans="1:4" ht="18" customHeight="1" x14ac:dyDescent="0.15">
      <c r="A64" s="5">
        <v>49</v>
      </c>
      <c r="B64" s="22">
        <v>3</v>
      </c>
      <c r="C64" s="14">
        <v>0</v>
      </c>
      <c r="D64" s="18">
        <v>3</v>
      </c>
    </row>
    <row r="65" spans="1:4" ht="18" customHeight="1" x14ac:dyDescent="0.15">
      <c r="A65" s="5" t="s">
        <v>17</v>
      </c>
      <c r="B65" s="22">
        <v>12</v>
      </c>
      <c r="C65" s="14">
        <v>12</v>
      </c>
      <c r="D65" s="18">
        <v>24</v>
      </c>
    </row>
    <row r="66" spans="1:4" ht="18" customHeight="1" x14ac:dyDescent="0.15">
      <c r="A66" s="5">
        <v>50</v>
      </c>
      <c r="B66" s="22">
        <v>8</v>
      </c>
      <c r="C66" s="14">
        <v>2</v>
      </c>
      <c r="D66" s="18">
        <v>10</v>
      </c>
    </row>
    <row r="67" spans="1:4" ht="18" customHeight="1" x14ac:dyDescent="0.15">
      <c r="A67" s="5">
        <v>51</v>
      </c>
      <c r="B67" s="22">
        <v>3</v>
      </c>
      <c r="C67" s="14">
        <v>3</v>
      </c>
      <c r="D67" s="18">
        <v>6</v>
      </c>
    </row>
    <row r="68" spans="1:4" ht="18" customHeight="1" x14ac:dyDescent="0.15">
      <c r="A68" s="5">
        <v>52</v>
      </c>
      <c r="B68" s="22">
        <v>7</v>
      </c>
      <c r="C68" s="14">
        <v>6</v>
      </c>
      <c r="D68" s="18">
        <v>13</v>
      </c>
    </row>
    <row r="69" spans="1:4" ht="18" customHeight="1" x14ac:dyDescent="0.15">
      <c r="A69" s="5">
        <v>53</v>
      </c>
      <c r="B69" s="22">
        <v>4</v>
      </c>
      <c r="C69" s="14">
        <v>7</v>
      </c>
      <c r="D69" s="18">
        <v>11</v>
      </c>
    </row>
    <row r="70" spans="1:4" ht="18" customHeight="1" x14ac:dyDescent="0.15">
      <c r="A70" s="5">
        <v>54</v>
      </c>
      <c r="B70" s="22">
        <v>7</v>
      </c>
      <c r="C70" s="14">
        <v>3</v>
      </c>
      <c r="D70" s="18">
        <v>10</v>
      </c>
    </row>
    <row r="71" spans="1:4" ht="18" customHeight="1" x14ac:dyDescent="0.15">
      <c r="A71" s="5" t="s">
        <v>22</v>
      </c>
      <c r="B71" s="22">
        <v>29</v>
      </c>
      <c r="C71" s="14">
        <v>21</v>
      </c>
      <c r="D71" s="18">
        <v>50</v>
      </c>
    </row>
    <row r="72" spans="1:4" ht="18" customHeight="1" x14ac:dyDescent="0.15">
      <c r="A72" s="5">
        <v>55</v>
      </c>
      <c r="B72" s="22">
        <v>5</v>
      </c>
      <c r="C72" s="14">
        <v>5</v>
      </c>
      <c r="D72" s="18">
        <v>10</v>
      </c>
    </row>
    <row r="73" spans="1:4" ht="18" customHeight="1" x14ac:dyDescent="0.15">
      <c r="A73" s="5">
        <v>56</v>
      </c>
      <c r="B73" s="22">
        <v>4</v>
      </c>
      <c r="C73" s="14">
        <v>5</v>
      </c>
      <c r="D73" s="18">
        <v>9</v>
      </c>
    </row>
    <row r="74" spans="1:4" ht="18" customHeight="1" x14ac:dyDescent="0.15">
      <c r="A74" s="5">
        <v>57</v>
      </c>
      <c r="B74" s="22">
        <v>6</v>
      </c>
      <c r="C74" s="14">
        <v>6</v>
      </c>
      <c r="D74" s="18">
        <v>12</v>
      </c>
    </row>
    <row r="75" spans="1:4" ht="18" customHeight="1" x14ac:dyDescent="0.15">
      <c r="A75" s="5">
        <v>58</v>
      </c>
      <c r="B75" s="22">
        <v>4</v>
      </c>
      <c r="C75" s="14">
        <v>2</v>
      </c>
      <c r="D75" s="18">
        <v>6</v>
      </c>
    </row>
    <row r="76" spans="1:4" ht="18" customHeight="1" x14ac:dyDescent="0.15">
      <c r="A76" s="5">
        <v>59</v>
      </c>
      <c r="B76" s="22">
        <v>0</v>
      </c>
      <c r="C76" s="14">
        <v>2</v>
      </c>
      <c r="D76" s="18">
        <v>2</v>
      </c>
    </row>
    <row r="77" spans="1:4" ht="18" customHeight="1" x14ac:dyDescent="0.15">
      <c r="A77" s="5" t="s">
        <v>27</v>
      </c>
      <c r="B77" s="22">
        <v>19</v>
      </c>
      <c r="C77" s="14">
        <v>20</v>
      </c>
      <c r="D77" s="18">
        <v>39</v>
      </c>
    </row>
    <row r="78" spans="1:4" ht="18" customHeight="1" x14ac:dyDescent="0.15">
      <c r="A78" s="5">
        <v>60</v>
      </c>
      <c r="B78" s="22">
        <v>0</v>
      </c>
      <c r="C78" s="14">
        <v>6</v>
      </c>
      <c r="D78" s="18">
        <v>6</v>
      </c>
    </row>
    <row r="79" spans="1:4" ht="18" customHeight="1" x14ac:dyDescent="0.15">
      <c r="A79" s="5">
        <v>61</v>
      </c>
      <c r="B79" s="22">
        <v>0</v>
      </c>
      <c r="C79" s="14">
        <v>4</v>
      </c>
      <c r="D79" s="18">
        <v>4</v>
      </c>
    </row>
    <row r="80" spans="1:4" ht="18" customHeight="1" x14ac:dyDescent="0.15">
      <c r="A80" s="5">
        <v>62</v>
      </c>
      <c r="B80" s="22">
        <v>6</v>
      </c>
      <c r="C80" s="14">
        <v>6</v>
      </c>
      <c r="D80" s="18">
        <v>12</v>
      </c>
    </row>
    <row r="81" spans="1:4" ht="18" customHeight="1" x14ac:dyDescent="0.15">
      <c r="A81" s="5">
        <v>63</v>
      </c>
      <c r="B81" s="22">
        <v>10</v>
      </c>
      <c r="C81" s="14">
        <v>7</v>
      </c>
      <c r="D81" s="18">
        <v>17</v>
      </c>
    </row>
    <row r="82" spans="1:4" ht="18" customHeight="1" x14ac:dyDescent="0.15">
      <c r="A82" s="5">
        <v>64</v>
      </c>
      <c r="B82" s="22">
        <v>3</v>
      </c>
      <c r="C82" s="14">
        <v>6</v>
      </c>
      <c r="D82" s="18">
        <v>9</v>
      </c>
    </row>
    <row r="83" spans="1:4" ht="18" customHeight="1" x14ac:dyDescent="0.15">
      <c r="A83" s="5" t="s">
        <v>28</v>
      </c>
      <c r="B83" s="22">
        <v>19</v>
      </c>
      <c r="C83" s="14">
        <v>29</v>
      </c>
      <c r="D83" s="18">
        <v>48</v>
      </c>
    </row>
    <row r="84" spans="1:4" ht="18" customHeight="1" x14ac:dyDescent="0.15">
      <c r="A84" s="5" t="s">
        <v>31</v>
      </c>
      <c r="B84" s="22">
        <v>144</v>
      </c>
      <c r="C84" s="14">
        <v>143</v>
      </c>
      <c r="D84" s="18">
        <v>287</v>
      </c>
    </row>
    <row r="85" spans="1:4" ht="18" customHeight="1" x14ac:dyDescent="0.15">
      <c r="A85" s="5">
        <v>65</v>
      </c>
      <c r="B85" s="22">
        <v>5</v>
      </c>
      <c r="C85" s="14">
        <v>7</v>
      </c>
      <c r="D85" s="18">
        <v>12</v>
      </c>
    </row>
    <row r="86" spans="1:4" ht="18" customHeight="1" x14ac:dyDescent="0.15">
      <c r="A86" s="5">
        <v>66</v>
      </c>
      <c r="B86" s="22">
        <v>11</v>
      </c>
      <c r="C86" s="14">
        <v>7</v>
      </c>
      <c r="D86" s="18">
        <v>18</v>
      </c>
    </row>
    <row r="87" spans="1:4" ht="18" customHeight="1" x14ac:dyDescent="0.15">
      <c r="A87" s="5">
        <v>67</v>
      </c>
      <c r="B87" s="22">
        <v>6</v>
      </c>
      <c r="C87" s="14">
        <v>10</v>
      </c>
      <c r="D87" s="18">
        <v>16</v>
      </c>
    </row>
    <row r="88" spans="1:4" ht="18" customHeight="1" x14ac:dyDescent="0.15">
      <c r="A88" s="5">
        <v>68</v>
      </c>
      <c r="B88" s="22">
        <v>7</v>
      </c>
      <c r="C88" s="14">
        <v>7</v>
      </c>
      <c r="D88" s="18">
        <v>14</v>
      </c>
    </row>
    <row r="89" spans="1:4" ht="18" customHeight="1" x14ac:dyDescent="0.15">
      <c r="A89" s="5">
        <v>69</v>
      </c>
      <c r="B89" s="22">
        <v>4</v>
      </c>
      <c r="C89" s="14">
        <v>7</v>
      </c>
      <c r="D89" s="18">
        <v>11</v>
      </c>
    </row>
    <row r="90" spans="1:4" ht="18" customHeight="1" x14ac:dyDescent="0.15">
      <c r="A90" s="5" t="s">
        <v>20</v>
      </c>
      <c r="B90" s="22">
        <v>33</v>
      </c>
      <c r="C90" s="14">
        <v>38</v>
      </c>
      <c r="D90" s="18">
        <v>71</v>
      </c>
    </row>
    <row r="91" spans="1:4" ht="18" customHeight="1" x14ac:dyDescent="0.15">
      <c r="A91" s="5">
        <v>70</v>
      </c>
      <c r="B91" s="22">
        <v>3</v>
      </c>
      <c r="C91" s="14">
        <v>5</v>
      </c>
      <c r="D91" s="18">
        <v>8</v>
      </c>
    </row>
    <row r="92" spans="1:4" ht="18" customHeight="1" x14ac:dyDescent="0.15">
      <c r="A92" s="5">
        <v>71</v>
      </c>
      <c r="B92" s="22">
        <v>10</v>
      </c>
      <c r="C92" s="14">
        <v>8</v>
      </c>
      <c r="D92" s="18">
        <v>18</v>
      </c>
    </row>
    <row r="93" spans="1:4" ht="18" customHeight="1" x14ac:dyDescent="0.15">
      <c r="A93" s="5">
        <v>72</v>
      </c>
      <c r="B93" s="22">
        <v>5</v>
      </c>
      <c r="C93" s="14">
        <v>8</v>
      </c>
      <c r="D93" s="18">
        <v>13</v>
      </c>
    </row>
    <row r="94" spans="1:4" ht="18" customHeight="1" x14ac:dyDescent="0.15">
      <c r="A94" s="5">
        <v>73</v>
      </c>
      <c r="B94" s="22">
        <v>1</v>
      </c>
      <c r="C94" s="14">
        <v>4</v>
      </c>
      <c r="D94" s="18">
        <v>5</v>
      </c>
    </row>
    <row r="95" spans="1:4" ht="18" customHeight="1" x14ac:dyDescent="0.15">
      <c r="A95" s="5">
        <v>74</v>
      </c>
      <c r="B95" s="22">
        <v>5</v>
      </c>
      <c r="C95" s="14">
        <v>10</v>
      </c>
      <c r="D95" s="18">
        <v>15</v>
      </c>
    </row>
    <row r="96" spans="1:4" ht="18" customHeight="1" x14ac:dyDescent="0.15">
      <c r="A96" s="5" t="s">
        <v>33</v>
      </c>
      <c r="B96" s="22">
        <v>24</v>
      </c>
      <c r="C96" s="14">
        <v>35</v>
      </c>
      <c r="D96" s="18">
        <v>59</v>
      </c>
    </row>
    <row r="97" spans="1:4" ht="18" customHeight="1" x14ac:dyDescent="0.15">
      <c r="A97" s="5">
        <v>75</v>
      </c>
      <c r="B97" s="22">
        <v>10</v>
      </c>
      <c r="C97" s="14">
        <v>10</v>
      </c>
      <c r="D97" s="18">
        <v>20</v>
      </c>
    </row>
    <row r="98" spans="1:4" ht="18" customHeight="1" x14ac:dyDescent="0.15">
      <c r="A98" s="5">
        <v>76</v>
      </c>
      <c r="B98" s="22">
        <v>7</v>
      </c>
      <c r="C98" s="14">
        <v>9</v>
      </c>
      <c r="D98" s="18">
        <v>16</v>
      </c>
    </row>
    <row r="99" spans="1:4" ht="18" customHeight="1" x14ac:dyDescent="0.15">
      <c r="A99" s="5">
        <v>77</v>
      </c>
      <c r="B99" s="22">
        <v>10</v>
      </c>
      <c r="C99" s="14">
        <v>14</v>
      </c>
      <c r="D99" s="18">
        <v>24</v>
      </c>
    </row>
    <row r="100" spans="1:4" ht="18" customHeight="1" x14ac:dyDescent="0.15">
      <c r="A100" s="5">
        <v>78</v>
      </c>
      <c r="B100" s="22">
        <v>8</v>
      </c>
      <c r="C100" s="14">
        <v>8</v>
      </c>
      <c r="D100" s="18">
        <v>16</v>
      </c>
    </row>
    <row r="101" spans="1:4" ht="18" customHeight="1" x14ac:dyDescent="0.15">
      <c r="A101" s="5">
        <v>79</v>
      </c>
      <c r="B101" s="22">
        <v>8</v>
      </c>
      <c r="C101" s="14">
        <v>12</v>
      </c>
      <c r="D101" s="18">
        <v>20</v>
      </c>
    </row>
    <row r="102" spans="1:4" ht="18" customHeight="1" x14ac:dyDescent="0.15">
      <c r="A102" s="5" t="s">
        <v>0</v>
      </c>
      <c r="B102" s="22">
        <v>43</v>
      </c>
      <c r="C102" s="14">
        <v>53</v>
      </c>
      <c r="D102" s="18">
        <v>96</v>
      </c>
    </row>
    <row r="103" spans="1:4" ht="18" customHeight="1" x14ac:dyDescent="0.15">
      <c r="A103" s="5">
        <v>80</v>
      </c>
      <c r="B103" s="22">
        <v>6</v>
      </c>
      <c r="C103" s="14">
        <v>7</v>
      </c>
      <c r="D103" s="18">
        <v>13</v>
      </c>
    </row>
    <row r="104" spans="1:4" ht="18" customHeight="1" x14ac:dyDescent="0.15">
      <c r="A104" s="5">
        <v>81</v>
      </c>
      <c r="B104" s="22">
        <v>1</v>
      </c>
      <c r="C104" s="14">
        <v>11</v>
      </c>
      <c r="D104" s="18">
        <v>12</v>
      </c>
    </row>
    <row r="105" spans="1:4" ht="18" customHeight="1" x14ac:dyDescent="0.15">
      <c r="A105" s="5">
        <v>82</v>
      </c>
      <c r="B105" s="22">
        <v>6</v>
      </c>
      <c r="C105" s="14">
        <v>4</v>
      </c>
      <c r="D105" s="18">
        <v>10</v>
      </c>
    </row>
    <row r="106" spans="1:4" ht="18" customHeight="1" x14ac:dyDescent="0.15">
      <c r="A106" s="5">
        <v>83</v>
      </c>
      <c r="B106" s="22">
        <v>8</v>
      </c>
      <c r="C106" s="14">
        <v>11</v>
      </c>
      <c r="D106" s="18">
        <v>19</v>
      </c>
    </row>
    <row r="107" spans="1:4" ht="18" customHeight="1" x14ac:dyDescent="0.15">
      <c r="A107" s="5">
        <v>84</v>
      </c>
      <c r="B107" s="22">
        <v>3</v>
      </c>
      <c r="C107" s="14">
        <v>9</v>
      </c>
      <c r="D107" s="18">
        <v>12</v>
      </c>
    </row>
    <row r="108" spans="1:4" ht="18" customHeight="1" x14ac:dyDescent="0.15">
      <c r="A108" s="5" t="s">
        <v>35</v>
      </c>
      <c r="B108" s="22">
        <v>24</v>
      </c>
      <c r="C108" s="14">
        <v>42</v>
      </c>
      <c r="D108" s="18">
        <v>66</v>
      </c>
    </row>
    <row r="109" spans="1:4" ht="18" customHeight="1" x14ac:dyDescent="0.15">
      <c r="A109" s="5">
        <v>85</v>
      </c>
      <c r="B109" s="22">
        <v>8</v>
      </c>
      <c r="C109" s="14">
        <v>8</v>
      </c>
      <c r="D109" s="18">
        <v>16</v>
      </c>
    </row>
    <row r="110" spans="1:4" ht="18" customHeight="1" x14ac:dyDescent="0.15">
      <c r="A110" s="5">
        <v>86</v>
      </c>
      <c r="B110" s="22">
        <v>3</v>
      </c>
      <c r="C110" s="14">
        <v>5</v>
      </c>
      <c r="D110" s="18">
        <v>8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3</v>
      </c>
      <c r="C112" s="14">
        <v>11</v>
      </c>
      <c r="D112" s="18">
        <v>14</v>
      </c>
    </row>
    <row r="113" spans="1:4" ht="18" customHeight="1" x14ac:dyDescent="0.15">
      <c r="A113" s="5">
        <v>89</v>
      </c>
      <c r="B113" s="22">
        <v>5</v>
      </c>
      <c r="C113" s="14">
        <v>5</v>
      </c>
      <c r="D113" s="18">
        <v>10</v>
      </c>
    </row>
    <row r="114" spans="1:4" ht="18" customHeight="1" x14ac:dyDescent="0.15">
      <c r="A114" s="5" t="s">
        <v>37</v>
      </c>
      <c r="B114" s="22">
        <v>21</v>
      </c>
      <c r="C114" s="14">
        <v>34</v>
      </c>
      <c r="D114" s="18">
        <v>55</v>
      </c>
    </row>
    <row r="115" spans="1:4" ht="18" customHeight="1" x14ac:dyDescent="0.15">
      <c r="A115" s="5">
        <v>90</v>
      </c>
      <c r="B115" s="22">
        <v>2</v>
      </c>
      <c r="C115" s="14">
        <v>7</v>
      </c>
      <c r="D115" s="18">
        <v>9</v>
      </c>
    </row>
    <row r="116" spans="1:4" ht="18" customHeight="1" x14ac:dyDescent="0.15">
      <c r="A116" s="5">
        <v>91</v>
      </c>
      <c r="B116" s="22">
        <v>8</v>
      </c>
      <c r="C116" s="14">
        <v>7</v>
      </c>
      <c r="D116" s="18">
        <v>15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2</v>
      </c>
      <c r="C118" s="14">
        <v>5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4</v>
      </c>
      <c r="D119" s="18">
        <v>5</v>
      </c>
    </row>
    <row r="120" spans="1:4" ht="18" customHeight="1" x14ac:dyDescent="0.15">
      <c r="A120" s="5" t="s">
        <v>39</v>
      </c>
      <c r="B120" s="22">
        <v>16</v>
      </c>
      <c r="C120" s="14">
        <v>31</v>
      </c>
      <c r="D120" s="18">
        <v>47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2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9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64</v>
      </c>
      <c r="C130" s="14">
        <v>244</v>
      </c>
      <c r="D130" s="18">
        <v>408</v>
      </c>
    </row>
    <row r="131" spans="1:4" ht="18" customHeight="1" x14ac:dyDescent="0.15">
      <c r="A131" s="7" t="s">
        <v>45</v>
      </c>
      <c r="B131" s="23">
        <v>320</v>
      </c>
      <c r="C131" s="15">
        <v>400</v>
      </c>
      <c r="D131" s="19">
        <v>7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2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5</v>
      </c>
      <c r="D5" s="31">
        <v>9</v>
      </c>
    </row>
    <row r="6" spans="1:4" ht="18" customHeight="1" x14ac:dyDescent="0.15">
      <c r="A6" s="5">
        <v>1</v>
      </c>
      <c r="B6" s="27">
        <v>10</v>
      </c>
      <c r="C6" s="14">
        <v>3</v>
      </c>
      <c r="D6" s="18">
        <v>13</v>
      </c>
    </row>
    <row r="7" spans="1:4" ht="18" customHeight="1" x14ac:dyDescent="0.15">
      <c r="A7" s="5">
        <v>2</v>
      </c>
      <c r="B7" s="27">
        <v>6</v>
      </c>
      <c r="C7" s="14">
        <v>7</v>
      </c>
      <c r="D7" s="18">
        <v>13</v>
      </c>
    </row>
    <row r="8" spans="1:4" ht="18" customHeight="1" x14ac:dyDescent="0.15">
      <c r="A8" s="5">
        <v>3</v>
      </c>
      <c r="B8" s="27">
        <v>6</v>
      </c>
      <c r="C8" s="14">
        <v>7</v>
      </c>
      <c r="D8" s="18">
        <v>13</v>
      </c>
    </row>
    <row r="9" spans="1:4" ht="18" customHeight="1" x14ac:dyDescent="0.15">
      <c r="A9" s="5">
        <v>4</v>
      </c>
      <c r="B9" s="28">
        <v>9</v>
      </c>
      <c r="C9" s="30">
        <v>13</v>
      </c>
      <c r="D9" s="32">
        <v>22</v>
      </c>
    </row>
    <row r="10" spans="1:4" ht="18" customHeight="1" x14ac:dyDescent="0.15">
      <c r="A10" s="5" t="s">
        <v>7</v>
      </c>
      <c r="B10" s="22">
        <v>35</v>
      </c>
      <c r="C10" s="14">
        <v>35</v>
      </c>
      <c r="D10" s="18">
        <v>70</v>
      </c>
    </row>
    <row r="11" spans="1:4" ht="18" customHeight="1" x14ac:dyDescent="0.15">
      <c r="A11" s="5">
        <v>5</v>
      </c>
      <c r="B11" s="27">
        <v>9</v>
      </c>
      <c r="C11" s="14">
        <v>8</v>
      </c>
      <c r="D11" s="18">
        <v>17</v>
      </c>
    </row>
    <row r="12" spans="1:4" ht="18" customHeight="1" x14ac:dyDescent="0.15">
      <c r="A12" s="5">
        <v>6</v>
      </c>
      <c r="B12" s="27">
        <v>12</v>
      </c>
      <c r="C12" s="14">
        <v>13</v>
      </c>
      <c r="D12" s="18">
        <v>25</v>
      </c>
    </row>
    <row r="13" spans="1:4" ht="18" customHeight="1" x14ac:dyDescent="0.15">
      <c r="A13" s="5">
        <v>7</v>
      </c>
      <c r="B13" s="27">
        <v>14</v>
      </c>
      <c r="C13" s="14">
        <v>13</v>
      </c>
      <c r="D13" s="18">
        <v>27</v>
      </c>
    </row>
    <row r="14" spans="1:4" ht="18" customHeight="1" x14ac:dyDescent="0.15">
      <c r="A14" s="5">
        <v>8</v>
      </c>
      <c r="B14" s="27">
        <v>18</v>
      </c>
      <c r="C14" s="14">
        <v>20</v>
      </c>
      <c r="D14" s="18">
        <v>38</v>
      </c>
    </row>
    <row r="15" spans="1:4" ht="18" customHeight="1" x14ac:dyDescent="0.15">
      <c r="A15" s="5">
        <v>9</v>
      </c>
      <c r="B15" s="27">
        <v>23</v>
      </c>
      <c r="C15" s="14">
        <v>9</v>
      </c>
      <c r="D15" s="18">
        <v>32</v>
      </c>
    </row>
    <row r="16" spans="1:4" ht="18" customHeight="1" x14ac:dyDescent="0.15">
      <c r="A16" s="5" t="s">
        <v>11</v>
      </c>
      <c r="B16" s="22">
        <v>76</v>
      </c>
      <c r="C16" s="14">
        <v>63</v>
      </c>
      <c r="D16" s="18">
        <v>139</v>
      </c>
    </row>
    <row r="17" spans="1:4" ht="18" customHeight="1" x14ac:dyDescent="0.15">
      <c r="A17" s="5">
        <v>10</v>
      </c>
      <c r="B17" s="22">
        <v>12</v>
      </c>
      <c r="C17" s="14">
        <v>16</v>
      </c>
      <c r="D17" s="18">
        <v>28</v>
      </c>
    </row>
    <row r="18" spans="1:4" ht="18" customHeight="1" x14ac:dyDescent="0.15">
      <c r="A18" s="5">
        <v>11</v>
      </c>
      <c r="B18" s="22">
        <v>20</v>
      </c>
      <c r="C18" s="14">
        <v>14</v>
      </c>
      <c r="D18" s="18">
        <v>34</v>
      </c>
    </row>
    <row r="19" spans="1:4" ht="18" customHeight="1" x14ac:dyDescent="0.15">
      <c r="A19" s="5">
        <v>12</v>
      </c>
      <c r="B19" s="22">
        <v>11</v>
      </c>
      <c r="C19" s="14">
        <v>22</v>
      </c>
      <c r="D19" s="18">
        <v>33</v>
      </c>
    </row>
    <row r="20" spans="1:4" ht="18" customHeight="1" x14ac:dyDescent="0.15">
      <c r="A20" s="5">
        <v>13</v>
      </c>
      <c r="B20" s="22">
        <v>29</v>
      </c>
      <c r="C20" s="14">
        <v>18</v>
      </c>
      <c r="D20" s="18">
        <v>47</v>
      </c>
    </row>
    <row r="21" spans="1:4" ht="18" customHeight="1" x14ac:dyDescent="0.15">
      <c r="A21" s="5">
        <v>14</v>
      </c>
      <c r="B21" s="22">
        <v>27</v>
      </c>
      <c r="C21" s="14">
        <v>13</v>
      </c>
      <c r="D21" s="18">
        <v>40</v>
      </c>
    </row>
    <row r="22" spans="1:4" ht="18" customHeight="1" x14ac:dyDescent="0.15">
      <c r="A22" s="5" t="s">
        <v>12</v>
      </c>
      <c r="B22" s="22">
        <v>99</v>
      </c>
      <c r="C22" s="14">
        <v>83</v>
      </c>
      <c r="D22" s="18">
        <v>182</v>
      </c>
    </row>
    <row r="23" spans="1:4" ht="18" customHeight="1" x14ac:dyDescent="0.15">
      <c r="A23" s="5" t="s">
        <v>6</v>
      </c>
      <c r="B23" s="22">
        <v>210</v>
      </c>
      <c r="C23" s="14">
        <v>181</v>
      </c>
      <c r="D23" s="18">
        <v>391</v>
      </c>
    </row>
    <row r="24" spans="1:4" ht="18" customHeight="1" x14ac:dyDescent="0.15">
      <c r="A24" s="5">
        <v>15</v>
      </c>
      <c r="B24" s="22">
        <v>17</v>
      </c>
      <c r="C24" s="14">
        <v>15</v>
      </c>
      <c r="D24" s="18">
        <v>32</v>
      </c>
    </row>
    <row r="25" spans="1:4" ht="18" customHeight="1" x14ac:dyDescent="0.15">
      <c r="A25" s="5">
        <v>16</v>
      </c>
      <c r="B25" s="22">
        <v>27</v>
      </c>
      <c r="C25" s="14">
        <v>24</v>
      </c>
      <c r="D25" s="18">
        <v>51</v>
      </c>
    </row>
    <row r="26" spans="1:4" ht="18" customHeight="1" x14ac:dyDescent="0.15">
      <c r="A26" s="5">
        <v>17</v>
      </c>
      <c r="B26" s="22">
        <v>26</v>
      </c>
      <c r="C26" s="14">
        <v>26</v>
      </c>
      <c r="D26" s="18">
        <v>52</v>
      </c>
    </row>
    <row r="27" spans="1:4" ht="18" customHeight="1" x14ac:dyDescent="0.15">
      <c r="A27" s="5">
        <v>18</v>
      </c>
      <c r="B27" s="22">
        <v>25</v>
      </c>
      <c r="C27" s="14">
        <v>29</v>
      </c>
      <c r="D27" s="18">
        <v>54</v>
      </c>
    </row>
    <row r="28" spans="1:4" ht="18" customHeight="1" x14ac:dyDescent="0.15">
      <c r="A28" s="5">
        <v>19</v>
      </c>
      <c r="B28" s="22">
        <v>22</v>
      </c>
      <c r="C28" s="14">
        <v>18</v>
      </c>
      <c r="D28" s="18">
        <v>40</v>
      </c>
    </row>
    <row r="29" spans="1:4" ht="18" customHeight="1" x14ac:dyDescent="0.15">
      <c r="A29" s="5" t="s">
        <v>14</v>
      </c>
      <c r="B29" s="22">
        <v>117</v>
      </c>
      <c r="C29" s="14">
        <v>112</v>
      </c>
      <c r="D29" s="18">
        <v>229</v>
      </c>
    </row>
    <row r="30" spans="1:4" ht="18" customHeight="1" x14ac:dyDescent="0.15">
      <c r="A30" s="5">
        <v>20</v>
      </c>
      <c r="B30" s="22">
        <v>26</v>
      </c>
      <c r="C30" s="14">
        <v>22</v>
      </c>
      <c r="D30" s="18">
        <v>48</v>
      </c>
    </row>
    <row r="31" spans="1:4" ht="18" customHeight="1" x14ac:dyDescent="0.15">
      <c r="A31" s="5">
        <v>21</v>
      </c>
      <c r="B31" s="22">
        <v>37</v>
      </c>
      <c r="C31" s="14">
        <v>33</v>
      </c>
      <c r="D31" s="18">
        <v>70</v>
      </c>
    </row>
    <row r="32" spans="1:4" ht="18" customHeight="1" x14ac:dyDescent="0.15">
      <c r="A32" s="5">
        <v>22</v>
      </c>
      <c r="B32" s="22">
        <v>32</v>
      </c>
      <c r="C32" s="14">
        <v>26</v>
      </c>
      <c r="D32" s="18">
        <v>58</v>
      </c>
    </row>
    <row r="33" spans="1:4" ht="18" customHeight="1" x14ac:dyDescent="0.15">
      <c r="A33" s="5">
        <v>23</v>
      </c>
      <c r="B33" s="22">
        <v>30</v>
      </c>
      <c r="C33" s="14">
        <v>28</v>
      </c>
      <c r="D33" s="18">
        <v>58</v>
      </c>
    </row>
    <row r="34" spans="1:4" ht="18" customHeight="1" x14ac:dyDescent="0.15">
      <c r="A34" s="5">
        <v>24</v>
      </c>
      <c r="B34" s="22">
        <v>19</v>
      </c>
      <c r="C34" s="14">
        <v>29</v>
      </c>
      <c r="D34" s="18">
        <v>48</v>
      </c>
    </row>
    <row r="35" spans="1:4" ht="18" customHeight="1" x14ac:dyDescent="0.15">
      <c r="A35" s="5" t="s">
        <v>9</v>
      </c>
      <c r="B35" s="22">
        <v>144</v>
      </c>
      <c r="C35" s="14">
        <v>138</v>
      </c>
      <c r="D35" s="18">
        <v>282</v>
      </c>
    </row>
    <row r="36" spans="1:4" ht="18" customHeight="1" x14ac:dyDescent="0.15">
      <c r="A36" s="5">
        <v>25</v>
      </c>
      <c r="B36" s="22">
        <v>26</v>
      </c>
      <c r="C36" s="14">
        <v>20</v>
      </c>
      <c r="D36" s="18">
        <v>46</v>
      </c>
    </row>
    <row r="37" spans="1:4" ht="18" customHeight="1" x14ac:dyDescent="0.15">
      <c r="A37" s="5">
        <v>26</v>
      </c>
      <c r="B37" s="22">
        <v>21</v>
      </c>
      <c r="C37" s="14">
        <v>10</v>
      </c>
      <c r="D37" s="18">
        <v>31</v>
      </c>
    </row>
    <row r="38" spans="1:4" ht="18" customHeight="1" x14ac:dyDescent="0.15">
      <c r="A38" s="5">
        <v>27</v>
      </c>
      <c r="B38" s="22">
        <v>22</v>
      </c>
      <c r="C38" s="14">
        <v>24</v>
      </c>
      <c r="D38" s="18">
        <v>46</v>
      </c>
    </row>
    <row r="39" spans="1:4" ht="18" customHeight="1" x14ac:dyDescent="0.15">
      <c r="A39" s="5">
        <v>28</v>
      </c>
      <c r="B39" s="22">
        <v>26</v>
      </c>
      <c r="C39" s="14">
        <v>16</v>
      </c>
      <c r="D39" s="18">
        <v>42</v>
      </c>
    </row>
    <row r="40" spans="1:4" ht="18" customHeight="1" x14ac:dyDescent="0.15">
      <c r="A40" s="5">
        <v>29</v>
      </c>
      <c r="B40" s="22">
        <v>19</v>
      </c>
      <c r="C40" s="14">
        <v>15</v>
      </c>
      <c r="D40" s="18">
        <v>34</v>
      </c>
    </row>
    <row r="41" spans="1:4" ht="18" customHeight="1" x14ac:dyDescent="0.15">
      <c r="A41" s="5" t="s">
        <v>2</v>
      </c>
      <c r="B41" s="22">
        <v>114</v>
      </c>
      <c r="C41" s="14">
        <v>85</v>
      </c>
      <c r="D41" s="18">
        <v>199</v>
      </c>
    </row>
    <row r="42" spans="1:4" ht="18" customHeight="1" x14ac:dyDescent="0.15">
      <c r="A42" s="5">
        <v>30</v>
      </c>
      <c r="B42" s="22">
        <v>16</v>
      </c>
      <c r="C42" s="14">
        <v>16</v>
      </c>
      <c r="D42" s="18">
        <v>32</v>
      </c>
    </row>
    <row r="43" spans="1:4" ht="18" customHeight="1" x14ac:dyDescent="0.15">
      <c r="A43" s="5">
        <v>31</v>
      </c>
      <c r="B43" s="22">
        <v>18</v>
      </c>
      <c r="C43" s="14">
        <v>17</v>
      </c>
      <c r="D43" s="18">
        <v>35</v>
      </c>
    </row>
    <row r="44" spans="1:4" ht="18" customHeight="1" x14ac:dyDescent="0.15">
      <c r="A44" s="5">
        <v>32</v>
      </c>
      <c r="B44" s="22">
        <v>14</v>
      </c>
      <c r="C44" s="14">
        <v>17</v>
      </c>
      <c r="D44" s="18">
        <v>31</v>
      </c>
    </row>
    <row r="45" spans="1:4" ht="18" customHeight="1" x14ac:dyDescent="0.15">
      <c r="A45" s="5">
        <v>33</v>
      </c>
      <c r="B45" s="22">
        <v>9</v>
      </c>
      <c r="C45" s="14">
        <v>12</v>
      </c>
      <c r="D45" s="18">
        <v>21</v>
      </c>
    </row>
    <row r="46" spans="1:4" ht="18" customHeight="1" x14ac:dyDescent="0.15">
      <c r="A46" s="5">
        <v>34</v>
      </c>
      <c r="B46" s="22">
        <v>14</v>
      </c>
      <c r="C46" s="14">
        <v>8</v>
      </c>
      <c r="D46" s="18">
        <v>22</v>
      </c>
    </row>
    <row r="47" spans="1:4" ht="18" customHeight="1" x14ac:dyDescent="0.15">
      <c r="A47" s="5" t="s">
        <v>15</v>
      </c>
      <c r="B47" s="22">
        <v>71</v>
      </c>
      <c r="C47" s="14">
        <v>70</v>
      </c>
      <c r="D47" s="18">
        <v>141</v>
      </c>
    </row>
    <row r="48" spans="1:4" ht="18" customHeight="1" x14ac:dyDescent="0.15">
      <c r="A48" s="5">
        <v>35</v>
      </c>
      <c r="B48" s="22">
        <v>8</v>
      </c>
      <c r="C48" s="14">
        <v>17</v>
      </c>
      <c r="D48" s="18">
        <v>25</v>
      </c>
    </row>
    <row r="49" spans="1:4" ht="18" customHeight="1" x14ac:dyDescent="0.15">
      <c r="A49" s="5">
        <v>36</v>
      </c>
      <c r="B49" s="22">
        <v>22</v>
      </c>
      <c r="C49" s="14">
        <v>14</v>
      </c>
      <c r="D49" s="18">
        <v>36</v>
      </c>
    </row>
    <row r="50" spans="1:4" ht="18" customHeight="1" x14ac:dyDescent="0.15">
      <c r="A50" s="5">
        <v>37</v>
      </c>
      <c r="B50" s="22">
        <v>21</v>
      </c>
      <c r="C50" s="14">
        <v>21</v>
      </c>
      <c r="D50" s="18">
        <v>42</v>
      </c>
    </row>
    <row r="51" spans="1:4" ht="18" customHeight="1" x14ac:dyDescent="0.15">
      <c r="A51" s="5">
        <v>38</v>
      </c>
      <c r="B51" s="22">
        <v>16</v>
      </c>
      <c r="C51" s="14">
        <v>13</v>
      </c>
      <c r="D51" s="18">
        <v>29</v>
      </c>
    </row>
    <row r="52" spans="1:4" ht="18" customHeight="1" x14ac:dyDescent="0.15">
      <c r="A52" s="5">
        <v>39</v>
      </c>
      <c r="B52" s="22">
        <v>17</v>
      </c>
      <c r="C52" s="14">
        <v>13</v>
      </c>
      <c r="D52" s="18">
        <v>30</v>
      </c>
    </row>
    <row r="53" spans="1:4" ht="18" customHeight="1" x14ac:dyDescent="0.15">
      <c r="A53" s="5" t="s">
        <v>18</v>
      </c>
      <c r="B53" s="22">
        <v>84</v>
      </c>
      <c r="C53" s="14">
        <v>78</v>
      </c>
      <c r="D53" s="18">
        <v>162</v>
      </c>
    </row>
    <row r="54" spans="1:4" ht="18" customHeight="1" x14ac:dyDescent="0.15">
      <c r="A54" s="5">
        <v>40</v>
      </c>
      <c r="B54" s="22">
        <v>18</v>
      </c>
      <c r="C54" s="14">
        <v>14</v>
      </c>
      <c r="D54" s="18">
        <v>32</v>
      </c>
    </row>
    <row r="55" spans="1:4" ht="18" customHeight="1" x14ac:dyDescent="0.15">
      <c r="A55" s="5">
        <v>41</v>
      </c>
      <c r="B55" s="22">
        <v>19</v>
      </c>
      <c r="C55" s="14">
        <v>20</v>
      </c>
      <c r="D55" s="18">
        <v>39</v>
      </c>
    </row>
    <row r="56" spans="1:4" ht="18" customHeight="1" x14ac:dyDescent="0.15">
      <c r="A56" s="5">
        <v>42</v>
      </c>
      <c r="B56" s="22">
        <v>24</v>
      </c>
      <c r="C56" s="14">
        <v>27</v>
      </c>
      <c r="D56" s="18">
        <v>51</v>
      </c>
    </row>
    <row r="57" spans="1:4" ht="18" customHeight="1" x14ac:dyDescent="0.15">
      <c r="A57" s="5">
        <v>43</v>
      </c>
      <c r="B57" s="22">
        <v>19</v>
      </c>
      <c r="C57" s="14">
        <v>27</v>
      </c>
      <c r="D57" s="18">
        <v>46</v>
      </c>
    </row>
    <row r="58" spans="1:4" ht="18" customHeight="1" x14ac:dyDescent="0.15">
      <c r="A58" s="5">
        <v>44</v>
      </c>
      <c r="B58" s="22">
        <v>22</v>
      </c>
      <c r="C58" s="14">
        <v>32</v>
      </c>
      <c r="D58" s="18">
        <v>54</v>
      </c>
    </row>
    <row r="59" spans="1:4" ht="18" customHeight="1" x14ac:dyDescent="0.15">
      <c r="A59" s="5" t="s">
        <v>21</v>
      </c>
      <c r="B59" s="22">
        <v>102</v>
      </c>
      <c r="C59" s="14">
        <v>120</v>
      </c>
      <c r="D59" s="18">
        <v>222</v>
      </c>
    </row>
    <row r="60" spans="1:4" ht="18" customHeight="1" x14ac:dyDescent="0.15">
      <c r="A60" s="5">
        <v>45</v>
      </c>
      <c r="B60" s="22">
        <v>23</v>
      </c>
      <c r="C60" s="14">
        <v>24</v>
      </c>
      <c r="D60" s="18">
        <v>47</v>
      </c>
    </row>
    <row r="61" spans="1:4" ht="18" customHeight="1" x14ac:dyDescent="0.15">
      <c r="A61" s="5">
        <v>46</v>
      </c>
      <c r="B61" s="22">
        <v>36</v>
      </c>
      <c r="C61" s="14">
        <v>23</v>
      </c>
      <c r="D61" s="18">
        <v>59</v>
      </c>
    </row>
    <row r="62" spans="1:4" ht="18" customHeight="1" x14ac:dyDescent="0.15">
      <c r="A62" s="5">
        <v>47</v>
      </c>
      <c r="B62" s="22">
        <v>33</v>
      </c>
      <c r="C62" s="14">
        <v>37</v>
      </c>
      <c r="D62" s="18">
        <v>70</v>
      </c>
    </row>
    <row r="63" spans="1:4" ht="18" customHeight="1" x14ac:dyDescent="0.15">
      <c r="A63" s="5">
        <v>48</v>
      </c>
      <c r="B63" s="22">
        <v>37</v>
      </c>
      <c r="C63" s="14">
        <v>35</v>
      </c>
      <c r="D63" s="18">
        <v>72</v>
      </c>
    </row>
    <row r="64" spans="1:4" ht="18" customHeight="1" x14ac:dyDescent="0.15">
      <c r="A64" s="5">
        <v>49</v>
      </c>
      <c r="B64" s="22">
        <v>43</v>
      </c>
      <c r="C64" s="14">
        <v>32</v>
      </c>
      <c r="D64" s="18">
        <v>75</v>
      </c>
    </row>
    <row r="65" spans="1:4" ht="18" customHeight="1" x14ac:dyDescent="0.15">
      <c r="A65" s="5" t="s">
        <v>17</v>
      </c>
      <c r="B65" s="22">
        <v>172</v>
      </c>
      <c r="C65" s="14">
        <v>151</v>
      </c>
      <c r="D65" s="18">
        <v>323</v>
      </c>
    </row>
    <row r="66" spans="1:4" ht="18" customHeight="1" x14ac:dyDescent="0.15">
      <c r="A66" s="5">
        <v>50</v>
      </c>
      <c r="B66" s="22">
        <v>42</v>
      </c>
      <c r="C66" s="14">
        <v>40</v>
      </c>
      <c r="D66" s="18">
        <v>82</v>
      </c>
    </row>
    <row r="67" spans="1:4" ht="18" customHeight="1" x14ac:dyDescent="0.15">
      <c r="A67" s="5">
        <v>51</v>
      </c>
      <c r="B67" s="22">
        <v>44</v>
      </c>
      <c r="C67" s="14">
        <v>48</v>
      </c>
      <c r="D67" s="18">
        <v>92</v>
      </c>
    </row>
    <row r="68" spans="1:4" ht="18" customHeight="1" x14ac:dyDescent="0.15">
      <c r="A68" s="5">
        <v>52</v>
      </c>
      <c r="B68" s="22">
        <v>54</v>
      </c>
      <c r="C68" s="14">
        <v>59</v>
      </c>
      <c r="D68" s="18">
        <v>113</v>
      </c>
    </row>
    <row r="69" spans="1:4" ht="18" customHeight="1" x14ac:dyDescent="0.15">
      <c r="A69" s="5">
        <v>53</v>
      </c>
      <c r="B69" s="22">
        <v>47</v>
      </c>
      <c r="C69" s="14">
        <v>55</v>
      </c>
      <c r="D69" s="18">
        <v>102</v>
      </c>
    </row>
    <row r="70" spans="1:4" ht="18" customHeight="1" x14ac:dyDescent="0.15">
      <c r="A70" s="5">
        <v>54</v>
      </c>
      <c r="B70" s="22">
        <v>50</v>
      </c>
      <c r="C70" s="14">
        <v>55</v>
      </c>
      <c r="D70" s="18">
        <v>105</v>
      </c>
    </row>
    <row r="71" spans="1:4" ht="18" customHeight="1" x14ac:dyDescent="0.15">
      <c r="A71" s="5" t="s">
        <v>22</v>
      </c>
      <c r="B71" s="22">
        <v>237</v>
      </c>
      <c r="C71" s="14">
        <v>257</v>
      </c>
      <c r="D71" s="18">
        <v>494</v>
      </c>
    </row>
    <row r="72" spans="1:4" ht="18" customHeight="1" x14ac:dyDescent="0.15">
      <c r="A72" s="5">
        <v>55</v>
      </c>
      <c r="B72" s="22">
        <v>49</v>
      </c>
      <c r="C72" s="14">
        <v>59</v>
      </c>
      <c r="D72" s="18">
        <v>108</v>
      </c>
    </row>
    <row r="73" spans="1:4" ht="18" customHeight="1" x14ac:dyDescent="0.15">
      <c r="A73" s="5">
        <v>56</v>
      </c>
      <c r="B73" s="22">
        <v>47</v>
      </c>
      <c r="C73" s="14">
        <v>35</v>
      </c>
      <c r="D73" s="18">
        <v>82</v>
      </c>
    </row>
    <row r="74" spans="1:4" ht="18" customHeight="1" x14ac:dyDescent="0.15">
      <c r="A74" s="5">
        <v>57</v>
      </c>
      <c r="B74" s="22">
        <v>42</v>
      </c>
      <c r="C74" s="14">
        <v>37</v>
      </c>
      <c r="D74" s="18">
        <v>79</v>
      </c>
    </row>
    <row r="75" spans="1:4" ht="18" customHeight="1" x14ac:dyDescent="0.15">
      <c r="A75" s="5">
        <v>58</v>
      </c>
      <c r="B75" s="22">
        <v>49</v>
      </c>
      <c r="C75" s="14">
        <v>44</v>
      </c>
      <c r="D75" s="18">
        <v>93</v>
      </c>
    </row>
    <row r="76" spans="1:4" ht="18" customHeight="1" x14ac:dyDescent="0.15">
      <c r="A76" s="5">
        <v>59</v>
      </c>
      <c r="B76" s="22">
        <v>29</v>
      </c>
      <c r="C76" s="14">
        <v>28</v>
      </c>
      <c r="D76" s="18">
        <v>57</v>
      </c>
    </row>
    <row r="77" spans="1:4" ht="18" customHeight="1" x14ac:dyDescent="0.15">
      <c r="A77" s="5" t="s">
        <v>27</v>
      </c>
      <c r="B77" s="22">
        <v>216</v>
      </c>
      <c r="C77" s="14">
        <v>203</v>
      </c>
      <c r="D77" s="18">
        <v>419</v>
      </c>
    </row>
    <row r="78" spans="1:4" ht="18" customHeight="1" x14ac:dyDescent="0.15">
      <c r="A78" s="5">
        <v>60</v>
      </c>
      <c r="B78" s="22">
        <v>34</v>
      </c>
      <c r="C78" s="14">
        <v>25</v>
      </c>
      <c r="D78" s="18">
        <v>59</v>
      </c>
    </row>
    <row r="79" spans="1:4" ht="18" customHeight="1" x14ac:dyDescent="0.15">
      <c r="A79" s="5">
        <v>61</v>
      </c>
      <c r="B79" s="22">
        <v>28</v>
      </c>
      <c r="C79" s="14">
        <v>30</v>
      </c>
      <c r="D79" s="18">
        <v>58</v>
      </c>
    </row>
    <row r="80" spans="1:4" ht="18" customHeight="1" x14ac:dyDescent="0.15">
      <c r="A80" s="5">
        <v>62</v>
      </c>
      <c r="B80" s="22">
        <v>41</v>
      </c>
      <c r="C80" s="14">
        <v>25</v>
      </c>
      <c r="D80" s="18">
        <v>66</v>
      </c>
    </row>
    <row r="81" spans="1:4" ht="18" customHeight="1" x14ac:dyDescent="0.15">
      <c r="A81" s="5">
        <v>63</v>
      </c>
      <c r="B81" s="22">
        <v>39</v>
      </c>
      <c r="C81" s="14">
        <v>43</v>
      </c>
      <c r="D81" s="18">
        <v>82</v>
      </c>
    </row>
    <row r="82" spans="1:4" ht="18" customHeight="1" x14ac:dyDescent="0.15">
      <c r="A82" s="5">
        <v>64</v>
      </c>
      <c r="B82" s="22">
        <v>27</v>
      </c>
      <c r="C82" s="14">
        <v>29</v>
      </c>
      <c r="D82" s="18">
        <v>56</v>
      </c>
    </row>
    <row r="83" spans="1:4" ht="18" customHeight="1" x14ac:dyDescent="0.15">
      <c r="A83" s="5" t="s">
        <v>28</v>
      </c>
      <c r="B83" s="22">
        <v>169</v>
      </c>
      <c r="C83" s="14">
        <v>152</v>
      </c>
      <c r="D83" s="18">
        <v>321</v>
      </c>
    </row>
    <row r="84" spans="1:4" ht="18" customHeight="1" x14ac:dyDescent="0.15">
      <c r="A84" s="5" t="s">
        <v>31</v>
      </c>
      <c r="B84" s="22">
        <v>1426</v>
      </c>
      <c r="C84" s="14">
        <v>1366</v>
      </c>
      <c r="D84" s="18">
        <v>2792</v>
      </c>
    </row>
    <row r="85" spans="1:4" ht="18" customHeight="1" x14ac:dyDescent="0.15">
      <c r="A85" s="5">
        <v>65</v>
      </c>
      <c r="B85" s="22">
        <v>25</v>
      </c>
      <c r="C85" s="14">
        <v>32</v>
      </c>
      <c r="D85" s="18">
        <v>57</v>
      </c>
    </row>
    <row r="86" spans="1:4" ht="18" customHeight="1" x14ac:dyDescent="0.15">
      <c r="A86" s="5">
        <v>66</v>
      </c>
      <c r="B86" s="22">
        <v>24</v>
      </c>
      <c r="C86" s="14">
        <v>31</v>
      </c>
      <c r="D86" s="18">
        <v>55</v>
      </c>
    </row>
    <row r="87" spans="1:4" ht="18" customHeight="1" x14ac:dyDescent="0.15">
      <c r="A87" s="5">
        <v>67</v>
      </c>
      <c r="B87" s="22">
        <v>35</v>
      </c>
      <c r="C87" s="14">
        <v>30</v>
      </c>
      <c r="D87" s="18">
        <v>65</v>
      </c>
    </row>
    <row r="88" spans="1:4" ht="18" customHeight="1" x14ac:dyDescent="0.15">
      <c r="A88" s="5">
        <v>68</v>
      </c>
      <c r="B88" s="22">
        <v>28</v>
      </c>
      <c r="C88" s="14">
        <v>29</v>
      </c>
      <c r="D88" s="18">
        <v>57</v>
      </c>
    </row>
    <row r="89" spans="1:4" ht="18" customHeight="1" x14ac:dyDescent="0.15">
      <c r="A89" s="5">
        <v>69</v>
      </c>
      <c r="B89" s="22">
        <v>29</v>
      </c>
      <c r="C89" s="14">
        <v>27</v>
      </c>
      <c r="D89" s="18">
        <v>56</v>
      </c>
    </row>
    <row r="90" spans="1:4" ht="18" customHeight="1" x14ac:dyDescent="0.15">
      <c r="A90" s="5" t="s">
        <v>20</v>
      </c>
      <c r="B90" s="22">
        <v>141</v>
      </c>
      <c r="C90" s="14">
        <v>149</v>
      </c>
      <c r="D90" s="18">
        <v>290</v>
      </c>
    </row>
    <row r="91" spans="1:4" ht="18" customHeight="1" x14ac:dyDescent="0.15">
      <c r="A91" s="5">
        <v>70</v>
      </c>
      <c r="B91" s="22">
        <v>29</v>
      </c>
      <c r="C91" s="14">
        <v>33</v>
      </c>
      <c r="D91" s="18">
        <v>62</v>
      </c>
    </row>
    <row r="92" spans="1:4" ht="18" customHeight="1" x14ac:dyDescent="0.15">
      <c r="A92" s="5">
        <v>71</v>
      </c>
      <c r="B92" s="22">
        <v>38</v>
      </c>
      <c r="C92" s="14">
        <v>26</v>
      </c>
      <c r="D92" s="18">
        <v>64</v>
      </c>
    </row>
    <row r="93" spans="1:4" ht="18" customHeight="1" x14ac:dyDescent="0.15">
      <c r="A93" s="5">
        <v>72</v>
      </c>
      <c r="B93" s="22">
        <v>31</v>
      </c>
      <c r="C93" s="14">
        <v>37</v>
      </c>
      <c r="D93" s="18">
        <v>68</v>
      </c>
    </row>
    <row r="94" spans="1:4" ht="18" customHeight="1" x14ac:dyDescent="0.15">
      <c r="A94" s="5">
        <v>73</v>
      </c>
      <c r="B94" s="22">
        <v>31</v>
      </c>
      <c r="C94" s="14">
        <v>30</v>
      </c>
      <c r="D94" s="18">
        <v>61</v>
      </c>
    </row>
    <row r="95" spans="1:4" ht="18" customHeight="1" x14ac:dyDescent="0.15">
      <c r="A95" s="5">
        <v>74</v>
      </c>
      <c r="B95" s="22">
        <v>32</v>
      </c>
      <c r="C95" s="14">
        <v>31</v>
      </c>
      <c r="D95" s="18">
        <v>63</v>
      </c>
    </row>
    <row r="96" spans="1:4" ht="18" customHeight="1" x14ac:dyDescent="0.15">
      <c r="A96" s="5" t="s">
        <v>33</v>
      </c>
      <c r="B96" s="22">
        <v>161</v>
      </c>
      <c r="C96" s="14">
        <v>157</v>
      </c>
      <c r="D96" s="18">
        <v>318</v>
      </c>
    </row>
    <row r="97" spans="1:4" ht="18" customHeight="1" x14ac:dyDescent="0.15">
      <c r="A97" s="5">
        <v>75</v>
      </c>
      <c r="B97" s="22">
        <v>28</v>
      </c>
      <c r="C97" s="14">
        <v>38</v>
      </c>
      <c r="D97" s="18">
        <v>66</v>
      </c>
    </row>
    <row r="98" spans="1:4" ht="18" customHeight="1" x14ac:dyDescent="0.15">
      <c r="A98" s="5">
        <v>76</v>
      </c>
      <c r="B98" s="22">
        <v>34</v>
      </c>
      <c r="C98" s="14">
        <v>37</v>
      </c>
      <c r="D98" s="18">
        <v>71</v>
      </c>
    </row>
    <row r="99" spans="1:4" ht="18" customHeight="1" x14ac:dyDescent="0.15">
      <c r="A99" s="5">
        <v>77</v>
      </c>
      <c r="B99" s="22">
        <v>40</v>
      </c>
      <c r="C99" s="14">
        <v>54</v>
      </c>
      <c r="D99" s="18">
        <v>94</v>
      </c>
    </row>
    <row r="100" spans="1:4" ht="18" customHeight="1" x14ac:dyDescent="0.15">
      <c r="A100" s="5">
        <v>78</v>
      </c>
      <c r="B100" s="22">
        <v>34</v>
      </c>
      <c r="C100" s="14">
        <v>47</v>
      </c>
      <c r="D100" s="18">
        <v>81</v>
      </c>
    </row>
    <row r="101" spans="1:4" ht="18" customHeight="1" x14ac:dyDescent="0.15">
      <c r="A101" s="5">
        <v>79</v>
      </c>
      <c r="B101" s="22">
        <v>29</v>
      </c>
      <c r="C101" s="14">
        <v>37</v>
      </c>
      <c r="D101" s="18">
        <v>66</v>
      </c>
    </row>
    <row r="102" spans="1:4" ht="18" customHeight="1" x14ac:dyDescent="0.15">
      <c r="A102" s="5" t="s">
        <v>0</v>
      </c>
      <c r="B102" s="22">
        <v>165</v>
      </c>
      <c r="C102" s="14">
        <v>213</v>
      </c>
      <c r="D102" s="18">
        <v>378</v>
      </c>
    </row>
    <row r="103" spans="1:4" ht="18" customHeight="1" x14ac:dyDescent="0.15">
      <c r="A103" s="5">
        <v>80</v>
      </c>
      <c r="B103" s="22">
        <v>19</v>
      </c>
      <c r="C103" s="14">
        <v>23</v>
      </c>
      <c r="D103" s="18">
        <v>42</v>
      </c>
    </row>
    <row r="104" spans="1:4" ht="18" customHeight="1" x14ac:dyDescent="0.15">
      <c r="A104" s="5">
        <v>81</v>
      </c>
      <c r="B104" s="22">
        <v>17</v>
      </c>
      <c r="C104" s="14">
        <v>37</v>
      </c>
      <c r="D104" s="18">
        <v>54</v>
      </c>
    </row>
    <row r="105" spans="1:4" ht="18" customHeight="1" x14ac:dyDescent="0.15">
      <c r="A105" s="5">
        <v>82</v>
      </c>
      <c r="B105" s="22">
        <v>18</v>
      </c>
      <c r="C105" s="14">
        <v>21</v>
      </c>
      <c r="D105" s="18">
        <v>39</v>
      </c>
    </row>
    <row r="106" spans="1:4" ht="18" customHeight="1" x14ac:dyDescent="0.15">
      <c r="A106" s="5">
        <v>83</v>
      </c>
      <c r="B106" s="22">
        <v>17</v>
      </c>
      <c r="C106" s="14">
        <v>22</v>
      </c>
      <c r="D106" s="18">
        <v>39</v>
      </c>
    </row>
    <row r="107" spans="1:4" ht="18" customHeight="1" x14ac:dyDescent="0.15">
      <c r="A107" s="5">
        <v>84</v>
      </c>
      <c r="B107" s="22">
        <v>13</v>
      </c>
      <c r="C107" s="14">
        <v>22</v>
      </c>
      <c r="D107" s="18">
        <v>35</v>
      </c>
    </row>
    <row r="108" spans="1:4" ht="18" customHeight="1" x14ac:dyDescent="0.15">
      <c r="A108" s="5" t="s">
        <v>35</v>
      </c>
      <c r="B108" s="22">
        <v>84</v>
      </c>
      <c r="C108" s="14">
        <v>125</v>
      </c>
      <c r="D108" s="18">
        <v>209</v>
      </c>
    </row>
    <row r="109" spans="1:4" ht="18" customHeight="1" x14ac:dyDescent="0.15">
      <c r="A109" s="5">
        <v>85</v>
      </c>
      <c r="B109" s="22">
        <v>13</v>
      </c>
      <c r="C109" s="14">
        <v>26</v>
      </c>
      <c r="D109" s="18">
        <v>39</v>
      </c>
    </row>
    <row r="110" spans="1:4" ht="18" customHeight="1" x14ac:dyDescent="0.15">
      <c r="A110" s="5">
        <v>86</v>
      </c>
      <c r="B110" s="22">
        <v>8</v>
      </c>
      <c r="C110" s="14">
        <v>17</v>
      </c>
      <c r="D110" s="18">
        <v>25</v>
      </c>
    </row>
    <row r="111" spans="1:4" ht="18" customHeight="1" x14ac:dyDescent="0.15">
      <c r="A111" s="5">
        <v>87</v>
      </c>
      <c r="B111" s="22">
        <v>9</v>
      </c>
      <c r="C111" s="14">
        <v>17</v>
      </c>
      <c r="D111" s="18">
        <v>26</v>
      </c>
    </row>
    <row r="112" spans="1:4" ht="18" customHeight="1" x14ac:dyDescent="0.15">
      <c r="A112" s="5">
        <v>88</v>
      </c>
      <c r="B112" s="22">
        <v>6</v>
      </c>
      <c r="C112" s="14">
        <v>10</v>
      </c>
      <c r="D112" s="18">
        <v>16</v>
      </c>
    </row>
    <row r="113" spans="1:4" ht="18" customHeight="1" x14ac:dyDescent="0.15">
      <c r="A113" s="5">
        <v>89</v>
      </c>
      <c r="B113" s="22">
        <v>5</v>
      </c>
      <c r="C113" s="14">
        <v>19</v>
      </c>
      <c r="D113" s="18">
        <v>24</v>
      </c>
    </row>
    <row r="114" spans="1:4" ht="18" customHeight="1" x14ac:dyDescent="0.15">
      <c r="A114" s="5" t="s">
        <v>37</v>
      </c>
      <c r="B114" s="22">
        <v>41</v>
      </c>
      <c r="C114" s="14">
        <v>89</v>
      </c>
      <c r="D114" s="18">
        <v>130</v>
      </c>
    </row>
    <row r="115" spans="1:4" ht="18" customHeight="1" x14ac:dyDescent="0.15">
      <c r="A115" s="5">
        <v>90</v>
      </c>
      <c r="B115" s="22">
        <v>7</v>
      </c>
      <c r="C115" s="14">
        <v>13</v>
      </c>
      <c r="D115" s="18">
        <v>20</v>
      </c>
    </row>
    <row r="116" spans="1:4" ht="18" customHeight="1" x14ac:dyDescent="0.15">
      <c r="A116" s="5">
        <v>91</v>
      </c>
      <c r="B116" s="22">
        <v>4</v>
      </c>
      <c r="C116" s="14">
        <v>6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15</v>
      </c>
      <c r="D117" s="18">
        <v>18</v>
      </c>
    </row>
    <row r="118" spans="1:4" ht="18" customHeight="1" x14ac:dyDescent="0.15">
      <c r="A118" s="5">
        <v>93</v>
      </c>
      <c r="B118" s="22">
        <v>2</v>
      </c>
      <c r="C118" s="14">
        <v>10</v>
      </c>
      <c r="D118" s="18">
        <v>12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7</v>
      </c>
      <c r="C120" s="14">
        <v>50</v>
      </c>
      <c r="D120" s="18">
        <v>67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16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615</v>
      </c>
      <c r="C130" s="14">
        <v>808</v>
      </c>
      <c r="D130" s="18">
        <v>1423</v>
      </c>
    </row>
    <row r="131" spans="1:4" ht="18" customHeight="1" x14ac:dyDescent="0.15">
      <c r="A131" s="7" t="s">
        <v>45</v>
      </c>
      <c r="B131" s="23">
        <v>2251</v>
      </c>
      <c r="C131" s="15">
        <v>2355</v>
      </c>
      <c r="D131" s="19">
        <v>46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1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1</v>
      </c>
      <c r="C7" s="14">
        <v>0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4</v>
      </c>
      <c r="C10" s="14">
        <v>4</v>
      </c>
      <c r="D10" s="18">
        <v>8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7">
        <v>5</v>
      </c>
      <c r="C15" s="14">
        <v>1</v>
      </c>
      <c r="D15" s="18">
        <v>6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3</v>
      </c>
      <c r="C17" s="14">
        <v>4</v>
      </c>
      <c r="D17" s="18">
        <v>7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1</v>
      </c>
      <c r="C19" s="14">
        <v>2</v>
      </c>
      <c r="D19" s="18">
        <v>3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2</v>
      </c>
      <c r="C21" s="14">
        <v>3</v>
      </c>
      <c r="D21" s="18">
        <v>5</v>
      </c>
    </row>
    <row r="22" spans="1:4" ht="18" customHeight="1" x14ac:dyDescent="0.15">
      <c r="A22" s="5" t="s">
        <v>12</v>
      </c>
      <c r="B22" s="22">
        <v>10</v>
      </c>
      <c r="C22" s="14">
        <v>12</v>
      </c>
      <c r="D22" s="18">
        <v>22</v>
      </c>
    </row>
    <row r="23" spans="1:4" ht="18" customHeight="1" x14ac:dyDescent="0.15">
      <c r="A23" s="5" t="s">
        <v>6</v>
      </c>
      <c r="B23" s="22">
        <v>25</v>
      </c>
      <c r="C23" s="14">
        <v>23</v>
      </c>
      <c r="D23" s="18">
        <v>48</v>
      </c>
    </row>
    <row r="24" spans="1:4" ht="18" customHeight="1" x14ac:dyDescent="0.15">
      <c r="A24" s="5">
        <v>15</v>
      </c>
      <c r="B24" s="22">
        <v>4</v>
      </c>
      <c r="C24" s="14">
        <v>1</v>
      </c>
      <c r="D24" s="18">
        <v>5</v>
      </c>
    </row>
    <row r="25" spans="1:4" ht="18" customHeight="1" x14ac:dyDescent="0.15">
      <c r="A25" s="5">
        <v>16</v>
      </c>
      <c r="B25" s="22">
        <v>4</v>
      </c>
      <c r="C25" s="14">
        <v>4</v>
      </c>
      <c r="D25" s="18">
        <v>8</v>
      </c>
    </row>
    <row r="26" spans="1:4" ht="18" customHeight="1" x14ac:dyDescent="0.15">
      <c r="A26" s="5">
        <v>17</v>
      </c>
      <c r="B26" s="22">
        <v>2</v>
      </c>
      <c r="C26" s="14">
        <v>3</v>
      </c>
      <c r="D26" s="18">
        <v>5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3</v>
      </c>
      <c r="C28" s="14">
        <v>2</v>
      </c>
      <c r="D28" s="18">
        <v>5</v>
      </c>
    </row>
    <row r="29" spans="1:4" ht="18" customHeight="1" x14ac:dyDescent="0.15">
      <c r="A29" s="5" t="s">
        <v>14</v>
      </c>
      <c r="B29" s="22">
        <v>13</v>
      </c>
      <c r="C29" s="14">
        <v>12</v>
      </c>
      <c r="D29" s="18">
        <v>25</v>
      </c>
    </row>
    <row r="30" spans="1:4" ht="18" customHeight="1" x14ac:dyDescent="0.15">
      <c r="A30" s="5">
        <v>20</v>
      </c>
      <c r="B30" s="22">
        <v>5</v>
      </c>
      <c r="C30" s="14">
        <v>1</v>
      </c>
      <c r="D30" s="18">
        <v>6</v>
      </c>
    </row>
    <row r="31" spans="1:4" ht="18" customHeight="1" x14ac:dyDescent="0.15">
      <c r="A31" s="5">
        <v>21</v>
      </c>
      <c r="B31" s="22">
        <v>8</v>
      </c>
      <c r="C31" s="14">
        <v>5</v>
      </c>
      <c r="D31" s="18">
        <v>13</v>
      </c>
    </row>
    <row r="32" spans="1:4" ht="18" customHeight="1" x14ac:dyDescent="0.15">
      <c r="A32" s="5">
        <v>22</v>
      </c>
      <c r="B32" s="22">
        <v>1</v>
      </c>
      <c r="C32" s="14">
        <v>5</v>
      </c>
      <c r="D32" s="18">
        <v>6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1</v>
      </c>
      <c r="C34" s="14">
        <v>1</v>
      </c>
      <c r="D34" s="18">
        <v>2</v>
      </c>
    </row>
    <row r="35" spans="1:4" ht="18" customHeight="1" x14ac:dyDescent="0.15">
      <c r="A35" s="5" t="s">
        <v>9</v>
      </c>
      <c r="B35" s="22">
        <v>17</v>
      </c>
      <c r="C35" s="14">
        <v>16</v>
      </c>
      <c r="D35" s="18">
        <v>33</v>
      </c>
    </row>
    <row r="36" spans="1:4" ht="18" customHeight="1" x14ac:dyDescent="0.15">
      <c r="A36" s="5">
        <v>25</v>
      </c>
      <c r="B36" s="22">
        <v>4</v>
      </c>
      <c r="C36" s="14">
        <v>6</v>
      </c>
      <c r="D36" s="18">
        <v>10</v>
      </c>
    </row>
    <row r="37" spans="1:4" ht="18" customHeight="1" x14ac:dyDescent="0.15">
      <c r="A37" s="5">
        <v>26</v>
      </c>
      <c r="B37" s="22">
        <v>4</v>
      </c>
      <c r="C37" s="14">
        <v>2</v>
      </c>
      <c r="D37" s="18">
        <v>6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3</v>
      </c>
      <c r="D40" s="18">
        <v>4</v>
      </c>
    </row>
    <row r="41" spans="1:4" ht="18" customHeight="1" x14ac:dyDescent="0.15">
      <c r="A41" s="5" t="s">
        <v>2</v>
      </c>
      <c r="B41" s="22">
        <v>15</v>
      </c>
      <c r="C41" s="14">
        <v>15</v>
      </c>
      <c r="D41" s="18">
        <v>30</v>
      </c>
    </row>
    <row r="42" spans="1:4" ht="18" customHeight="1" x14ac:dyDescent="0.15">
      <c r="A42" s="5">
        <v>30</v>
      </c>
      <c r="B42" s="22">
        <v>2</v>
      </c>
      <c r="C42" s="14">
        <v>6</v>
      </c>
      <c r="D42" s="18">
        <v>8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6</v>
      </c>
      <c r="C44" s="14">
        <v>1</v>
      </c>
      <c r="D44" s="18">
        <v>7</v>
      </c>
    </row>
    <row r="45" spans="1:4" ht="18" customHeight="1" x14ac:dyDescent="0.15">
      <c r="A45" s="5">
        <v>33</v>
      </c>
      <c r="B45" s="22">
        <v>2</v>
      </c>
      <c r="C45" s="14">
        <v>0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3</v>
      </c>
      <c r="C47" s="14">
        <v>8</v>
      </c>
      <c r="D47" s="18">
        <v>21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9</v>
      </c>
      <c r="C49" s="14">
        <v>5</v>
      </c>
      <c r="D49" s="18">
        <v>14</v>
      </c>
    </row>
    <row r="50" spans="1:4" ht="18" customHeight="1" x14ac:dyDescent="0.15">
      <c r="A50" s="5">
        <v>37</v>
      </c>
      <c r="B50" s="22">
        <v>5</v>
      </c>
      <c r="C50" s="14">
        <v>0</v>
      </c>
      <c r="D50" s="18">
        <v>5</v>
      </c>
    </row>
    <row r="51" spans="1:4" ht="18" customHeight="1" x14ac:dyDescent="0.15">
      <c r="A51" s="5">
        <v>38</v>
      </c>
      <c r="B51" s="22">
        <v>4</v>
      </c>
      <c r="C51" s="14">
        <v>2</v>
      </c>
      <c r="D51" s="18">
        <v>6</v>
      </c>
    </row>
    <row r="52" spans="1:4" ht="18" customHeight="1" x14ac:dyDescent="0.15">
      <c r="A52" s="5">
        <v>39</v>
      </c>
      <c r="B52" s="22">
        <v>6</v>
      </c>
      <c r="C52" s="14">
        <v>3</v>
      </c>
      <c r="D52" s="18">
        <v>9</v>
      </c>
    </row>
    <row r="53" spans="1:4" ht="18" customHeight="1" x14ac:dyDescent="0.15">
      <c r="A53" s="5" t="s">
        <v>18</v>
      </c>
      <c r="B53" s="22">
        <v>27</v>
      </c>
      <c r="C53" s="14">
        <v>14</v>
      </c>
      <c r="D53" s="18">
        <v>41</v>
      </c>
    </row>
    <row r="54" spans="1:4" ht="18" customHeight="1" x14ac:dyDescent="0.15">
      <c r="A54" s="5">
        <v>40</v>
      </c>
      <c r="B54" s="22">
        <v>5</v>
      </c>
      <c r="C54" s="14">
        <v>2</v>
      </c>
      <c r="D54" s="18">
        <v>7</v>
      </c>
    </row>
    <row r="55" spans="1:4" ht="18" customHeight="1" x14ac:dyDescent="0.15">
      <c r="A55" s="5">
        <v>41</v>
      </c>
      <c r="B55" s="22">
        <v>2</v>
      </c>
      <c r="C55" s="14">
        <v>4</v>
      </c>
      <c r="D55" s="18">
        <v>6</v>
      </c>
    </row>
    <row r="56" spans="1:4" ht="18" customHeight="1" x14ac:dyDescent="0.15">
      <c r="A56" s="5">
        <v>42</v>
      </c>
      <c r="B56" s="22">
        <v>1</v>
      </c>
      <c r="C56" s="14">
        <v>4</v>
      </c>
      <c r="D56" s="18">
        <v>5</v>
      </c>
    </row>
    <row r="57" spans="1:4" ht="18" customHeight="1" x14ac:dyDescent="0.15">
      <c r="A57" s="5">
        <v>43</v>
      </c>
      <c r="B57" s="22">
        <v>4</v>
      </c>
      <c r="C57" s="14">
        <v>5</v>
      </c>
      <c r="D57" s="18">
        <v>9</v>
      </c>
    </row>
    <row r="58" spans="1:4" ht="18" customHeight="1" x14ac:dyDescent="0.15">
      <c r="A58" s="5">
        <v>44</v>
      </c>
      <c r="B58" s="22">
        <v>4</v>
      </c>
      <c r="C58" s="14">
        <v>4</v>
      </c>
      <c r="D58" s="18">
        <v>8</v>
      </c>
    </row>
    <row r="59" spans="1:4" ht="18" customHeight="1" x14ac:dyDescent="0.15">
      <c r="A59" s="5" t="s">
        <v>21</v>
      </c>
      <c r="B59" s="22">
        <v>16</v>
      </c>
      <c r="C59" s="14">
        <v>19</v>
      </c>
      <c r="D59" s="18">
        <v>35</v>
      </c>
    </row>
    <row r="60" spans="1:4" ht="18" customHeight="1" x14ac:dyDescent="0.15">
      <c r="A60" s="5">
        <v>45</v>
      </c>
      <c r="B60" s="22">
        <v>2</v>
      </c>
      <c r="C60" s="14">
        <v>2</v>
      </c>
      <c r="D60" s="18">
        <v>4</v>
      </c>
    </row>
    <row r="61" spans="1:4" ht="18" customHeight="1" x14ac:dyDescent="0.15">
      <c r="A61" s="5">
        <v>46</v>
      </c>
      <c r="B61" s="22">
        <v>3</v>
      </c>
      <c r="C61" s="14">
        <v>7</v>
      </c>
      <c r="D61" s="18">
        <v>10</v>
      </c>
    </row>
    <row r="62" spans="1:4" ht="18" customHeight="1" x14ac:dyDescent="0.15">
      <c r="A62" s="5">
        <v>47</v>
      </c>
      <c r="B62" s="22">
        <v>9</v>
      </c>
      <c r="C62" s="14">
        <v>1</v>
      </c>
      <c r="D62" s="18">
        <v>10</v>
      </c>
    </row>
    <row r="63" spans="1:4" ht="18" customHeight="1" x14ac:dyDescent="0.15">
      <c r="A63" s="5">
        <v>48</v>
      </c>
      <c r="B63" s="22">
        <v>4</v>
      </c>
      <c r="C63" s="14">
        <v>0</v>
      </c>
      <c r="D63" s="18">
        <v>4</v>
      </c>
    </row>
    <row r="64" spans="1:4" ht="18" customHeight="1" x14ac:dyDescent="0.15">
      <c r="A64" s="5">
        <v>49</v>
      </c>
      <c r="B64" s="22">
        <v>5</v>
      </c>
      <c r="C64" s="14">
        <v>4</v>
      </c>
      <c r="D64" s="18">
        <v>9</v>
      </c>
    </row>
    <row r="65" spans="1:4" ht="18" customHeight="1" x14ac:dyDescent="0.15">
      <c r="A65" s="5" t="s">
        <v>17</v>
      </c>
      <c r="B65" s="22">
        <v>23</v>
      </c>
      <c r="C65" s="14">
        <v>14</v>
      </c>
      <c r="D65" s="18">
        <v>37</v>
      </c>
    </row>
    <row r="66" spans="1:4" ht="18" customHeight="1" x14ac:dyDescent="0.15">
      <c r="A66" s="5">
        <v>50</v>
      </c>
      <c r="B66" s="22">
        <v>6</v>
      </c>
      <c r="C66" s="14">
        <v>9</v>
      </c>
      <c r="D66" s="18">
        <v>15</v>
      </c>
    </row>
    <row r="67" spans="1:4" ht="18" customHeight="1" x14ac:dyDescent="0.15">
      <c r="A67" s="5">
        <v>51</v>
      </c>
      <c r="B67" s="22">
        <v>7</v>
      </c>
      <c r="C67" s="14">
        <v>5</v>
      </c>
      <c r="D67" s="18">
        <v>12</v>
      </c>
    </row>
    <row r="68" spans="1:4" ht="18" customHeight="1" x14ac:dyDescent="0.15">
      <c r="A68" s="5">
        <v>52</v>
      </c>
      <c r="B68" s="22">
        <v>4</v>
      </c>
      <c r="C68" s="14">
        <v>6</v>
      </c>
      <c r="D68" s="18">
        <v>10</v>
      </c>
    </row>
    <row r="69" spans="1:4" ht="18" customHeight="1" x14ac:dyDescent="0.15">
      <c r="A69" s="5">
        <v>53</v>
      </c>
      <c r="B69" s="22">
        <v>3</v>
      </c>
      <c r="C69" s="14">
        <v>5</v>
      </c>
      <c r="D69" s="18">
        <v>8</v>
      </c>
    </row>
    <row r="70" spans="1:4" ht="18" customHeight="1" x14ac:dyDescent="0.15">
      <c r="A70" s="5">
        <v>54</v>
      </c>
      <c r="B70" s="22">
        <v>3</v>
      </c>
      <c r="C70" s="14">
        <v>4</v>
      </c>
      <c r="D70" s="18">
        <v>7</v>
      </c>
    </row>
    <row r="71" spans="1:4" ht="18" customHeight="1" x14ac:dyDescent="0.15">
      <c r="A71" s="5" t="s">
        <v>22</v>
      </c>
      <c r="B71" s="22">
        <v>23</v>
      </c>
      <c r="C71" s="14">
        <v>29</v>
      </c>
      <c r="D71" s="18">
        <v>52</v>
      </c>
    </row>
    <row r="72" spans="1:4" ht="18" customHeight="1" x14ac:dyDescent="0.15">
      <c r="A72" s="5">
        <v>55</v>
      </c>
      <c r="B72" s="22">
        <v>4</v>
      </c>
      <c r="C72" s="14">
        <v>3</v>
      </c>
      <c r="D72" s="18">
        <v>7</v>
      </c>
    </row>
    <row r="73" spans="1:4" ht="18" customHeight="1" x14ac:dyDescent="0.15">
      <c r="A73" s="5">
        <v>56</v>
      </c>
      <c r="B73" s="22">
        <v>8</v>
      </c>
      <c r="C73" s="14">
        <v>5</v>
      </c>
      <c r="D73" s="18">
        <v>13</v>
      </c>
    </row>
    <row r="74" spans="1:4" ht="18" customHeight="1" x14ac:dyDescent="0.15">
      <c r="A74" s="5">
        <v>57</v>
      </c>
      <c r="B74" s="22">
        <v>9</v>
      </c>
      <c r="C74" s="14">
        <v>4</v>
      </c>
      <c r="D74" s="18">
        <v>13</v>
      </c>
    </row>
    <row r="75" spans="1:4" ht="18" customHeight="1" x14ac:dyDescent="0.15">
      <c r="A75" s="5">
        <v>58</v>
      </c>
      <c r="B75" s="22">
        <v>6</v>
      </c>
      <c r="C75" s="14">
        <v>11</v>
      </c>
      <c r="D75" s="18">
        <v>17</v>
      </c>
    </row>
    <row r="76" spans="1:4" ht="18" customHeight="1" x14ac:dyDescent="0.15">
      <c r="A76" s="5">
        <v>59</v>
      </c>
      <c r="B76" s="22">
        <v>2</v>
      </c>
      <c r="C76" s="14">
        <v>4</v>
      </c>
      <c r="D76" s="18">
        <v>6</v>
      </c>
    </row>
    <row r="77" spans="1:4" ht="18" customHeight="1" x14ac:dyDescent="0.15">
      <c r="A77" s="5" t="s">
        <v>27</v>
      </c>
      <c r="B77" s="22">
        <v>29</v>
      </c>
      <c r="C77" s="14">
        <v>27</v>
      </c>
      <c r="D77" s="18">
        <v>56</v>
      </c>
    </row>
    <row r="78" spans="1:4" ht="18" customHeight="1" x14ac:dyDescent="0.15">
      <c r="A78" s="5">
        <v>60</v>
      </c>
      <c r="B78" s="22">
        <v>4</v>
      </c>
      <c r="C78" s="14">
        <v>9</v>
      </c>
      <c r="D78" s="18">
        <v>13</v>
      </c>
    </row>
    <row r="79" spans="1:4" ht="18" customHeight="1" x14ac:dyDescent="0.15">
      <c r="A79" s="5">
        <v>61</v>
      </c>
      <c r="B79" s="22">
        <v>7</v>
      </c>
      <c r="C79" s="14">
        <v>3</v>
      </c>
      <c r="D79" s="18">
        <v>10</v>
      </c>
    </row>
    <row r="80" spans="1:4" ht="18" customHeight="1" x14ac:dyDescent="0.15">
      <c r="A80" s="5">
        <v>62</v>
      </c>
      <c r="B80" s="22">
        <v>7</v>
      </c>
      <c r="C80" s="14">
        <v>6</v>
      </c>
      <c r="D80" s="18">
        <v>13</v>
      </c>
    </row>
    <row r="81" spans="1:4" ht="18" customHeight="1" x14ac:dyDescent="0.15">
      <c r="A81" s="5">
        <v>63</v>
      </c>
      <c r="B81" s="22">
        <v>10</v>
      </c>
      <c r="C81" s="14">
        <v>7</v>
      </c>
      <c r="D81" s="18">
        <v>17</v>
      </c>
    </row>
    <row r="82" spans="1:4" ht="18" customHeight="1" x14ac:dyDescent="0.15">
      <c r="A82" s="5">
        <v>64</v>
      </c>
      <c r="B82" s="22">
        <v>4</v>
      </c>
      <c r="C82" s="14">
        <v>9</v>
      </c>
      <c r="D82" s="18">
        <v>13</v>
      </c>
    </row>
    <row r="83" spans="1:4" ht="18" customHeight="1" x14ac:dyDescent="0.15">
      <c r="A83" s="5" t="s">
        <v>28</v>
      </c>
      <c r="B83" s="22">
        <v>32</v>
      </c>
      <c r="C83" s="14">
        <v>34</v>
      </c>
      <c r="D83" s="18">
        <v>66</v>
      </c>
    </row>
    <row r="84" spans="1:4" ht="18" customHeight="1" x14ac:dyDescent="0.15">
      <c r="A84" s="5" t="s">
        <v>31</v>
      </c>
      <c r="B84" s="22">
        <v>208</v>
      </c>
      <c r="C84" s="14">
        <v>188</v>
      </c>
      <c r="D84" s="18">
        <v>396</v>
      </c>
    </row>
    <row r="85" spans="1:4" ht="18" customHeight="1" x14ac:dyDescent="0.15">
      <c r="A85" s="5">
        <v>65</v>
      </c>
      <c r="B85" s="22">
        <v>11</v>
      </c>
      <c r="C85" s="14">
        <v>5</v>
      </c>
      <c r="D85" s="18">
        <v>16</v>
      </c>
    </row>
    <row r="86" spans="1:4" ht="18" customHeight="1" x14ac:dyDescent="0.15">
      <c r="A86" s="5">
        <v>66</v>
      </c>
      <c r="B86" s="22">
        <v>7</v>
      </c>
      <c r="C86" s="14">
        <v>6</v>
      </c>
      <c r="D86" s="18">
        <v>13</v>
      </c>
    </row>
    <row r="87" spans="1:4" ht="18" customHeight="1" x14ac:dyDescent="0.15">
      <c r="A87" s="5">
        <v>67</v>
      </c>
      <c r="B87" s="22">
        <v>8</v>
      </c>
      <c r="C87" s="14">
        <v>6</v>
      </c>
      <c r="D87" s="18">
        <v>14</v>
      </c>
    </row>
    <row r="88" spans="1:4" ht="18" customHeight="1" x14ac:dyDescent="0.15">
      <c r="A88" s="5">
        <v>68</v>
      </c>
      <c r="B88" s="22">
        <v>5</v>
      </c>
      <c r="C88" s="14">
        <v>4</v>
      </c>
      <c r="D88" s="18">
        <v>9</v>
      </c>
    </row>
    <row r="89" spans="1:4" ht="18" customHeight="1" x14ac:dyDescent="0.15">
      <c r="A89" s="5">
        <v>69</v>
      </c>
      <c r="B89" s="22">
        <v>5</v>
      </c>
      <c r="C89" s="14">
        <v>5</v>
      </c>
      <c r="D89" s="18">
        <v>10</v>
      </c>
    </row>
    <row r="90" spans="1:4" ht="18" customHeight="1" x14ac:dyDescent="0.15">
      <c r="A90" s="5" t="s">
        <v>20</v>
      </c>
      <c r="B90" s="22">
        <v>36</v>
      </c>
      <c r="C90" s="14">
        <v>26</v>
      </c>
      <c r="D90" s="18">
        <v>62</v>
      </c>
    </row>
    <row r="91" spans="1:4" ht="18" customHeight="1" x14ac:dyDescent="0.15">
      <c r="A91" s="5">
        <v>70</v>
      </c>
      <c r="B91" s="22">
        <v>7</v>
      </c>
      <c r="C91" s="14">
        <v>3</v>
      </c>
      <c r="D91" s="18">
        <v>10</v>
      </c>
    </row>
    <row r="92" spans="1:4" ht="18" customHeight="1" x14ac:dyDescent="0.15">
      <c r="A92" s="5">
        <v>71</v>
      </c>
      <c r="B92" s="22">
        <v>8</v>
      </c>
      <c r="C92" s="14">
        <v>5</v>
      </c>
      <c r="D92" s="18">
        <v>13</v>
      </c>
    </row>
    <row r="93" spans="1:4" ht="18" customHeight="1" x14ac:dyDescent="0.15">
      <c r="A93" s="5">
        <v>72</v>
      </c>
      <c r="B93" s="22">
        <v>8</v>
      </c>
      <c r="C93" s="14">
        <v>8</v>
      </c>
      <c r="D93" s="18">
        <v>16</v>
      </c>
    </row>
    <row r="94" spans="1:4" ht="18" customHeight="1" x14ac:dyDescent="0.15">
      <c r="A94" s="5">
        <v>73</v>
      </c>
      <c r="B94" s="22">
        <v>4</v>
      </c>
      <c r="C94" s="14">
        <v>5</v>
      </c>
      <c r="D94" s="18">
        <v>9</v>
      </c>
    </row>
    <row r="95" spans="1:4" ht="18" customHeight="1" x14ac:dyDescent="0.15">
      <c r="A95" s="5">
        <v>74</v>
      </c>
      <c r="B95" s="22">
        <v>5</v>
      </c>
      <c r="C95" s="14">
        <v>5</v>
      </c>
      <c r="D95" s="18">
        <v>10</v>
      </c>
    </row>
    <row r="96" spans="1:4" ht="18" customHeight="1" x14ac:dyDescent="0.15">
      <c r="A96" s="5" t="s">
        <v>33</v>
      </c>
      <c r="B96" s="22">
        <v>32</v>
      </c>
      <c r="C96" s="14">
        <v>26</v>
      </c>
      <c r="D96" s="18">
        <v>58</v>
      </c>
    </row>
    <row r="97" spans="1:4" ht="18" customHeight="1" x14ac:dyDescent="0.15">
      <c r="A97" s="5">
        <v>75</v>
      </c>
      <c r="B97" s="22">
        <v>9</v>
      </c>
      <c r="C97" s="14">
        <v>9</v>
      </c>
      <c r="D97" s="18">
        <v>18</v>
      </c>
    </row>
    <row r="98" spans="1:4" ht="18" customHeight="1" x14ac:dyDescent="0.15">
      <c r="A98" s="5">
        <v>76</v>
      </c>
      <c r="B98" s="22">
        <v>8</v>
      </c>
      <c r="C98" s="14">
        <v>10</v>
      </c>
      <c r="D98" s="18">
        <v>18</v>
      </c>
    </row>
    <row r="99" spans="1:4" ht="18" customHeight="1" x14ac:dyDescent="0.15">
      <c r="A99" s="5">
        <v>77</v>
      </c>
      <c r="B99" s="22">
        <v>7</v>
      </c>
      <c r="C99" s="14">
        <v>7</v>
      </c>
      <c r="D99" s="18">
        <v>14</v>
      </c>
    </row>
    <row r="100" spans="1:4" ht="18" customHeight="1" x14ac:dyDescent="0.15">
      <c r="A100" s="5">
        <v>78</v>
      </c>
      <c r="B100" s="22">
        <v>7</v>
      </c>
      <c r="C100" s="14">
        <v>14</v>
      </c>
      <c r="D100" s="18">
        <v>21</v>
      </c>
    </row>
    <row r="101" spans="1:4" ht="18" customHeight="1" x14ac:dyDescent="0.15">
      <c r="A101" s="5">
        <v>79</v>
      </c>
      <c r="B101" s="22">
        <v>4</v>
      </c>
      <c r="C101" s="14">
        <v>5</v>
      </c>
      <c r="D101" s="18">
        <v>9</v>
      </c>
    </row>
    <row r="102" spans="1:4" ht="18" customHeight="1" x14ac:dyDescent="0.15">
      <c r="A102" s="5" t="s">
        <v>0</v>
      </c>
      <c r="B102" s="22">
        <v>35</v>
      </c>
      <c r="C102" s="14">
        <v>45</v>
      </c>
      <c r="D102" s="18">
        <v>80</v>
      </c>
    </row>
    <row r="103" spans="1:4" ht="18" customHeight="1" x14ac:dyDescent="0.15">
      <c r="A103" s="5">
        <v>80</v>
      </c>
      <c r="B103" s="22">
        <v>2</v>
      </c>
      <c r="C103" s="14">
        <v>3</v>
      </c>
      <c r="D103" s="18">
        <v>5</v>
      </c>
    </row>
    <row r="104" spans="1:4" ht="18" customHeight="1" x14ac:dyDescent="0.15">
      <c r="A104" s="5">
        <v>81</v>
      </c>
      <c r="B104" s="22">
        <v>2</v>
      </c>
      <c r="C104" s="14">
        <v>9</v>
      </c>
      <c r="D104" s="18">
        <v>11</v>
      </c>
    </row>
    <row r="105" spans="1:4" ht="18" customHeight="1" x14ac:dyDescent="0.15">
      <c r="A105" s="5">
        <v>82</v>
      </c>
      <c r="B105" s="22">
        <v>7</v>
      </c>
      <c r="C105" s="14">
        <v>7</v>
      </c>
      <c r="D105" s="18">
        <v>14</v>
      </c>
    </row>
    <row r="106" spans="1:4" ht="18" customHeight="1" x14ac:dyDescent="0.15">
      <c r="A106" s="5">
        <v>83</v>
      </c>
      <c r="B106" s="22">
        <v>3</v>
      </c>
      <c r="C106" s="14">
        <v>7</v>
      </c>
      <c r="D106" s="18">
        <v>10</v>
      </c>
    </row>
    <row r="107" spans="1:4" ht="18" customHeight="1" x14ac:dyDescent="0.15">
      <c r="A107" s="5">
        <v>84</v>
      </c>
      <c r="B107" s="22">
        <v>7</v>
      </c>
      <c r="C107" s="14">
        <v>7</v>
      </c>
      <c r="D107" s="18">
        <v>14</v>
      </c>
    </row>
    <row r="108" spans="1:4" ht="18" customHeight="1" x14ac:dyDescent="0.15">
      <c r="A108" s="5" t="s">
        <v>35</v>
      </c>
      <c r="B108" s="22">
        <v>21</v>
      </c>
      <c r="C108" s="14">
        <v>33</v>
      </c>
      <c r="D108" s="18">
        <v>54</v>
      </c>
    </row>
    <row r="109" spans="1:4" ht="18" customHeight="1" x14ac:dyDescent="0.15">
      <c r="A109" s="5">
        <v>85</v>
      </c>
      <c r="B109" s="22">
        <v>6</v>
      </c>
      <c r="C109" s="14">
        <v>5</v>
      </c>
      <c r="D109" s="18">
        <v>11</v>
      </c>
    </row>
    <row r="110" spans="1:4" ht="18" customHeight="1" x14ac:dyDescent="0.15">
      <c r="A110" s="5">
        <v>86</v>
      </c>
      <c r="B110" s="22">
        <v>3</v>
      </c>
      <c r="C110" s="14">
        <v>6</v>
      </c>
      <c r="D110" s="18">
        <v>9</v>
      </c>
    </row>
    <row r="111" spans="1:4" ht="18" customHeight="1" x14ac:dyDescent="0.15">
      <c r="A111" s="5">
        <v>87</v>
      </c>
      <c r="B111" s="22">
        <v>0</v>
      </c>
      <c r="C111" s="14">
        <v>7</v>
      </c>
      <c r="D111" s="18">
        <v>7</v>
      </c>
    </row>
    <row r="112" spans="1:4" ht="18" customHeight="1" x14ac:dyDescent="0.15">
      <c r="A112" s="5">
        <v>88</v>
      </c>
      <c r="B112" s="22">
        <v>5</v>
      </c>
      <c r="C112" s="14">
        <v>12</v>
      </c>
      <c r="D112" s="18">
        <v>17</v>
      </c>
    </row>
    <row r="113" spans="1:4" ht="18" customHeight="1" x14ac:dyDescent="0.15">
      <c r="A113" s="5">
        <v>89</v>
      </c>
      <c r="B113" s="22">
        <v>1</v>
      </c>
      <c r="C113" s="14">
        <v>4</v>
      </c>
      <c r="D113" s="18">
        <v>5</v>
      </c>
    </row>
    <row r="114" spans="1:4" ht="18" customHeight="1" x14ac:dyDescent="0.15">
      <c r="A114" s="5" t="s">
        <v>37</v>
      </c>
      <c r="B114" s="22">
        <v>15</v>
      </c>
      <c r="C114" s="14">
        <v>34</v>
      </c>
      <c r="D114" s="18">
        <v>49</v>
      </c>
    </row>
    <row r="115" spans="1:4" ht="18" customHeight="1" x14ac:dyDescent="0.15">
      <c r="A115" s="5">
        <v>90</v>
      </c>
      <c r="B115" s="22">
        <v>1</v>
      </c>
      <c r="C115" s="14">
        <v>6</v>
      </c>
      <c r="D115" s="18">
        <v>7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11</v>
      </c>
      <c r="D120" s="18">
        <v>13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43</v>
      </c>
      <c r="C130" s="14">
        <v>182</v>
      </c>
      <c r="D130" s="18">
        <v>325</v>
      </c>
    </row>
    <row r="131" spans="1:4" ht="18" customHeight="1" x14ac:dyDescent="0.15">
      <c r="A131" s="7" t="s">
        <v>45</v>
      </c>
      <c r="B131" s="23">
        <v>376</v>
      </c>
      <c r="C131" s="15">
        <v>393</v>
      </c>
      <c r="D131" s="19">
        <v>7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</v>
      </c>
      <c r="C5" s="29">
        <v>10</v>
      </c>
      <c r="D5" s="31">
        <v>21</v>
      </c>
    </row>
    <row r="6" spans="1:4" ht="18" customHeight="1" x14ac:dyDescent="0.15">
      <c r="A6" s="5">
        <v>1</v>
      </c>
      <c r="B6" s="27">
        <v>14</v>
      </c>
      <c r="C6" s="14">
        <v>5</v>
      </c>
      <c r="D6" s="18">
        <v>19</v>
      </c>
    </row>
    <row r="7" spans="1:4" ht="18" customHeight="1" x14ac:dyDescent="0.15">
      <c r="A7" s="5">
        <v>2</v>
      </c>
      <c r="B7" s="27">
        <v>12</v>
      </c>
      <c r="C7" s="14">
        <v>14</v>
      </c>
      <c r="D7" s="18">
        <v>26</v>
      </c>
    </row>
    <row r="8" spans="1:4" ht="18" customHeight="1" x14ac:dyDescent="0.15">
      <c r="A8" s="5">
        <v>3</v>
      </c>
      <c r="B8" s="27">
        <v>9</v>
      </c>
      <c r="C8" s="14">
        <v>14</v>
      </c>
      <c r="D8" s="18">
        <v>23</v>
      </c>
    </row>
    <row r="9" spans="1:4" ht="18" customHeight="1" x14ac:dyDescent="0.15">
      <c r="A9" s="5">
        <v>4</v>
      </c>
      <c r="B9" s="28">
        <v>14</v>
      </c>
      <c r="C9" s="30">
        <v>20</v>
      </c>
      <c r="D9" s="32">
        <v>34</v>
      </c>
    </row>
    <row r="10" spans="1:4" ht="18" customHeight="1" x14ac:dyDescent="0.15">
      <c r="A10" s="5" t="s">
        <v>7</v>
      </c>
      <c r="B10" s="22">
        <v>60</v>
      </c>
      <c r="C10" s="14">
        <v>63</v>
      </c>
      <c r="D10" s="18">
        <v>123</v>
      </c>
    </row>
    <row r="11" spans="1:4" ht="18" customHeight="1" x14ac:dyDescent="0.15">
      <c r="A11" s="5">
        <v>5</v>
      </c>
      <c r="B11" s="27">
        <v>16</v>
      </c>
      <c r="C11" s="14">
        <v>14</v>
      </c>
      <c r="D11" s="18">
        <v>30</v>
      </c>
    </row>
    <row r="12" spans="1:4" ht="18" customHeight="1" x14ac:dyDescent="0.15">
      <c r="A12" s="5">
        <v>6</v>
      </c>
      <c r="B12" s="27">
        <v>17</v>
      </c>
      <c r="C12" s="14">
        <v>23</v>
      </c>
      <c r="D12" s="18">
        <v>40</v>
      </c>
    </row>
    <row r="13" spans="1:4" ht="18" customHeight="1" x14ac:dyDescent="0.15">
      <c r="A13" s="5">
        <v>7</v>
      </c>
      <c r="B13" s="27">
        <v>19</v>
      </c>
      <c r="C13" s="14">
        <v>16</v>
      </c>
      <c r="D13" s="18">
        <v>35</v>
      </c>
    </row>
    <row r="14" spans="1:4" ht="18" customHeight="1" x14ac:dyDescent="0.15">
      <c r="A14" s="5">
        <v>8</v>
      </c>
      <c r="B14" s="27">
        <v>29</v>
      </c>
      <c r="C14" s="14">
        <v>32</v>
      </c>
      <c r="D14" s="18">
        <v>61</v>
      </c>
    </row>
    <row r="15" spans="1:4" ht="18" customHeight="1" x14ac:dyDescent="0.15">
      <c r="A15" s="5">
        <v>9</v>
      </c>
      <c r="B15" s="27">
        <v>36</v>
      </c>
      <c r="C15" s="14">
        <v>20</v>
      </c>
      <c r="D15" s="18">
        <v>56</v>
      </c>
    </row>
    <row r="16" spans="1:4" ht="18" customHeight="1" x14ac:dyDescent="0.15">
      <c r="A16" s="5" t="s">
        <v>11</v>
      </c>
      <c r="B16" s="22">
        <v>117</v>
      </c>
      <c r="C16" s="14">
        <v>105</v>
      </c>
      <c r="D16" s="18">
        <v>222</v>
      </c>
    </row>
    <row r="17" spans="1:4" ht="18" customHeight="1" x14ac:dyDescent="0.15">
      <c r="A17" s="5">
        <v>10</v>
      </c>
      <c r="B17" s="22">
        <v>26</v>
      </c>
      <c r="C17" s="14">
        <v>27</v>
      </c>
      <c r="D17" s="18">
        <v>53</v>
      </c>
    </row>
    <row r="18" spans="1:4" ht="18" customHeight="1" x14ac:dyDescent="0.15">
      <c r="A18" s="5">
        <v>11</v>
      </c>
      <c r="B18" s="22">
        <v>31</v>
      </c>
      <c r="C18" s="14">
        <v>20</v>
      </c>
      <c r="D18" s="18">
        <v>51</v>
      </c>
    </row>
    <row r="19" spans="1:4" ht="18" customHeight="1" x14ac:dyDescent="0.15">
      <c r="A19" s="5">
        <v>12</v>
      </c>
      <c r="B19" s="22">
        <v>18</v>
      </c>
      <c r="C19" s="14">
        <v>28</v>
      </c>
      <c r="D19" s="18">
        <v>46</v>
      </c>
    </row>
    <row r="20" spans="1:4" ht="18" customHeight="1" x14ac:dyDescent="0.15">
      <c r="A20" s="5">
        <v>13</v>
      </c>
      <c r="B20" s="22">
        <v>42</v>
      </c>
      <c r="C20" s="14">
        <v>30</v>
      </c>
      <c r="D20" s="18">
        <v>72</v>
      </c>
    </row>
    <row r="21" spans="1:4" ht="18" customHeight="1" x14ac:dyDescent="0.15">
      <c r="A21" s="5">
        <v>14</v>
      </c>
      <c r="B21" s="22">
        <v>36</v>
      </c>
      <c r="C21" s="14">
        <v>26</v>
      </c>
      <c r="D21" s="18">
        <v>62</v>
      </c>
    </row>
    <row r="22" spans="1:4" ht="18" customHeight="1" x14ac:dyDescent="0.15">
      <c r="A22" s="5" t="s">
        <v>12</v>
      </c>
      <c r="B22" s="22">
        <v>153</v>
      </c>
      <c r="C22" s="14">
        <v>131</v>
      </c>
      <c r="D22" s="18">
        <v>284</v>
      </c>
    </row>
    <row r="23" spans="1:4" ht="18" customHeight="1" x14ac:dyDescent="0.15">
      <c r="A23" s="5" t="s">
        <v>6</v>
      </c>
      <c r="B23" s="22">
        <v>330</v>
      </c>
      <c r="C23" s="14">
        <v>299</v>
      </c>
      <c r="D23" s="18">
        <v>629</v>
      </c>
    </row>
    <row r="24" spans="1:4" ht="18" customHeight="1" x14ac:dyDescent="0.15">
      <c r="A24" s="5">
        <v>15</v>
      </c>
      <c r="B24" s="22">
        <v>33</v>
      </c>
      <c r="C24" s="14">
        <v>21</v>
      </c>
      <c r="D24" s="18">
        <v>54</v>
      </c>
    </row>
    <row r="25" spans="1:4" ht="18" customHeight="1" x14ac:dyDescent="0.15">
      <c r="A25" s="5">
        <v>16</v>
      </c>
      <c r="B25" s="22">
        <v>37</v>
      </c>
      <c r="C25" s="14">
        <v>34</v>
      </c>
      <c r="D25" s="18">
        <v>71</v>
      </c>
    </row>
    <row r="26" spans="1:4" ht="18" customHeight="1" x14ac:dyDescent="0.15">
      <c r="A26" s="5">
        <v>17</v>
      </c>
      <c r="B26" s="22">
        <v>37</v>
      </c>
      <c r="C26" s="14">
        <v>34</v>
      </c>
      <c r="D26" s="18">
        <v>71</v>
      </c>
    </row>
    <row r="27" spans="1:4" ht="18" customHeight="1" x14ac:dyDescent="0.15">
      <c r="A27" s="5">
        <v>18</v>
      </c>
      <c r="B27" s="22">
        <v>30</v>
      </c>
      <c r="C27" s="14">
        <v>43</v>
      </c>
      <c r="D27" s="18">
        <v>73</v>
      </c>
    </row>
    <row r="28" spans="1:4" ht="18" customHeight="1" x14ac:dyDescent="0.15">
      <c r="A28" s="5">
        <v>19</v>
      </c>
      <c r="B28" s="22">
        <v>44</v>
      </c>
      <c r="C28" s="14">
        <v>31</v>
      </c>
      <c r="D28" s="18">
        <v>75</v>
      </c>
    </row>
    <row r="29" spans="1:4" ht="18" customHeight="1" x14ac:dyDescent="0.15">
      <c r="A29" s="5" t="s">
        <v>14</v>
      </c>
      <c r="B29" s="22">
        <v>181</v>
      </c>
      <c r="C29" s="14">
        <v>163</v>
      </c>
      <c r="D29" s="18">
        <v>344</v>
      </c>
    </row>
    <row r="30" spans="1:4" ht="18" customHeight="1" x14ac:dyDescent="0.15">
      <c r="A30" s="5">
        <v>20</v>
      </c>
      <c r="B30" s="22">
        <v>41</v>
      </c>
      <c r="C30" s="14">
        <v>35</v>
      </c>
      <c r="D30" s="18">
        <v>76</v>
      </c>
    </row>
    <row r="31" spans="1:4" ht="18" customHeight="1" x14ac:dyDescent="0.15">
      <c r="A31" s="5">
        <v>21</v>
      </c>
      <c r="B31" s="22">
        <v>59</v>
      </c>
      <c r="C31" s="14">
        <v>47</v>
      </c>
      <c r="D31" s="18">
        <v>106</v>
      </c>
    </row>
    <row r="32" spans="1:4" ht="18" customHeight="1" x14ac:dyDescent="0.15">
      <c r="A32" s="5">
        <v>22</v>
      </c>
      <c r="B32" s="22">
        <v>40</v>
      </c>
      <c r="C32" s="14">
        <v>40</v>
      </c>
      <c r="D32" s="18">
        <v>80</v>
      </c>
    </row>
    <row r="33" spans="1:4" ht="18" customHeight="1" x14ac:dyDescent="0.15">
      <c r="A33" s="5">
        <v>23</v>
      </c>
      <c r="B33" s="22">
        <v>43</v>
      </c>
      <c r="C33" s="14">
        <v>47</v>
      </c>
      <c r="D33" s="18">
        <v>90</v>
      </c>
    </row>
    <row r="34" spans="1:4" ht="18" customHeight="1" x14ac:dyDescent="0.15">
      <c r="A34" s="5">
        <v>24</v>
      </c>
      <c r="B34" s="22">
        <v>37</v>
      </c>
      <c r="C34" s="14">
        <v>35</v>
      </c>
      <c r="D34" s="18">
        <v>72</v>
      </c>
    </row>
    <row r="35" spans="1:4" ht="18" customHeight="1" x14ac:dyDescent="0.15">
      <c r="A35" s="5" t="s">
        <v>9</v>
      </c>
      <c r="B35" s="22">
        <v>220</v>
      </c>
      <c r="C35" s="14">
        <v>204</v>
      </c>
      <c r="D35" s="18">
        <v>424</v>
      </c>
    </row>
    <row r="36" spans="1:4" ht="18" customHeight="1" x14ac:dyDescent="0.15">
      <c r="A36" s="5">
        <v>25</v>
      </c>
      <c r="B36" s="22">
        <v>38</v>
      </c>
      <c r="C36" s="14">
        <v>33</v>
      </c>
      <c r="D36" s="18">
        <v>71</v>
      </c>
    </row>
    <row r="37" spans="1:4" ht="18" customHeight="1" x14ac:dyDescent="0.15">
      <c r="A37" s="5">
        <v>26</v>
      </c>
      <c r="B37" s="22">
        <v>37</v>
      </c>
      <c r="C37" s="14">
        <v>25</v>
      </c>
      <c r="D37" s="18">
        <v>62</v>
      </c>
    </row>
    <row r="38" spans="1:4" ht="18" customHeight="1" x14ac:dyDescent="0.15">
      <c r="A38" s="5">
        <v>27</v>
      </c>
      <c r="B38" s="22">
        <v>36</v>
      </c>
      <c r="C38" s="14">
        <v>37</v>
      </c>
      <c r="D38" s="18">
        <v>73</v>
      </c>
    </row>
    <row r="39" spans="1:4" ht="18" customHeight="1" x14ac:dyDescent="0.15">
      <c r="A39" s="5">
        <v>28</v>
      </c>
      <c r="B39" s="22">
        <v>43</v>
      </c>
      <c r="C39" s="14">
        <v>23</v>
      </c>
      <c r="D39" s="18">
        <v>66</v>
      </c>
    </row>
    <row r="40" spans="1:4" ht="18" customHeight="1" x14ac:dyDescent="0.15">
      <c r="A40" s="5">
        <v>29</v>
      </c>
      <c r="B40" s="22">
        <v>26</v>
      </c>
      <c r="C40" s="14">
        <v>29</v>
      </c>
      <c r="D40" s="18">
        <v>55</v>
      </c>
    </row>
    <row r="41" spans="1:4" ht="18" customHeight="1" x14ac:dyDescent="0.15">
      <c r="A41" s="5" t="s">
        <v>2</v>
      </c>
      <c r="B41" s="22">
        <v>180</v>
      </c>
      <c r="C41" s="14">
        <v>147</v>
      </c>
      <c r="D41" s="18">
        <v>327</v>
      </c>
    </row>
    <row r="42" spans="1:4" ht="18" customHeight="1" x14ac:dyDescent="0.15">
      <c r="A42" s="5">
        <v>30</v>
      </c>
      <c r="B42" s="22">
        <v>27</v>
      </c>
      <c r="C42" s="14">
        <v>30</v>
      </c>
      <c r="D42" s="18">
        <v>57</v>
      </c>
    </row>
    <row r="43" spans="1:4" ht="18" customHeight="1" x14ac:dyDescent="0.15">
      <c r="A43" s="5">
        <v>31</v>
      </c>
      <c r="B43" s="22">
        <v>32</v>
      </c>
      <c r="C43" s="14">
        <v>28</v>
      </c>
      <c r="D43" s="18">
        <v>60</v>
      </c>
    </row>
    <row r="44" spans="1:4" ht="18" customHeight="1" x14ac:dyDescent="0.15">
      <c r="A44" s="5">
        <v>32</v>
      </c>
      <c r="B44" s="22">
        <v>29</v>
      </c>
      <c r="C44" s="14">
        <v>25</v>
      </c>
      <c r="D44" s="18">
        <v>54</v>
      </c>
    </row>
    <row r="45" spans="1:4" ht="18" customHeight="1" x14ac:dyDescent="0.15">
      <c r="A45" s="5">
        <v>33</v>
      </c>
      <c r="B45" s="22">
        <v>21</v>
      </c>
      <c r="C45" s="14">
        <v>21</v>
      </c>
      <c r="D45" s="18">
        <v>42</v>
      </c>
    </row>
    <row r="46" spans="1:4" ht="18" customHeight="1" x14ac:dyDescent="0.15">
      <c r="A46" s="5">
        <v>34</v>
      </c>
      <c r="B46" s="22">
        <v>23</v>
      </c>
      <c r="C46" s="14">
        <v>20</v>
      </c>
      <c r="D46" s="18">
        <v>43</v>
      </c>
    </row>
    <row r="47" spans="1:4" ht="18" customHeight="1" x14ac:dyDescent="0.15">
      <c r="A47" s="5" t="s">
        <v>15</v>
      </c>
      <c r="B47" s="22">
        <v>132</v>
      </c>
      <c r="C47" s="14">
        <v>124</v>
      </c>
      <c r="D47" s="18">
        <v>256</v>
      </c>
    </row>
    <row r="48" spans="1:4" ht="18" customHeight="1" x14ac:dyDescent="0.15">
      <c r="A48" s="5">
        <v>35</v>
      </c>
      <c r="B48" s="22">
        <v>17</v>
      </c>
      <c r="C48" s="14">
        <v>26</v>
      </c>
      <c r="D48" s="18">
        <v>43</v>
      </c>
    </row>
    <row r="49" spans="1:4" ht="18" customHeight="1" x14ac:dyDescent="0.15">
      <c r="A49" s="5">
        <v>36</v>
      </c>
      <c r="B49" s="22">
        <v>39</v>
      </c>
      <c r="C49" s="14">
        <v>29</v>
      </c>
      <c r="D49" s="18">
        <v>68</v>
      </c>
    </row>
    <row r="50" spans="1:4" ht="18" customHeight="1" x14ac:dyDescent="0.15">
      <c r="A50" s="5">
        <v>37</v>
      </c>
      <c r="B50" s="22">
        <v>34</v>
      </c>
      <c r="C50" s="14">
        <v>28</v>
      </c>
      <c r="D50" s="18">
        <v>62</v>
      </c>
    </row>
    <row r="51" spans="1:4" ht="18" customHeight="1" x14ac:dyDescent="0.15">
      <c r="A51" s="5">
        <v>38</v>
      </c>
      <c r="B51" s="22">
        <v>31</v>
      </c>
      <c r="C51" s="14">
        <v>24</v>
      </c>
      <c r="D51" s="18">
        <v>55</v>
      </c>
    </row>
    <row r="52" spans="1:4" ht="18" customHeight="1" x14ac:dyDescent="0.15">
      <c r="A52" s="5">
        <v>39</v>
      </c>
      <c r="B52" s="22">
        <v>42</v>
      </c>
      <c r="C52" s="14">
        <v>24</v>
      </c>
      <c r="D52" s="18">
        <v>66</v>
      </c>
    </row>
    <row r="53" spans="1:4" ht="18" customHeight="1" x14ac:dyDescent="0.15">
      <c r="A53" s="5" t="s">
        <v>18</v>
      </c>
      <c r="B53" s="22">
        <v>163</v>
      </c>
      <c r="C53" s="14">
        <v>131</v>
      </c>
      <c r="D53" s="18">
        <v>294</v>
      </c>
    </row>
    <row r="54" spans="1:4" ht="18" customHeight="1" x14ac:dyDescent="0.15">
      <c r="A54" s="5">
        <v>40</v>
      </c>
      <c r="B54" s="22">
        <v>27</v>
      </c>
      <c r="C54" s="14">
        <v>30</v>
      </c>
      <c r="D54" s="18">
        <v>57</v>
      </c>
    </row>
    <row r="55" spans="1:4" ht="18" customHeight="1" x14ac:dyDescent="0.15">
      <c r="A55" s="5">
        <v>41</v>
      </c>
      <c r="B55" s="22">
        <v>51</v>
      </c>
      <c r="C55" s="14">
        <v>38</v>
      </c>
      <c r="D55" s="18">
        <v>89</v>
      </c>
    </row>
    <row r="56" spans="1:4" ht="18" customHeight="1" x14ac:dyDescent="0.15">
      <c r="A56" s="5">
        <v>42</v>
      </c>
      <c r="B56" s="22">
        <v>45</v>
      </c>
      <c r="C56" s="14">
        <v>48</v>
      </c>
      <c r="D56" s="18">
        <v>93</v>
      </c>
    </row>
    <row r="57" spans="1:4" ht="18" customHeight="1" x14ac:dyDescent="0.15">
      <c r="A57" s="5">
        <v>43</v>
      </c>
      <c r="B57" s="22">
        <v>39</v>
      </c>
      <c r="C57" s="14">
        <v>44</v>
      </c>
      <c r="D57" s="18">
        <v>83</v>
      </c>
    </row>
    <row r="58" spans="1:4" ht="18" customHeight="1" x14ac:dyDescent="0.15">
      <c r="A58" s="5">
        <v>44</v>
      </c>
      <c r="B58" s="22">
        <v>35</v>
      </c>
      <c r="C58" s="14">
        <v>50</v>
      </c>
      <c r="D58" s="18">
        <v>85</v>
      </c>
    </row>
    <row r="59" spans="1:4" ht="18" customHeight="1" x14ac:dyDescent="0.15">
      <c r="A59" s="5" t="s">
        <v>21</v>
      </c>
      <c r="B59" s="22">
        <v>197</v>
      </c>
      <c r="C59" s="14">
        <v>210</v>
      </c>
      <c r="D59" s="18">
        <v>407</v>
      </c>
    </row>
    <row r="60" spans="1:4" ht="18" customHeight="1" x14ac:dyDescent="0.15">
      <c r="A60" s="5">
        <v>45</v>
      </c>
      <c r="B60" s="22">
        <v>34</v>
      </c>
      <c r="C60" s="14">
        <v>33</v>
      </c>
      <c r="D60" s="18">
        <v>67</v>
      </c>
    </row>
    <row r="61" spans="1:4" ht="18" customHeight="1" x14ac:dyDescent="0.15">
      <c r="A61" s="5">
        <v>46</v>
      </c>
      <c r="B61" s="22">
        <v>50</v>
      </c>
      <c r="C61" s="14">
        <v>43</v>
      </c>
      <c r="D61" s="18">
        <v>93</v>
      </c>
    </row>
    <row r="62" spans="1:4" ht="18" customHeight="1" x14ac:dyDescent="0.15">
      <c r="A62" s="5">
        <v>47</v>
      </c>
      <c r="B62" s="22">
        <v>55</v>
      </c>
      <c r="C62" s="14">
        <v>52</v>
      </c>
      <c r="D62" s="18">
        <v>107</v>
      </c>
    </row>
    <row r="63" spans="1:4" ht="18" customHeight="1" x14ac:dyDescent="0.15">
      <c r="A63" s="5">
        <v>48</v>
      </c>
      <c r="B63" s="22">
        <v>60</v>
      </c>
      <c r="C63" s="14">
        <v>59</v>
      </c>
      <c r="D63" s="18">
        <v>119</v>
      </c>
    </row>
    <row r="64" spans="1:4" ht="18" customHeight="1" x14ac:dyDescent="0.15">
      <c r="A64" s="5">
        <v>49</v>
      </c>
      <c r="B64" s="22">
        <v>69</v>
      </c>
      <c r="C64" s="14">
        <v>46</v>
      </c>
      <c r="D64" s="18">
        <v>115</v>
      </c>
    </row>
    <row r="65" spans="1:4" ht="18" customHeight="1" x14ac:dyDescent="0.15">
      <c r="A65" s="5" t="s">
        <v>17</v>
      </c>
      <c r="B65" s="22">
        <v>268</v>
      </c>
      <c r="C65" s="14">
        <v>233</v>
      </c>
      <c r="D65" s="18">
        <v>501</v>
      </c>
    </row>
    <row r="66" spans="1:4" ht="18" customHeight="1" x14ac:dyDescent="0.15">
      <c r="A66" s="5">
        <v>50</v>
      </c>
      <c r="B66" s="22">
        <v>71</v>
      </c>
      <c r="C66" s="14">
        <v>69</v>
      </c>
      <c r="D66" s="18">
        <v>140</v>
      </c>
    </row>
    <row r="67" spans="1:4" ht="18" customHeight="1" x14ac:dyDescent="0.15">
      <c r="A67" s="5">
        <v>51</v>
      </c>
      <c r="B67" s="22">
        <v>68</v>
      </c>
      <c r="C67" s="14">
        <v>72</v>
      </c>
      <c r="D67" s="18">
        <v>140</v>
      </c>
    </row>
    <row r="68" spans="1:4" ht="18" customHeight="1" x14ac:dyDescent="0.15">
      <c r="A68" s="5">
        <v>52</v>
      </c>
      <c r="B68" s="22">
        <v>79</v>
      </c>
      <c r="C68" s="14">
        <v>87</v>
      </c>
      <c r="D68" s="18">
        <v>166</v>
      </c>
    </row>
    <row r="69" spans="1:4" ht="18" customHeight="1" x14ac:dyDescent="0.15">
      <c r="A69" s="5">
        <v>53</v>
      </c>
      <c r="B69" s="22">
        <v>74</v>
      </c>
      <c r="C69" s="14">
        <v>88</v>
      </c>
      <c r="D69" s="18">
        <v>162</v>
      </c>
    </row>
    <row r="70" spans="1:4" ht="18" customHeight="1" x14ac:dyDescent="0.15">
      <c r="A70" s="5">
        <v>54</v>
      </c>
      <c r="B70" s="22">
        <v>84</v>
      </c>
      <c r="C70" s="14">
        <v>84</v>
      </c>
      <c r="D70" s="18">
        <v>168</v>
      </c>
    </row>
    <row r="71" spans="1:4" ht="18" customHeight="1" x14ac:dyDescent="0.15">
      <c r="A71" s="5" t="s">
        <v>22</v>
      </c>
      <c r="B71" s="22">
        <v>376</v>
      </c>
      <c r="C71" s="14">
        <v>400</v>
      </c>
      <c r="D71" s="18">
        <v>776</v>
      </c>
    </row>
    <row r="72" spans="1:4" ht="18" customHeight="1" x14ac:dyDescent="0.15">
      <c r="A72" s="5">
        <v>55</v>
      </c>
      <c r="B72" s="22">
        <v>86</v>
      </c>
      <c r="C72" s="14">
        <v>86</v>
      </c>
      <c r="D72" s="18">
        <v>172</v>
      </c>
    </row>
    <row r="73" spans="1:4" ht="18" customHeight="1" x14ac:dyDescent="0.15">
      <c r="A73" s="5">
        <v>56</v>
      </c>
      <c r="B73" s="22">
        <v>75</v>
      </c>
      <c r="C73" s="14">
        <v>62</v>
      </c>
      <c r="D73" s="18">
        <v>137</v>
      </c>
    </row>
    <row r="74" spans="1:4" ht="18" customHeight="1" x14ac:dyDescent="0.15">
      <c r="A74" s="5">
        <v>57</v>
      </c>
      <c r="B74" s="22">
        <v>74</v>
      </c>
      <c r="C74" s="14">
        <v>70</v>
      </c>
      <c r="D74" s="18">
        <v>144</v>
      </c>
    </row>
    <row r="75" spans="1:4" ht="18" customHeight="1" x14ac:dyDescent="0.15">
      <c r="A75" s="5">
        <v>58</v>
      </c>
      <c r="B75" s="22">
        <v>71</v>
      </c>
      <c r="C75" s="14">
        <v>77</v>
      </c>
      <c r="D75" s="18">
        <v>148</v>
      </c>
    </row>
    <row r="76" spans="1:4" ht="18" customHeight="1" x14ac:dyDescent="0.15">
      <c r="A76" s="5">
        <v>59</v>
      </c>
      <c r="B76" s="22">
        <v>46</v>
      </c>
      <c r="C76" s="14">
        <v>45</v>
      </c>
      <c r="D76" s="18">
        <v>91</v>
      </c>
    </row>
    <row r="77" spans="1:4" ht="18" customHeight="1" x14ac:dyDescent="0.15">
      <c r="A77" s="5" t="s">
        <v>27</v>
      </c>
      <c r="B77" s="22">
        <v>352</v>
      </c>
      <c r="C77" s="14">
        <v>340</v>
      </c>
      <c r="D77" s="18">
        <v>692</v>
      </c>
    </row>
    <row r="78" spans="1:4" ht="18" customHeight="1" x14ac:dyDescent="0.15">
      <c r="A78" s="5">
        <v>60</v>
      </c>
      <c r="B78" s="22">
        <v>53</v>
      </c>
      <c r="C78" s="14">
        <v>56</v>
      </c>
      <c r="D78" s="18">
        <v>109</v>
      </c>
    </row>
    <row r="79" spans="1:4" ht="18" customHeight="1" x14ac:dyDescent="0.15">
      <c r="A79" s="5">
        <v>61</v>
      </c>
      <c r="B79" s="22">
        <v>52</v>
      </c>
      <c r="C79" s="14">
        <v>53</v>
      </c>
      <c r="D79" s="18">
        <v>105</v>
      </c>
    </row>
    <row r="80" spans="1:4" ht="18" customHeight="1" x14ac:dyDescent="0.15">
      <c r="A80" s="5">
        <v>62</v>
      </c>
      <c r="B80" s="22">
        <v>67</v>
      </c>
      <c r="C80" s="14">
        <v>53</v>
      </c>
      <c r="D80" s="18">
        <v>120</v>
      </c>
    </row>
    <row r="81" spans="1:4" ht="18" customHeight="1" x14ac:dyDescent="0.15">
      <c r="A81" s="5">
        <v>63</v>
      </c>
      <c r="B81" s="22">
        <v>73</v>
      </c>
      <c r="C81" s="14">
        <v>67</v>
      </c>
      <c r="D81" s="18">
        <v>140</v>
      </c>
    </row>
    <row r="82" spans="1:4" ht="18" customHeight="1" x14ac:dyDescent="0.15">
      <c r="A82" s="5">
        <v>64</v>
      </c>
      <c r="B82" s="22">
        <v>53</v>
      </c>
      <c r="C82" s="14">
        <v>54</v>
      </c>
      <c r="D82" s="18">
        <v>107</v>
      </c>
    </row>
    <row r="83" spans="1:4" ht="18" customHeight="1" x14ac:dyDescent="0.15">
      <c r="A83" s="5" t="s">
        <v>28</v>
      </c>
      <c r="B83" s="22">
        <v>298</v>
      </c>
      <c r="C83" s="14">
        <v>283</v>
      </c>
      <c r="D83" s="18">
        <v>581</v>
      </c>
    </row>
    <row r="84" spans="1:4" ht="18" customHeight="1" x14ac:dyDescent="0.15">
      <c r="A84" s="5" t="s">
        <v>31</v>
      </c>
      <c r="B84" s="22">
        <v>2367</v>
      </c>
      <c r="C84" s="14">
        <v>2235</v>
      </c>
      <c r="D84" s="18">
        <v>4602</v>
      </c>
    </row>
    <row r="85" spans="1:4" ht="18" customHeight="1" x14ac:dyDescent="0.15">
      <c r="A85" s="5">
        <v>65</v>
      </c>
      <c r="B85" s="22">
        <v>58</v>
      </c>
      <c r="C85" s="14">
        <v>53</v>
      </c>
      <c r="D85" s="18">
        <v>111</v>
      </c>
    </row>
    <row r="86" spans="1:4" ht="18" customHeight="1" x14ac:dyDescent="0.15">
      <c r="A86" s="5">
        <v>66</v>
      </c>
      <c r="B86" s="22">
        <v>57</v>
      </c>
      <c r="C86" s="14">
        <v>68</v>
      </c>
      <c r="D86" s="18">
        <v>125</v>
      </c>
    </row>
    <row r="87" spans="1:4" ht="18" customHeight="1" x14ac:dyDescent="0.15">
      <c r="A87" s="5">
        <v>67</v>
      </c>
      <c r="B87" s="22">
        <v>66</v>
      </c>
      <c r="C87" s="14">
        <v>69</v>
      </c>
      <c r="D87" s="18">
        <v>135</v>
      </c>
    </row>
    <row r="88" spans="1:4" ht="18" customHeight="1" x14ac:dyDescent="0.15">
      <c r="A88" s="5">
        <v>68</v>
      </c>
      <c r="B88" s="22">
        <v>62</v>
      </c>
      <c r="C88" s="14">
        <v>54</v>
      </c>
      <c r="D88" s="18">
        <v>116</v>
      </c>
    </row>
    <row r="89" spans="1:4" ht="18" customHeight="1" x14ac:dyDescent="0.15">
      <c r="A89" s="5">
        <v>69</v>
      </c>
      <c r="B89" s="22">
        <v>56</v>
      </c>
      <c r="C89" s="14">
        <v>63</v>
      </c>
      <c r="D89" s="18">
        <v>119</v>
      </c>
    </row>
    <row r="90" spans="1:4" ht="18" customHeight="1" x14ac:dyDescent="0.15">
      <c r="A90" s="5" t="s">
        <v>20</v>
      </c>
      <c r="B90" s="22">
        <v>299</v>
      </c>
      <c r="C90" s="14">
        <v>307</v>
      </c>
      <c r="D90" s="18">
        <v>606</v>
      </c>
    </row>
    <row r="91" spans="1:4" ht="18" customHeight="1" x14ac:dyDescent="0.15">
      <c r="A91" s="5">
        <v>70</v>
      </c>
      <c r="B91" s="22">
        <v>47</v>
      </c>
      <c r="C91" s="14">
        <v>58</v>
      </c>
      <c r="D91" s="18">
        <v>105</v>
      </c>
    </row>
    <row r="92" spans="1:4" ht="18" customHeight="1" x14ac:dyDescent="0.15">
      <c r="A92" s="5">
        <v>71</v>
      </c>
      <c r="B92" s="22">
        <v>65</v>
      </c>
      <c r="C92" s="14">
        <v>59</v>
      </c>
      <c r="D92" s="18">
        <v>124</v>
      </c>
    </row>
    <row r="93" spans="1:4" ht="18" customHeight="1" x14ac:dyDescent="0.15">
      <c r="A93" s="5">
        <v>72</v>
      </c>
      <c r="B93" s="22">
        <v>62</v>
      </c>
      <c r="C93" s="14">
        <v>77</v>
      </c>
      <c r="D93" s="18">
        <v>139</v>
      </c>
    </row>
    <row r="94" spans="1:4" ht="18" customHeight="1" x14ac:dyDescent="0.15">
      <c r="A94" s="5">
        <v>73</v>
      </c>
      <c r="B94" s="22">
        <v>51</v>
      </c>
      <c r="C94" s="14">
        <v>62</v>
      </c>
      <c r="D94" s="18">
        <v>113</v>
      </c>
    </row>
    <row r="95" spans="1:4" ht="18" customHeight="1" x14ac:dyDescent="0.15">
      <c r="A95" s="5">
        <v>74</v>
      </c>
      <c r="B95" s="22">
        <v>66</v>
      </c>
      <c r="C95" s="14">
        <v>70</v>
      </c>
      <c r="D95" s="18">
        <v>136</v>
      </c>
    </row>
    <row r="96" spans="1:4" ht="18" customHeight="1" x14ac:dyDescent="0.15">
      <c r="A96" s="5" t="s">
        <v>33</v>
      </c>
      <c r="B96" s="22">
        <v>291</v>
      </c>
      <c r="C96" s="14">
        <v>326</v>
      </c>
      <c r="D96" s="18">
        <v>617</v>
      </c>
    </row>
    <row r="97" spans="1:4" ht="18" customHeight="1" x14ac:dyDescent="0.15">
      <c r="A97" s="5">
        <v>75</v>
      </c>
      <c r="B97" s="22">
        <v>73</v>
      </c>
      <c r="C97" s="14">
        <v>89</v>
      </c>
      <c r="D97" s="18">
        <v>162</v>
      </c>
    </row>
    <row r="98" spans="1:4" ht="18" customHeight="1" x14ac:dyDescent="0.15">
      <c r="A98" s="5">
        <v>76</v>
      </c>
      <c r="B98" s="22">
        <v>76</v>
      </c>
      <c r="C98" s="14">
        <v>80</v>
      </c>
      <c r="D98" s="18">
        <v>156</v>
      </c>
    </row>
    <row r="99" spans="1:4" ht="18" customHeight="1" x14ac:dyDescent="0.15">
      <c r="A99" s="5">
        <v>77</v>
      </c>
      <c r="B99" s="22">
        <v>80</v>
      </c>
      <c r="C99" s="14">
        <v>101</v>
      </c>
      <c r="D99" s="18">
        <v>181</v>
      </c>
    </row>
    <row r="100" spans="1:4" ht="18" customHeight="1" x14ac:dyDescent="0.15">
      <c r="A100" s="5">
        <v>78</v>
      </c>
      <c r="B100" s="22">
        <v>86</v>
      </c>
      <c r="C100" s="14">
        <v>98</v>
      </c>
      <c r="D100" s="18">
        <v>184</v>
      </c>
    </row>
    <row r="101" spans="1:4" ht="18" customHeight="1" x14ac:dyDescent="0.15">
      <c r="A101" s="5">
        <v>79</v>
      </c>
      <c r="B101" s="22">
        <v>58</v>
      </c>
      <c r="C101" s="14">
        <v>77</v>
      </c>
      <c r="D101" s="18">
        <v>135</v>
      </c>
    </row>
    <row r="102" spans="1:4" ht="18" customHeight="1" x14ac:dyDescent="0.15">
      <c r="A102" s="5" t="s">
        <v>0</v>
      </c>
      <c r="B102" s="22">
        <v>373</v>
      </c>
      <c r="C102" s="14">
        <v>445</v>
      </c>
      <c r="D102" s="18">
        <v>818</v>
      </c>
    </row>
    <row r="103" spans="1:4" ht="18" customHeight="1" x14ac:dyDescent="0.15">
      <c r="A103" s="5">
        <v>80</v>
      </c>
      <c r="B103" s="22">
        <v>35</v>
      </c>
      <c r="C103" s="14">
        <v>47</v>
      </c>
      <c r="D103" s="18">
        <v>82</v>
      </c>
    </row>
    <row r="104" spans="1:4" ht="18" customHeight="1" x14ac:dyDescent="0.15">
      <c r="A104" s="5">
        <v>81</v>
      </c>
      <c r="B104" s="22">
        <v>39</v>
      </c>
      <c r="C104" s="14">
        <v>85</v>
      </c>
      <c r="D104" s="18">
        <v>124</v>
      </c>
    </row>
    <row r="105" spans="1:4" ht="18" customHeight="1" x14ac:dyDescent="0.15">
      <c r="A105" s="5">
        <v>82</v>
      </c>
      <c r="B105" s="22">
        <v>45</v>
      </c>
      <c r="C105" s="14">
        <v>54</v>
      </c>
      <c r="D105" s="18">
        <v>99</v>
      </c>
    </row>
    <row r="106" spans="1:4" ht="18" customHeight="1" x14ac:dyDescent="0.15">
      <c r="A106" s="5">
        <v>83</v>
      </c>
      <c r="B106" s="22">
        <v>43</v>
      </c>
      <c r="C106" s="14">
        <v>66</v>
      </c>
      <c r="D106" s="18">
        <v>109</v>
      </c>
    </row>
    <row r="107" spans="1:4" ht="18" customHeight="1" x14ac:dyDescent="0.15">
      <c r="A107" s="5">
        <v>84</v>
      </c>
      <c r="B107" s="22">
        <v>33</v>
      </c>
      <c r="C107" s="14">
        <v>61</v>
      </c>
      <c r="D107" s="18">
        <v>94</v>
      </c>
    </row>
    <row r="108" spans="1:4" ht="18" customHeight="1" x14ac:dyDescent="0.15">
      <c r="A108" s="5" t="s">
        <v>35</v>
      </c>
      <c r="B108" s="22">
        <v>195</v>
      </c>
      <c r="C108" s="14">
        <v>313</v>
      </c>
      <c r="D108" s="18">
        <v>508</v>
      </c>
    </row>
    <row r="109" spans="1:4" ht="18" customHeight="1" x14ac:dyDescent="0.15">
      <c r="A109" s="5">
        <v>85</v>
      </c>
      <c r="B109" s="22">
        <v>35</v>
      </c>
      <c r="C109" s="14">
        <v>55</v>
      </c>
      <c r="D109" s="18">
        <v>90</v>
      </c>
    </row>
    <row r="110" spans="1:4" ht="18" customHeight="1" x14ac:dyDescent="0.15">
      <c r="A110" s="5">
        <v>86</v>
      </c>
      <c r="B110" s="22">
        <v>25</v>
      </c>
      <c r="C110" s="14">
        <v>40</v>
      </c>
      <c r="D110" s="18">
        <v>65</v>
      </c>
    </row>
    <row r="111" spans="1:4" ht="18" customHeight="1" x14ac:dyDescent="0.15">
      <c r="A111" s="5">
        <v>87</v>
      </c>
      <c r="B111" s="22">
        <v>16</v>
      </c>
      <c r="C111" s="14">
        <v>44</v>
      </c>
      <c r="D111" s="18">
        <v>60</v>
      </c>
    </row>
    <row r="112" spans="1:4" ht="18" customHeight="1" x14ac:dyDescent="0.15">
      <c r="A112" s="5">
        <v>88</v>
      </c>
      <c r="B112" s="22">
        <v>22</v>
      </c>
      <c r="C112" s="14">
        <v>55</v>
      </c>
      <c r="D112" s="18">
        <v>77</v>
      </c>
    </row>
    <row r="113" spans="1:4" ht="18" customHeight="1" x14ac:dyDescent="0.15">
      <c r="A113" s="5">
        <v>89</v>
      </c>
      <c r="B113" s="22">
        <v>17</v>
      </c>
      <c r="C113" s="14">
        <v>40</v>
      </c>
      <c r="D113" s="18">
        <v>57</v>
      </c>
    </row>
    <row r="114" spans="1:4" ht="18" customHeight="1" x14ac:dyDescent="0.15">
      <c r="A114" s="5" t="s">
        <v>37</v>
      </c>
      <c r="B114" s="22">
        <v>115</v>
      </c>
      <c r="C114" s="14">
        <v>234</v>
      </c>
      <c r="D114" s="18">
        <v>349</v>
      </c>
    </row>
    <row r="115" spans="1:4" ht="18" customHeight="1" x14ac:dyDescent="0.15">
      <c r="A115" s="5">
        <v>90</v>
      </c>
      <c r="B115" s="22">
        <v>15</v>
      </c>
      <c r="C115" s="14">
        <v>40</v>
      </c>
      <c r="D115" s="18">
        <v>55</v>
      </c>
    </row>
    <row r="116" spans="1:4" ht="18" customHeight="1" x14ac:dyDescent="0.15">
      <c r="A116" s="5">
        <v>91</v>
      </c>
      <c r="B116" s="22">
        <v>20</v>
      </c>
      <c r="C116" s="14">
        <v>25</v>
      </c>
      <c r="D116" s="18">
        <v>45</v>
      </c>
    </row>
    <row r="117" spans="1:4" ht="18" customHeight="1" x14ac:dyDescent="0.15">
      <c r="A117" s="5">
        <v>92</v>
      </c>
      <c r="B117" s="22">
        <v>13</v>
      </c>
      <c r="C117" s="14">
        <v>36</v>
      </c>
      <c r="D117" s="18">
        <v>49</v>
      </c>
    </row>
    <row r="118" spans="1:4" ht="18" customHeight="1" x14ac:dyDescent="0.15">
      <c r="A118" s="5">
        <v>93</v>
      </c>
      <c r="B118" s="22">
        <v>5</v>
      </c>
      <c r="C118" s="14">
        <v>21</v>
      </c>
      <c r="D118" s="18">
        <v>26</v>
      </c>
    </row>
    <row r="119" spans="1:4" ht="18" customHeight="1" x14ac:dyDescent="0.15">
      <c r="A119" s="5">
        <v>94</v>
      </c>
      <c r="B119" s="22">
        <v>2</v>
      </c>
      <c r="C119" s="14">
        <v>19</v>
      </c>
      <c r="D119" s="18">
        <v>21</v>
      </c>
    </row>
    <row r="120" spans="1:4" ht="18" customHeight="1" x14ac:dyDescent="0.15">
      <c r="A120" s="5" t="s">
        <v>39</v>
      </c>
      <c r="B120" s="22">
        <v>55</v>
      </c>
      <c r="C120" s="14">
        <v>141</v>
      </c>
      <c r="D120" s="18">
        <v>196</v>
      </c>
    </row>
    <row r="121" spans="1:4" ht="18" customHeight="1" x14ac:dyDescent="0.15">
      <c r="A121" s="5">
        <v>95</v>
      </c>
      <c r="B121" s="22">
        <v>7</v>
      </c>
      <c r="C121" s="14">
        <v>18</v>
      </c>
      <c r="D121" s="18">
        <v>25</v>
      </c>
    </row>
    <row r="122" spans="1:4" ht="18" customHeight="1" x14ac:dyDescent="0.15">
      <c r="A122" s="5">
        <v>96</v>
      </c>
      <c r="B122" s="22">
        <v>3</v>
      </c>
      <c r="C122" s="14">
        <v>10</v>
      </c>
      <c r="D122" s="18">
        <v>13</v>
      </c>
    </row>
    <row r="123" spans="1:4" ht="18" customHeight="1" x14ac:dyDescent="0.15">
      <c r="A123" s="5">
        <v>97</v>
      </c>
      <c r="B123" s="22">
        <v>3</v>
      </c>
      <c r="C123" s="14">
        <v>13</v>
      </c>
      <c r="D123" s="18">
        <v>16</v>
      </c>
    </row>
    <row r="124" spans="1:4" ht="18" customHeight="1" x14ac:dyDescent="0.15">
      <c r="A124" s="5">
        <v>98</v>
      </c>
      <c r="B124" s="22">
        <v>3</v>
      </c>
      <c r="C124" s="14">
        <v>6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16</v>
      </c>
      <c r="C126" s="14">
        <v>52</v>
      </c>
      <c r="D126" s="18">
        <v>68</v>
      </c>
    </row>
    <row r="127" spans="1:4" ht="18" customHeight="1" x14ac:dyDescent="0.15">
      <c r="A127" s="5">
        <v>100</v>
      </c>
      <c r="B127" s="22">
        <v>0</v>
      </c>
      <c r="C127" s="14">
        <v>8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9</v>
      </c>
      <c r="D128" s="18">
        <v>9</v>
      </c>
    </row>
    <row r="129" spans="1:4" ht="18" customHeight="1" x14ac:dyDescent="0.15">
      <c r="A129" s="5" t="s">
        <v>44</v>
      </c>
      <c r="B129" s="22">
        <v>0</v>
      </c>
      <c r="C129" s="14">
        <v>17</v>
      </c>
      <c r="D129" s="18">
        <v>17</v>
      </c>
    </row>
    <row r="130" spans="1:4" ht="18" customHeight="1" x14ac:dyDescent="0.15">
      <c r="A130" s="5" t="s">
        <v>46</v>
      </c>
      <c r="B130" s="22">
        <v>1344</v>
      </c>
      <c r="C130" s="14">
        <v>1835</v>
      </c>
      <c r="D130" s="18">
        <v>3179</v>
      </c>
    </row>
    <row r="131" spans="1:4" ht="18" customHeight="1" x14ac:dyDescent="0.15">
      <c r="A131" s="7" t="s">
        <v>45</v>
      </c>
      <c r="B131" s="23">
        <v>4041</v>
      </c>
      <c r="C131" s="15">
        <v>4369</v>
      </c>
      <c r="D131" s="19">
        <v>84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6</v>
      </c>
      <c r="D6" s="18">
        <v>8</v>
      </c>
    </row>
    <row r="7" spans="1:4" ht="18" customHeight="1" x14ac:dyDescent="0.15">
      <c r="A7" s="5">
        <v>2</v>
      </c>
      <c r="B7" s="27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7">
        <v>1</v>
      </c>
      <c r="C8" s="14">
        <v>4</v>
      </c>
      <c r="D8" s="18">
        <v>5</v>
      </c>
    </row>
    <row r="9" spans="1:4" ht="18" customHeight="1" x14ac:dyDescent="0.15">
      <c r="A9" s="5">
        <v>4</v>
      </c>
      <c r="B9" s="28">
        <v>4</v>
      </c>
      <c r="C9" s="30">
        <v>2</v>
      </c>
      <c r="D9" s="32">
        <v>6</v>
      </c>
    </row>
    <row r="10" spans="1:4" ht="18" customHeight="1" x14ac:dyDescent="0.15">
      <c r="A10" s="5" t="s">
        <v>7</v>
      </c>
      <c r="B10" s="22">
        <v>9</v>
      </c>
      <c r="C10" s="14">
        <v>15</v>
      </c>
      <c r="D10" s="18">
        <v>24</v>
      </c>
    </row>
    <row r="11" spans="1:4" ht="18" customHeight="1" x14ac:dyDescent="0.15">
      <c r="A11" s="5">
        <v>5</v>
      </c>
      <c r="B11" s="27">
        <v>3</v>
      </c>
      <c r="C11" s="14">
        <v>6</v>
      </c>
      <c r="D11" s="18">
        <v>9</v>
      </c>
    </row>
    <row r="12" spans="1:4" ht="18" customHeight="1" x14ac:dyDescent="0.15">
      <c r="A12" s="5">
        <v>6</v>
      </c>
      <c r="B12" s="27">
        <v>3</v>
      </c>
      <c r="C12" s="14">
        <v>4</v>
      </c>
      <c r="D12" s="18">
        <v>7</v>
      </c>
    </row>
    <row r="13" spans="1:4" ht="18" customHeight="1" x14ac:dyDescent="0.15">
      <c r="A13" s="5">
        <v>7</v>
      </c>
      <c r="B13" s="27">
        <v>3</v>
      </c>
      <c r="C13" s="14">
        <v>6</v>
      </c>
      <c r="D13" s="18">
        <v>9</v>
      </c>
    </row>
    <row r="14" spans="1:4" ht="18" customHeight="1" x14ac:dyDescent="0.15">
      <c r="A14" s="5">
        <v>8</v>
      </c>
      <c r="B14" s="27">
        <v>3</v>
      </c>
      <c r="C14" s="14">
        <v>3</v>
      </c>
      <c r="D14" s="18">
        <v>6</v>
      </c>
    </row>
    <row r="15" spans="1:4" ht="18" customHeight="1" x14ac:dyDescent="0.15">
      <c r="A15" s="5">
        <v>9</v>
      </c>
      <c r="B15" s="27">
        <v>4</v>
      </c>
      <c r="C15" s="14">
        <v>4</v>
      </c>
      <c r="D15" s="18">
        <v>8</v>
      </c>
    </row>
    <row r="16" spans="1:4" ht="18" customHeight="1" x14ac:dyDescent="0.15">
      <c r="A16" s="5" t="s">
        <v>11</v>
      </c>
      <c r="B16" s="22">
        <v>16</v>
      </c>
      <c r="C16" s="14">
        <v>23</v>
      </c>
      <c r="D16" s="18">
        <v>39</v>
      </c>
    </row>
    <row r="17" spans="1:4" ht="18" customHeight="1" x14ac:dyDescent="0.15">
      <c r="A17" s="5">
        <v>10</v>
      </c>
      <c r="B17" s="22">
        <v>2</v>
      </c>
      <c r="C17" s="14">
        <v>5</v>
      </c>
      <c r="D17" s="18">
        <v>7</v>
      </c>
    </row>
    <row r="18" spans="1:4" ht="18" customHeight="1" x14ac:dyDescent="0.15">
      <c r="A18" s="5">
        <v>11</v>
      </c>
      <c r="B18" s="22">
        <v>7</v>
      </c>
      <c r="C18" s="14">
        <v>5</v>
      </c>
      <c r="D18" s="18">
        <v>12</v>
      </c>
    </row>
    <row r="19" spans="1:4" ht="18" customHeight="1" x14ac:dyDescent="0.15">
      <c r="A19" s="5">
        <v>12</v>
      </c>
      <c r="B19" s="22">
        <v>6</v>
      </c>
      <c r="C19" s="14">
        <v>5</v>
      </c>
      <c r="D19" s="18">
        <v>11</v>
      </c>
    </row>
    <row r="20" spans="1:4" ht="18" customHeight="1" x14ac:dyDescent="0.15">
      <c r="A20" s="5">
        <v>13</v>
      </c>
      <c r="B20" s="22">
        <v>2</v>
      </c>
      <c r="C20" s="14">
        <v>8</v>
      </c>
      <c r="D20" s="18">
        <v>10</v>
      </c>
    </row>
    <row r="21" spans="1:4" ht="18" customHeight="1" x14ac:dyDescent="0.15">
      <c r="A21" s="5">
        <v>14</v>
      </c>
      <c r="B21" s="22">
        <v>7</v>
      </c>
      <c r="C21" s="14">
        <v>9</v>
      </c>
      <c r="D21" s="18">
        <v>16</v>
      </c>
    </row>
    <row r="22" spans="1:4" ht="18" customHeight="1" x14ac:dyDescent="0.15">
      <c r="A22" s="5" t="s">
        <v>12</v>
      </c>
      <c r="B22" s="22">
        <v>24</v>
      </c>
      <c r="C22" s="14">
        <v>32</v>
      </c>
      <c r="D22" s="18">
        <v>56</v>
      </c>
    </row>
    <row r="23" spans="1:4" ht="18" customHeight="1" x14ac:dyDescent="0.15">
      <c r="A23" s="5" t="s">
        <v>6</v>
      </c>
      <c r="B23" s="22">
        <v>49</v>
      </c>
      <c r="C23" s="14">
        <v>70</v>
      </c>
      <c r="D23" s="18">
        <v>119</v>
      </c>
    </row>
    <row r="24" spans="1:4" ht="18" customHeight="1" x14ac:dyDescent="0.15">
      <c r="A24" s="5">
        <v>15</v>
      </c>
      <c r="B24" s="22">
        <v>6</v>
      </c>
      <c r="C24" s="14">
        <v>4</v>
      </c>
      <c r="D24" s="18">
        <v>10</v>
      </c>
    </row>
    <row r="25" spans="1:4" ht="18" customHeight="1" x14ac:dyDescent="0.15">
      <c r="A25" s="5">
        <v>16</v>
      </c>
      <c r="B25" s="22">
        <v>11</v>
      </c>
      <c r="C25" s="14">
        <v>7</v>
      </c>
      <c r="D25" s="18">
        <v>18</v>
      </c>
    </row>
    <row r="26" spans="1:4" ht="18" customHeight="1" x14ac:dyDescent="0.15">
      <c r="A26" s="5">
        <v>17</v>
      </c>
      <c r="B26" s="22">
        <v>9</v>
      </c>
      <c r="C26" s="14">
        <v>6</v>
      </c>
      <c r="D26" s="18">
        <v>15</v>
      </c>
    </row>
    <row r="27" spans="1:4" ht="18" customHeight="1" x14ac:dyDescent="0.15">
      <c r="A27" s="5">
        <v>18</v>
      </c>
      <c r="B27" s="22">
        <v>9</v>
      </c>
      <c r="C27" s="14">
        <v>8</v>
      </c>
      <c r="D27" s="18">
        <v>17</v>
      </c>
    </row>
    <row r="28" spans="1:4" ht="18" customHeight="1" x14ac:dyDescent="0.15">
      <c r="A28" s="5">
        <v>19</v>
      </c>
      <c r="B28" s="22">
        <v>12</v>
      </c>
      <c r="C28" s="14">
        <v>10</v>
      </c>
      <c r="D28" s="18">
        <v>22</v>
      </c>
    </row>
    <row r="29" spans="1:4" ht="18" customHeight="1" x14ac:dyDescent="0.15">
      <c r="A29" s="5" t="s">
        <v>14</v>
      </c>
      <c r="B29" s="22">
        <v>47</v>
      </c>
      <c r="C29" s="14">
        <v>35</v>
      </c>
      <c r="D29" s="18">
        <v>82</v>
      </c>
    </row>
    <row r="30" spans="1:4" ht="18" customHeight="1" x14ac:dyDescent="0.15">
      <c r="A30" s="5">
        <v>20</v>
      </c>
      <c r="B30" s="22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22">
        <v>3</v>
      </c>
      <c r="C31" s="14">
        <v>4</v>
      </c>
      <c r="D31" s="18">
        <v>7</v>
      </c>
    </row>
    <row r="32" spans="1:4" ht="18" customHeight="1" x14ac:dyDescent="0.15">
      <c r="A32" s="5">
        <v>22</v>
      </c>
      <c r="B32" s="22">
        <v>5</v>
      </c>
      <c r="C32" s="14">
        <v>6</v>
      </c>
      <c r="D32" s="18">
        <v>11</v>
      </c>
    </row>
    <row r="33" spans="1:4" ht="18" customHeight="1" x14ac:dyDescent="0.15">
      <c r="A33" s="5">
        <v>23</v>
      </c>
      <c r="B33" s="22">
        <v>13</v>
      </c>
      <c r="C33" s="14">
        <v>9</v>
      </c>
      <c r="D33" s="18">
        <v>22</v>
      </c>
    </row>
    <row r="34" spans="1:4" ht="18" customHeight="1" x14ac:dyDescent="0.15">
      <c r="A34" s="5">
        <v>24</v>
      </c>
      <c r="B34" s="22">
        <v>6</v>
      </c>
      <c r="C34" s="14">
        <v>3</v>
      </c>
      <c r="D34" s="18">
        <v>9</v>
      </c>
    </row>
    <row r="35" spans="1:4" ht="18" customHeight="1" x14ac:dyDescent="0.15">
      <c r="A35" s="5" t="s">
        <v>9</v>
      </c>
      <c r="B35" s="22">
        <v>34</v>
      </c>
      <c r="C35" s="14">
        <v>29</v>
      </c>
      <c r="D35" s="18">
        <v>63</v>
      </c>
    </row>
    <row r="36" spans="1:4" ht="18" customHeight="1" x14ac:dyDescent="0.15">
      <c r="A36" s="5">
        <v>25</v>
      </c>
      <c r="B36" s="22">
        <v>9</v>
      </c>
      <c r="C36" s="14">
        <v>4</v>
      </c>
      <c r="D36" s="18">
        <v>13</v>
      </c>
    </row>
    <row r="37" spans="1:4" ht="18" customHeight="1" x14ac:dyDescent="0.15">
      <c r="A37" s="5">
        <v>26</v>
      </c>
      <c r="B37" s="22">
        <v>15</v>
      </c>
      <c r="C37" s="14">
        <v>4</v>
      </c>
      <c r="D37" s="18">
        <v>19</v>
      </c>
    </row>
    <row r="38" spans="1:4" ht="18" customHeight="1" x14ac:dyDescent="0.15">
      <c r="A38" s="5">
        <v>27</v>
      </c>
      <c r="B38" s="22">
        <v>15</v>
      </c>
      <c r="C38" s="14">
        <v>4</v>
      </c>
      <c r="D38" s="18">
        <v>19</v>
      </c>
    </row>
    <row r="39" spans="1:4" ht="18" customHeight="1" x14ac:dyDescent="0.15">
      <c r="A39" s="5">
        <v>28</v>
      </c>
      <c r="B39" s="22">
        <v>7</v>
      </c>
      <c r="C39" s="14">
        <v>6</v>
      </c>
      <c r="D39" s="18">
        <v>13</v>
      </c>
    </row>
    <row r="40" spans="1:4" ht="18" customHeight="1" x14ac:dyDescent="0.15">
      <c r="A40" s="5">
        <v>29</v>
      </c>
      <c r="B40" s="22">
        <v>10</v>
      </c>
      <c r="C40" s="14">
        <v>5</v>
      </c>
      <c r="D40" s="18">
        <v>15</v>
      </c>
    </row>
    <row r="41" spans="1:4" ht="18" customHeight="1" x14ac:dyDescent="0.15">
      <c r="A41" s="5" t="s">
        <v>2</v>
      </c>
      <c r="B41" s="22">
        <v>56</v>
      </c>
      <c r="C41" s="14">
        <v>23</v>
      </c>
      <c r="D41" s="18">
        <v>79</v>
      </c>
    </row>
    <row r="42" spans="1:4" ht="18" customHeight="1" x14ac:dyDescent="0.15">
      <c r="A42" s="5">
        <v>30</v>
      </c>
      <c r="B42" s="22">
        <v>3</v>
      </c>
      <c r="C42" s="14">
        <v>4</v>
      </c>
      <c r="D42" s="18">
        <v>7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6</v>
      </c>
      <c r="C44" s="14">
        <v>1</v>
      </c>
      <c r="D44" s="18">
        <v>7</v>
      </c>
    </row>
    <row r="45" spans="1:4" ht="18" customHeight="1" x14ac:dyDescent="0.15">
      <c r="A45" s="5">
        <v>33</v>
      </c>
      <c r="B45" s="22">
        <v>5</v>
      </c>
      <c r="C45" s="14">
        <v>4</v>
      </c>
      <c r="D45" s="18">
        <v>9</v>
      </c>
    </row>
    <row r="46" spans="1:4" ht="18" customHeight="1" x14ac:dyDescent="0.15">
      <c r="A46" s="5">
        <v>34</v>
      </c>
      <c r="B46" s="22">
        <v>3</v>
      </c>
      <c r="C46" s="14">
        <v>5</v>
      </c>
      <c r="D46" s="18">
        <v>8</v>
      </c>
    </row>
    <row r="47" spans="1:4" ht="18" customHeight="1" x14ac:dyDescent="0.15">
      <c r="A47" s="5" t="s">
        <v>15</v>
      </c>
      <c r="B47" s="22">
        <v>22</v>
      </c>
      <c r="C47" s="14">
        <v>17</v>
      </c>
      <c r="D47" s="18">
        <v>39</v>
      </c>
    </row>
    <row r="48" spans="1:4" ht="18" customHeight="1" x14ac:dyDescent="0.15">
      <c r="A48" s="5">
        <v>35</v>
      </c>
      <c r="B48" s="22">
        <v>6</v>
      </c>
      <c r="C48" s="14">
        <v>3</v>
      </c>
      <c r="D48" s="18">
        <v>9</v>
      </c>
    </row>
    <row r="49" spans="1:4" ht="18" customHeight="1" x14ac:dyDescent="0.15">
      <c r="A49" s="5">
        <v>36</v>
      </c>
      <c r="B49" s="22">
        <v>7</v>
      </c>
      <c r="C49" s="14">
        <v>5</v>
      </c>
      <c r="D49" s="18">
        <v>12</v>
      </c>
    </row>
    <row r="50" spans="1:4" ht="18" customHeight="1" x14ac:dyDescent="0.15">
      <c r="A50" s="5">
        <v>37</v>
      </c>
      <c r="B50" s="22">
        <v>2</v>
      </c>
      <c r="C50" s="14">
        <v>2</v>
      </c>
      <c r="D50" s="18">
        <v>4</v>
      </c>
    </row>
    <row r="51" spans="1:4" ht="18" customHeight="1" x14ac:dyDescent="0.15">
      <c r="A51" s="5">
        <v>38</v>
      </c>
      <c r="B51" s="22">
        <v>3</v>
      </c>
      <c r="C51" s="14">
        <v>3</v>
      </c>
      <c r="D51" s="18">
        <v>6</v>
      </c>
    </row>
    <row r="52" spans="1:4" ht="18" customHeight="1" x14ac:dyDescent="0.15">
      <c r="A52" s="5">
        <v>39</v>
      </c>
      <c r="B52" s="22">
        <v>8</v>
      </c>
      <c r="C52" s="14">
        <v>8</v>
      </c>
      <c r="D52" s="18">
        <v>16</v>
      </c>
    </row>
    <row r="53" spans="1:4" ht="18" customHeight="1" x14ac:dyDescent="0.15">
      <c r="A53" s="5" t="s">
        <v>18</v>
      </c>
      <c r="B53" s="22">
        <v>26</v>
      </c>
      <c r="C53" s="14">
        <v>21</v>
      </c>
      <c r="D53" s="18">
        <v>47</v>
      </c>
    </row>
    <row r="54" spans="1:4" ht="18" customHeight="1" x14ac:dyDescent="0.15">
      <c r="A54" s="5">
        <v>40</v>
      </c>
      <c r="B54" s="22">
        <v>5</v>
      </c>
      <c r="C54" s="14">
        <v>3</v>
      </c>
      <c r="D54" s="18">
        <v>8</v>
      </c>
    </row>
    <row r="55" spans="1:4" ht="18" customHeight="1" x14ac:dyDescent="0.15">
      <c r="A55" s="5">
        <v>41</v>
      </c>
      <c r="B55" s="22">
        <v>15</v>
      </c>
      <c r="C55" s="14">
        <v>10</v>
      </c>
      <c r="D55" s="18">
        <v>25</v>
      </c>
    </row>
    <row r="56" spans="1:4" ht="18" customHeight="1" x14ac:dyDescent="0.15">
      <c r="A56" s="5">
        <v>42</v>
      </c>
      <c r="B56" s="22">
        <v>5</v>
      </c>
      <c r="C56" s="14">
        <v>8</v>
      </c>
      <c r="D56" s="18">
        <v>13</v>
      </c>
    </row>
    <row r="57" spans="1:4" ht="18" customHeight="1" x14ac:dyDescent="0.15">
      <c r="A57" s="5">
        <v>43</v>
      </c>
      <c r="B57" s="22">
        <v>9</v>
      </c>
      <c r="C57" s="14">
        <v>11</v>
      </c>
      <c r="D57" s="18">
        <v>20</v>
      </c>
    </row>
    <row r="58" spans="1:4" ht="18" customHeight="1" x14ac:dyDescent="0.15">
      <c r="A58" s="5">
        <v>44</v>
      </c>
      <c r="B58" s="22">
        <v>14</v>
      </c>
      <c r="C58" s="14">
        <v>5</v>
      </c>
      <c r="D58" s="18">
        <v>19</v>
      </c>
    </row>
    <row r="59" spans="1:4" ht="18" customHeight="1" x14ac:dyDescent="0.15">
      <c r="A59" s="5" t="s">
        <v>21</v>
      </c>
      <c r="B59" s="22">
        <v>48</v>
      </c>
      <c r="C59" s="14">
        <v>37</v>
      </c>
      <c r="D59" s="18">
        <v>85</v>
      </c>
    </row>
    <row r="60" spans="1:4" ht="18" customHeight="1" x14ac:dyDescent="0.15">
      <c r="A60" s="5">
        <v>45</v>
      </c>
      <c r="B60" s="22">
        <v>9</v>
      </c>
      <c r="C60" s="14">
        <v>4</v>
      </c>
      <c r="D60" s="18">
        <v>13</v>
      </c>
    </row>
    <row r="61" spans="1:4" ht="18" customHeight="1" x14ac:dyDescent="0.15">
      <c r="A61" s="5">
        <v>46</v>
      </c>
      <c r="B61" s="22">
        <v>10</v>
      </c>
      <c r="C61" s="14">
        <v>8</v>
      </c>
      <c r="D61" s="18">
        <v>18</v>
      </c>
    </row>
    <row r="62" spans="1:4" ht="18" customHeight="1" x14ac:dyDescent="0.15">
      <c r="A62" s="5">
        <v>47</v>
      </c>
      <c r="B62" s="22">
        <v>9</v>
      </c>
      <c r="C62" s="14">
        <v>13</v>
      </c>
      <c r="D62" s="18">
        <v>22</v>
      </c>
    </row>
    <row r="63" spans="1:4" ht="18" customHeight="1" x14ac:dyDescent="0.15">
      <c r="A63" s="5">
        <v>48</v>
      </c>
      <c r="B63" s="22">
        <v>7</v>
      </c>
      <c r="C63" s="14">
        <v>9</v>
      </c>
      <c r="D63" s="18">
        <v>16</v>
      </c>
    </row>
    <row r="64" spans="1:4" ht="18" customHeight="1" x14ac:dyDescent="0.15">
      <c r="A64" s="5">
        <v>49</v>
      </c>
      <c r="B64" s="22">
        <v>10</v>
      </c>
      <c r="C64" s="14">
        <v>14</v>
      </c>
      <c r="D64" s="18">
        <v>24</v>
      </c>
    </row>
    <row r="65" spans="1:4" ht="18" customHeight="1" x14ac:dyDescent="0.15">
      <c r="A65" s="5" t="s">
        <v>17</v>
      </c>
      <c r="B65" s="22">
        <v>45</v>
      </c>
      <c r="C65" s="14">
        <v>48</v>
      </c>
      <c r="D65" s="18">
        <v>93</v>
      </c>
    </row>
    <row r="66" spans="1:4" ht="18" customHeight="1" x14ac:dyDescent="0.15">
      <c r="A66" s="5">
        <v>50</v>
      </c>
      <c r="B66" s="22">
        <v>9</v>
      </c>
      <c r="C66" s="14">
        <v>4</v>
      </c>
      <c r="D66" s="18">
        <v>13</v>
      </c>
    </row>
    <row r="67" spans="1:4" ht="18" customHeight="1" x14ac:dyDescent="0.15">
      <c r="A67" s="5">
        <v>51</v>
      </c>
      <c r="B67" s="22">
        <v>15</v>
      </c>
      <c r="C67" s="14">
        <v>13</v>
      </c>
      <c r="D67" s="18">
        <v>28</v>
      </c>
    </row>
    <row r="68" spans="1:4" ht="18" customHeight="1" x14ac:dyDescent="0.15">
      <c r="A68" s="5">
        <v>52</v>
      </c>
      <c r="B68" s="22">
        <v>19</v>
      </c>
      <c r="C68" s="14">
        <v>13</v>
      </c>
      <c r="D68" s="18">
        <v>32</v>
      </c>
    </row>
    <row r="69" spans="1:4" ht="18" customHeight="1" x14ac:dyDescent="0.15">
      <c r="A69" s="5">
        <v>53</v>
      </c>
      <c r="B69" s="22">
        <v>12</v>
      </c>
      <c r="C69" s="14">
        <v>11</v>
      </c>
      <c r="D69" s="18">
        <v>23</v>
      </c>
    </row>
    <row r="70" spans="1:4" ht="18" customHeight="1" x14ac:dyDescent="0.15">
      <c r="A70" s="5">
        <v>54</v>
      </c>
      <c r="B70" s="22">
        <v>11</v>
      </c>
      <c r="C70" s="14">
        <v>11</v>
      </c>
      <c r="D70" s="18">
        <v>22</v>
      </c>
    </row>
    <row r="71" spans="1:4" ht="18" customHeight="1" x14ac:dyDescent="0.15">
      <c r="A71" s="5" t="s">
        <v>22</v>
      </c>
      <c r="B71" s="22">
        <v>66</v>
      </c>
      <c r="C71" s="14">
        <v>52</v>
      </c>
      <c r="D71" s="18">
        <v>118</v>
      </c>
    </row>
    <row r="72" spans="1:4" ht="18" customHeight="1" x14ac:dyDescent="0.15">
      <c r="A72" s="5">
        <v>55</v>
      </c>
      <c r="B72" s="22">
        <v>23</v>
      </c>
      <c r="C72" s="14">
        <v>14</v>
      </c>
      <c r="D72" s="18">
        <v>37</v>
      </c>
    </row>
    <row r="73" spans="1:4" ht="18" customHeight="1" x14ac:dyDescent="0.15">
      <c r="A73" s="5">
        <v>56</v>
      </c>
      <c r="B73" s="22">
        <v>10</v>
      </c>
      <c r="C73" s="14">
        <v>8</v>
      </c>
      <c r="D73" s="18">
        <v>18</v>
      </c>
    </row>
    <row r="74" spans="1:4" ht="18" customHeight="1" x14ac:dyDescent="0.15">
      <c r="A74" s="5">
        <v>57</v>
      </c>
      <c r="B74" s="22">
        <v>14</v>
      </c>
      <c r="C74" s="14">
        <v>10</v>
      </c>
      <c r="D74" s="18">
        <v>24</v>
      </c>
    </row>
    <row r="75" spans="1:4" ht="18" customHeight="1" x14ac:dyDescent="0.15">
      <c r="A75" s="5">
        <v>58</v>
      </c>
      <c r="B75" s="22">
        <v>5</v>
      </c>
      <c r="C75" s="14">
        <v>11</v>
      </c>
      <c r="D75" s="18">
        <v>16</v>
      </c>
    </row>
    <row r="76" spans="1:4" ht="18" customHeight="1" x14ac:dyDescent="0.15">
      <c r="A76" s="5">
        <v>59</v>
      </c>
      <c r="B76" s="22">
        <v>8</v>
      </c>
      <c r="C76" s="14">
        <v>7</v>
      </c>
      <c r="D76" s="18">
        <v>15</v>
      </c>
    </row>
    <row r="77" spans="1:4" ht="18" customHeight="1" x14ac:dyDescent="0.15">
      <c r="A77" s="5" t="s">
        <v>27</v>
      </c>
      <c r="B77" s="22">
        <v>60</v>
      </c>
      <c r="C77" s="14">
        <v>50</v>
      </c>
      <c r="D77" s="18">
        <v>110</v>
      </c>
    </row>
    <row r="78" spans="1:4" ht="18" customHeight="1" x14ac:dyDescent="0.15">
      <c r="A78" s="5">
        <v>60</v>
      </c>
      <c r="B78" s="22">
        <v>14</v>
      </c>
      <c r="C78" s="14">
        <v>11</v>
      </c>
      <c r="D78" s="18">
        <v>25</v>
      </c>
    </row>
    <row r="79" spans="1:4" ht="18" customHeight="1" x14ac:dyDescent="0.15">
      <c r="A79" s="5">
        <v>61</v>
      </c>
      <c r="B79" s="22">
        <v>13</v>
      </c>
      <c r="C79" s="14">
        <v>9</v>
      </c>
      <c r="D79" s="18">
        <v>22</v>
      </c>
    </row>
    <row r="80" spans="1:4" ht="18" customHeight="1" x14ac:dyDescent="0.15">
      <c r="A80" s="5">
        <v>62</v>
      </c>
      <c r="B80" s="22">
        <v>9</v>
      </c>
      <c r="C80" s="14">
        <v>11</v>
      </c>
      <c r="D80" s="18">
        <v>20</v>
      </c>
    </row>
    <row r="81" spans="1:4" ht="18" customHeight="1" x14ac:dyDescent="0.15">
      <c r="A81" s="5">
        <v>63</v>
      </c>
      <c r="B81" s="22">
        <v>7</v>
      </c>
      <c r="C81" s="14">
        <v>4</v>
      </c>
      <c r="D81" s="18">
        <v>11</v>
      </c>
    </row>
    <row r="82" spans="1:4" ht="18" customHeight="1" x14ac:dyDescent="0.15">
      <c r="A82" s="5">
        <v>64</v>
      </c>
      <c r="B82" s="22">
        <v>15</v>
      </c>
      <c r="C82" s="14">
        <v>5</v>
      </c>
      <c r="D82" s="18">
        <v>20</v>
      </c>
    </row>
    <row r="83" spans="1:4" ht="18" customHeight="1" x14ac:dyDescent="0.15">
      <c r="A83" s="5" t="s">
        <v>28</v>
      </c>
      <c r="B83" s="22">
        <v>58</v>
      </c>
      <c r="C83" s="14">
        <v>40</v>
      </c>
      <c r="D83" s="18">
        <v>98</v>
      </c>
    </row>
    <row r="84" spans="1:4" ht="18" customHeight="1" x14ac:dyDescent="0.15">
      <c r="A84" s="5" t="s">
        <v>31</v>
      </c>
      <c r="B84" s="22">
        <v>462</v>
      </c>
      <c r="C84" s="14">
        <v>352</v>
      </c>
      <c r="D84" s="18">
        <v>814</v>
      </c>
    </row>
    <row r="85" spans="1:4" ht="18" customHeight="1" x14ac:dyDescent="0.15">
      <c r="A85" s="5">
        <v>65</v>
      </c>
      <c r="B85" s="22">
        <v>10</v>
      </c>
      <c r="C85" s="14">
        <v>13</v>
      </c>
      <c r="D85" s="18">
        <v>23</v>
      </c>
    </row>
    <row r="86" spans="1:4" ht="18" customHeight="1" x14ac:dyDescent="0.15">
      <c r="A86" s="5">
        <v>66</v>
      </c>
      <c r="B86" s="22">
        <v>11</v>
      </c>
      <c r="C86" s="14">
        <v>8</v>
      </c>
      <c r="D86" s="18">
        <v>19</v>
      </c>
    </row>
    <row r="87" spans="1:4" ht="18" customHeight="1" x14ac:dyDescent="0.15">
      <c r="A87" s="5">
        <v>67</v>
      </c>
      <c r="B87" s="22">
        <v>11</v>
      </c>
      <c r="C87" s="14">
        <v>16</v>
      </c>
      <c r="D87" s="18">
        <v>27</v>
      </c>
    </row>
    <row r="88" spans="1:4" ht="18" customHeight="1" x14ac:dyDescent="0.15">
      <c r="A88" s="5">
        <v>68</v>
      </c>
      <c r="B88" s="22">
        <v>13</v>
      </c>
      <c r="C88" s="14">
        <v>16</v>
      </c>
      <c r="D88" s="18">
        <v>29</v>
      </c>
    </row>
    <row r="89" spans="1:4" ht="18" customHeight="1" x14ac:dyDescent="0.15">
      <c r="A89" s="5">
        <v>69</v>
      </c>
      <c r="B89" s="22">
        <v>17</v>
      </c>
      <c r="C89" s="14">
        <v>13</v>
      </c>
      <c r="D89" s="18">
        <v>30</v>
      </c>
    </row>
    <row r="90" spans="1:4" ht="18" customHeight="1" x14ac:dyDescent="0.15">
      <c r="A90" s="5" t="s">
        <v>20</v>
      </c>
      <c r="B90" s="22">
        <v>62</v>
      </c>
      <c r="C90" s="14">
        <v>66</v>
      </c>
      <c r="D90" s="18">
        <v>128</v>
      </c>
    </row>
    <row r="91" spans="1:4" ht="18" customHeight="1" x14ac:dyDescent="0.15">
      <c r="A91" s="5">
        <v>70</v>
      </c>
      <c r="B91" s="22">
        <v>9</v>
      </c>
      <c r="C91" s="14">
        <v>19</v>
      </c>
      <c r="D91" s="18">
        <v>28</v>
      </c>
    </row>
    <row r="92" spans="1:4" ht="18" customHeight="1" x14ac:dyDescent="0.15">
      <c r="A92" s="5">
        <v>71</v>
      </c>
      <c r="B92" s="22">
        <v>17</v>
      </c>
      <c r="C92" s="14">
        <v>18</v>
      </c>
      <c r="D92" s="18">
        <v>35</v>
      </c>
    </row>
    <row r="93" spans="1:4" ht="18" customHeight="1" x14ac:dyDescent="0.15">
      <c r="A93" s="5">
        <v>72</v>
      </c>
      <c r="B93" s="22">
        <v>16</v>
      </c>
      <c r="C93" s="14">
        <v>12</v>
      </c>
      <c r="D93" s="18">
        <v>28</v>
      </c>
    </row>
    <row r="94" spans="1:4" ht="18" customHeight="1" x14ac:dyDescent="0.15">
      <c r="A94" s="5">
        <v>73</v>
      </c>
      <c r="B94" s="22">
        <v>15</v>
      </c>
      <c r="C94" s="14">
        <v>11</v>
      </c>
      <c r="D94" s="18">
        <v>26</v>
      </c>
    </row>
    <row r="95" spans="1:4" ht="18" customHeight="1" x14ac:dyDescent="0.15">
      <c r="A95" s="5">
        <v>74</v>
      </c>
      <c r="B95" s="22">
        <v>20</v>
      </c>
      <c r="C95" s="14">
        <v>20</v>
      </c>
      <c r="D95" s="18">
        <v>40</v>
      </c>
    </row>
    <row r="96" spans="1:4" ht="18" customHeight="1" x14ac:dyDescent="0.15">
      <c r="A96" s="5" t="s">
        <v>33</v>
      </c>
      <c r="B96" s="22">
        <v>77</v>
      </c>
      <c r="C96" s="14">
        <v>80</v>
      </c>
      <c r="D96" s="18">
        <v>157</v>
      </c>
    </row>
    <row r="97" spans="1:4" ht="18" customHeight="1" x14ac:dyDescent="0.15">
      <c r="A97" s="5">
        <v>75</v>
      </c>
      <c r="B97" s="22">
        <v>19</v>
      </c>
      <c r="C97" s="14">
        <v>15</v>
      </c>
      <c r="D97" s="18">
        <v>34</v>
      </c>
    </row>
    <row r="98" spans="1:4" ht="18" customHeight="1" x14ac:dyDescent="0.15">
      <c r="A98" s="5">
        <v>76</v>
      </c>
      <c r="B98" s="22">
        <v>15</v>
      </c>
      <c r="C98" s="14">
        <v>21</v>
      </c>
      <c r="D98" s="18">
        <v>36</v>
      </c>
    </row>
    <row r="99" spans="1:4" ht="18" customHeight="1" x14ac:dyDescent="0.15">
      <c r="A99" s="5">
        <v>77</v>
      </c>
      <c r="B99" s="22">
        <v>25</v>
      </c>
      <c r="C99" s="14">
        <v>35</v>
      </c>
      <c r="D99" s="18">
        <v>60</v>
      </c>
    </row>
    <row r="100" spans="1:4" ht="18" customHeight="1" x14ac:dyDescent="0.15">
      <c r="A100" s="5">
        <v>78</v>
      </c>
      <c r="B100" s="22">
        <v>25</v>
      </c>
      <c r="C100" s="14">
        <v>26</v>
      </c>
      <c r="D100" s="18">
        <v>51</v>
      </c>
    </row>
    <row r="101" spans="1:4" ht="18" customHeight="1" x14ac:dyDescent="0.15">
      <c r="A101" s="5">
        <v>79</v>
      </c>
      <c r="B101" s="22">
        <v>13</v>
      </c>
      <c r="C101" s="14">
        <v>12</v>
      </c>
      <c r="D101" s="18">
        <v>25</v>
      </c>
    </row>
    <row r="102" spans="1:4" ht="18" customHeight="1" x14ac:dyDescent="0.15">
      <c r="A102" s="5" t="s">
        <v>0</v>
      </c>
      <c r="B102" s="22">
        <v>97</v>
      </c>
      <c r="C102" s="14">
        <v>109</v>
      </c>
      <c r="D102" s="18">
        <v>206</v>
      </c>
    </row>
    <row r="103" spans="1:4" ht="18" customHeight="1" x14ac:dyDescent="0.15">
      <c r="A103" s="5">
        <v>80</v>
      </c>
      <c r="B103" s="22">
        <v>11</v>
      </c>
      <c r="C103" s="14">
        <v>14</v>
      </c>
      <c r="D103" s="18">
        <v>25</v>
      </c>
    </row>
    <row r="104" spans="1:4" ht="18" customHeight="1" x14ac:dyDescent="0.15">
      <c r="A104" s="5">
        <v>81</v>
      </c>
      <c r="B104" s="22">
        <v>8</v>
      </c>
      <c r="C104" s="14">
        <v>21</v>
      </c>
      <c r="D104" s="18">
        <v>29</v>
      </c>
    </row>
    <row r="105" spans="1:4" ht="18" customHeight="1" x14ac:dyDescent="0.15">
      <c r="A105" s="5">
        <v>82</v>
      </c>
      <c r="B105" s="22">
        <v>15</v>
      </c>
      <c r="C105" s="14">
        <v>22</v>
      </c>
      <c r="D105" s="18">
        <v>37</v>
      </c>
    </row>
    <row r="106" spans="1:4" ht="18" customHeight="1" x14ac:dyDescent="0.15">
      <c r="A106" s="5">
        <v>83</v>
      </c>
      <c r="B106" s="22">
        <v>13</v>
      </c>
      <c r="C106" s="14">
        <v>17</v>
      </c>
      <c r="D106" s="18">
        <v>30</v>
      </c>
    </row>
    <row r="107" spans="1:4" ht="18" customHeight="1" x14ac:dyDescent="0.15">
      <c r="A107" s="5">
        <v>84</v>
      </c>
      <c r="B107" s="22">
        <v>16</v>
      </c>
      <c r="C107" s="14">
        <v>18</v>
      </c>
      <c r="D107" s="18">
        <v>34</v>
      </c>
    </row>
    <row r="108" spans="1:4" ht="18" customHeight="1" x14ac:dyDescent="0.15">
      <c r="A108" s="5" t="s">
        <v>35</v>
      </c>
      <c r="B108" s="22">
        <v>63</v>
      </c>
      <c r="C108" s="14">
        <v>92</v>
      </c>
      <c r="D108" s="18">
        <v>155</v>
      </c>
    </row>
    <row r="109" spans="1:4" ht="18" customHeight="1" x14ac:dyDescent="0.15">
      <c r="A109" s="5">
        <v>85</v>
      </c>
      <c r="B109" s="22">
        <v>10</v>
      </c>
      <c r="C109" s="14">
        <v>14</v>
      </c>
      <c r="D109" s="18">
        <v>24</v>
      </c>
    </row>
    <row r="110" spans="1:4" ht="18" customHeight="1" x14ac:dyDescent="0.15">
      <c r="A110" s="5">
        <v>86</v>
      </c>
      <c r="B110" s="22">
        <v>6</v>
      </c>
      <c r="C110" s="14">
        <v>12</v>
      </c>
      <c r="D110" s="18">
        <v>18</v>
      </c>
    </row>
    <row r="111" spans="1:4" ht="18" customHeight="1" x14ac:dyDescent="0.15">
      <c r="A111" s="5">
        <v>87</v>
      </c>
      <c r="B111" s="22">
        <v>4</v>
      </c>
      <c r="C111" s="14">
        <v>16</v>
      </c>
      <c r="D111" s="18">
        <v>20</v>
      </c>
    </row>
    <row r="112" spans="1:4" ht="18" customHeight="1" x14ac:dyDescent="0.15">
      <c r="A112" s="5">
        <v>88</v>
      </c>
      <c r="B112" s="22">
        <v>7</v>
      </c>
      <c r="C112" s="14">
        <v>12</v>
      </c>
      <c r="D112" s="18">
        <v>19</v>
      </c>
    </row>
    <row r="113" spans="1:4" ht="18" customHeight="1" x14ac:dyDescent="0.15">
      <c r="A113" s="5">
        <v>89</v>
      </c>
      <c r="B113" s="22">
        <v>3</v>
      </c>
      <c r="C113" s="14">
        <v>11</v>
      </c>
      <c r="D113" s="18">
        <v>14</v>
      </c>
    </row>
    <row r="114" spans="1:4" ht="18" customHeight="1" x14ac:dyDescent="0.15">
      <c r="A114" s="5" t="s">
        <v>37</v>
      </c>
      <c r="B114" s="22">
        <v>30</v>
      </c>
      <c r="C114" s="14">
        <v>65</v>
      </c>
      <c r="D114" s="18">
        <v>95</v>
      </c>
    </row>
    <row r="115" spans="1:4" ht="18" customHeight="1" x14ac:dyDescent="0.15">
      <c r="A115" s="5">
        <v>90</v>
      </c>
      <c r="B115" s="22">
        <v>3</v>
      </c>
      <c r="C115" s="14">
        <v>13</v>
      </c>
      <c r="D115" s="18">
        <v>16</v>
      </c>
    </row>
    <row r="116" spans="1:4" ht="18" customHeight="1" x14ac:dyDescent="0.15">
      <c r="A116" s="5">
        <v>91</v>
      </c>
      <c r="B116" s="22">
        <v>4</v>
      </c>
      <c r="C116" s="14">
        <v>10</v>
      </c>
      <c r="D116" s="18">
        <v>14</v>
      </c>
    </row>
    <row r="117" spans="1:4" ht="18" customHeight="1" x14ac:dyDescent="0.15">
      <c r="A117" s="5">
        <v>92</v>
      </c>
      <c r="B117" s="22">
        <v>5</v>
      </c>
      <c r="C117" s="14">
        <v>12</v>
      </c>
      <c r="D117" s="18">
        <v>17</v>
      </c>
    </row>
    <row r="118" spans="1:4" ht="18" customHeight="1" x14ac:dyDescent="0.15">
      <c r="A118" s="5">
        <v>93</v>
      </c>
      <c r="B118" s="22">
        <v>6</v>
      </c>
      <c r="C118" s="14">
        <v>11</v>
      </c>
      <c r="D118" s="18">
        <v>17</v>
      </c>
    </row>
    <row r="119" spans="1:4" ht="18" customHeight="1" x14ac:dyDescent="0.15">
      <c r="A119" s="5">
        <v>94</v>
      </c>
      <c r="B119" s="22">
        <v>1</v>
      </c>
      <c r="C119" s="14">
        <v>8</v>
      </c>
      <c r="D119" s="18">
        <v>9</v>
      </c>
    </row>
    <row r="120" spans="1:4" ht="18" customHeight="1" x14ac:dyDescent="0.15">
      <c r="A120" s="5" t="s">
        <v>39</v>
      </c>
      <c r="B120" s="22">
        <v>19</v>
      </c>
      <c r="C120" s="14">
        <v>54</v>
      </c>
      <c r="D120" s="18">
        <v>73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4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49</v>
      </c>
      <c r="C130" s="14">
        <v>485</v>
      </c>
      <c r="D130" s="18">
        <v>834</v>
      </c>
    </row>
    <row r="131" spans="1:4" ht="18" customHeight="1" x14ac:dyDescent="0.15">
      <c r="A131" s="7" t="s">
        <v>45</v>
      </c>
      <c r="B131" s="23">
        <v>860</v>
      </c>
      <c r="C131" s="15">
        <v>907</v>
      </c>
      <c r="D131" s="19">
        <v>17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8</v>
      </c>
      <c r="D5" s="31">
        <v>17</v>
      </c>
    </row>
    <row r="6" spans="1:4" ht="18" customHeight="1" x14ac:dyDescent="0.15">
      <c r="A6" s="5">
        <v>1</v>
      </c>
      <c r="B6" s="27">
        <v>9</v>
      </c>
      <c r="C6" s="14">
        <v>12</v>
      </c>
      <c r="D6" s="18">
        <v>21</v>
      </c>
    </row>
    <row r="7" spans="1:4" ht="18" customHeight="1" x14ac:dyDescent="0.15">
      <c r="A7" s="5">
        <v>2</v>
      </c>
      <c r="B7" s="27">
        <v>15</v>
      </c>
      <c r="C7" s="14">
        <v>8</v>
      </c>
      <c r="D7" s="18">
        <v>23</v>
      </c>
    </row>
    <row r="8" spans="1:4" ht="18" customHeight="1" x14ac:dyDescent="0.15">
      <c r="A8" s="5">
        <v>3</v>
      </c>
      <c r="B8" s="27">
        <v>15</v>
      </c>
      <c r="C8" s="14">
        <v>12</v>
      </c>
      <c r="D8" s="18">
        <v>27</v>
      </c>
    </row>
    <row r="9" spans="1:4" ht="18" customHeight="1" x14ac:dyDescent="0.15">
      <c r="A9" s="5">
        <v>4</v>
      </c>
      <c r="B9" s="28">
        <v>19</v>
      </c>
      <c r="C9" s="30">
        <v>10</v>
      </c>
      <c r="D9" s="32">
        <v>29</v>
      </c>
    </row>
    <row r="10" spans="1:4" ht="18" customHeight="1" x14ac:dyDescent="0.15">
      <c r="A10" s="5" t="s">
        <v>7</v>
      </c>
      <c r="B10" s="22">
        <v>67</v>
      </c>
      <c r="C10" s="14">
        <v>50</v>
      </c>
      <c r="D10" s="18">
        <v>117</v>
      </c>
    </row>
    <row r="11" spans="1:4" ht="18" customHeight="1" x14ac:dyDescent="0.15">
      <c r="A11" s="5">
        <v>5</v>
      </c>
      <c r="B11" s="27">
        <v>7</v>
      </c>
      <c r="C11" s="14">
        <v>17</v>
      </c>
      <c r="D11" s="18">
        <v>24</v>
      </c>
    </row>
    <row r="12" spans="1:4" ht="18" customHeight="1" x14ac:dyDescent="0.15">
      <c r="A12" s="5">
        <v>6</v>
      </c>
      <c r="B12" s="27">
        <v>21</v>
      </c>
      <c r="C12" s="14">
        <v>22</v>
      </c>
      <c r="D12" s="18">
        <v>43</v>
      </c>
    </row>
    <row r="13" spans="1:4" ht="18" customHeight="1" x14ac:dyDescent="0.15">
      <c r="A13" s="5">
        <v>7</v>
      </c>
      <c r="B13" s="27">
        <v>16</v>
      </c>
      <c r="C13" s="14">
        <v>23</v>
      </c>
      <c r="D13" s="18">
        <v>39</v>
      </c>
    </row>
    <row r="14" spans="1:4" ht="18" customHeight="1" x14ac:dyDescent="0.15">
      <c r="A14" s="5">
        <v>8</v>
      </c>
      <c r="B14" s="27">
        <v>13</v>
      </c>
      <c r="C14" s="14">
        <v>22</v>
      </c>
      <c r="D14" s="18">
        <v>35</v>
      </c>
    </row>
    <row r="15" spans="1:4" ht="18" customHeight="1" x14ac:dyDescent="0.15">
      <c r="A15" s="5">
        <v>9</v>
      </c>
      <c r="B15" s="27">
        <v>19</v>
      </c>
      <c r="C15" s="14">
        <v>28</v>
      </c>
      <c r="D15" s="18">
        <v>47</v>
      </c>
    </row>
    <row r="16" spans="1:4" ht="18" customHeight="1" x14ac:dyDescent="0.15">
      <c r="A16" s="5" t="s">
        <v>11</v>
      </c>
      <c r="B16" s="22">
        <v>76</v>
      </c>
      <c r="C16" s="14">
        <v>112</v>
      </c>
      <c r="D16" s="18">
        <v>188</v>
      </c>
    </row>
    <row r="17" spans="1:4" ht="18" customHeight="1" x14ac:dyDescent="0.15">
      <c r="A17" s="5">
        <v>10</v>
      </c>
      <c r="B17" s="22">
        <v>20</v>
      </c>
      <c r="C17" s="14">
        <v>26</v>
      </c>
      <c r="D17" s="18">
        <v>46</v>
      </c>
    </row>
    <row r="18" spans="1:4" ht="18" customHeight="1" x14ac:dyDescent="0.15">
      <c r="A18" s="5">
        <v>11</v>
      </c>
      <c r="B18" s="22">
        <v>24</v>
      </c>
      <c r="C18" s="14">
        <v>23</v>
      </c>
      <c r="D18" s="18">
        <v>47</v>
      </c>
    </row>
    <row r="19" spans="1:4" ht="18" customHeight="1" x14ac:dyDescent="0.15">
      <c r="A19" s="5">
        <v>12</v>
      </c>
      <c r="B19" s="22">
        <v>30</v>
      </c>
      <c r="C19" s="14">
        <v>27</v>
      </c>
      <c r="D19" s="18">
        <v>57</v>
      </c>
    </row>
    <row r="20" spans="1:4" ht="18" customHeight="1" x14ac:dyDescent="0.15">
      <c r="A20" s="5">
        <v>13</v>
      </c>
      <c r="B20" s="22">
        <v>29</v>
      </c>
      <c r="C20" s="14">
        <v>30</v>
      </c>
      <c r="D20" s="18">
        <v>59</v>
      </c>
    </row>
    <row r="21" spans="1:4" ht="18" customHeight="1" x14ac:dyDescent="0.15">
      <c r="A21" s="5">
        <v>14</v>
      </c>
      <c r="B21" s="22">
        <v>21</v>
      </c>
      <c r="C21" s="14">
        <v>16</v>
      </c>
      <c r="D21" s="18">
        <v>37</v>
      </c>
    </row>
    <row r="22" spans="1:4" ht="18" customHeight="1" x14ac:dyDescent="0.15">
      <c r="A22" s="5" t="s">
        <v>12</v>
      </c>
      <c r="B22" s="22">
        <v>124</v>
      </c>
      <c r="C22" s="14">
        <v>122</v>
      </c>
      <c r="D22" s="18">
        <v>246</v>
      </c>
    </row>
    <row r="23" spans="1:4" ht="18" customHeight="1" x14ac:dyDescent="0.15">
      <c r="A23" s="5" t="s">
        <v>6</v>
      </c>
      <c r="B23" s="22">
        <v>267</v>
      </c>
      <c r="C23" s="14">
        <v>284</v>
      </c>
      <c r="D23" s="18">
        <v>551</v>
      </c>
    </row>
    <row r="24" spans="1:4" ht="18" customHeight="1" x14ac:dyDescent="0.15">
      <c r="A24" s="5">
        <v>15</v>
      </c>
      <c r="B24" s="22">
        <v>17</v>
      </c>
      <c r="C24" s="14">
        <v>25</v>
      </c>
      <c r="D24" s="18">
        <v>42</v>
      </c>
    </row>
    <row r="25" spans="1:4" ht="18" customHeight="1" x14ac:dyDescent="0.15">
      <c r="A25" s="5">
        <v>16</v>
      </c>
      <c r="B25" s="22">
        <v>30</v>
      </c>
      <c r="C25" s="14">
        <v>26</v>
      </c>
      <c r="D25" s="18">
        <v>56</v>
      </c>
    </row>
    <row r="26" spans="1:4" ht="18" customHeight="1" x14ac:dyDescent="0.15">
      <c r="A26" s="5">
        <v>17</v>
      </c>
      <c r="B26" s="22">
        <v>29</v>
      </c>
      <c r="C26" s="14">
        <v>23</v>
      </c>
      <c r="D26" s="18">
        <v>52</v>
      </c>
    </row>
    <row r="27" spans="1:4" ht="18" customHeight="1" x14ac:dyDescent="0.15">
      <c r="A27" s="5">
        <v>18</v>
      </c>
      <c r="B27" s="22">
        <v>22</v>
      </c>
      <c r="C27" s="14">
        <v>22</v>
      </c>
      <c r="D27" s="18">
        <v>44</v>
      </c>
    </row>
    <row r="28" spans="1:4" ht="18" customHeight="1" x14ac:dyDescent="0.15">
      <c r="A28" s="5">
        <v>19</v>
      </c>
      <c r="B28" s="22">
        <v>39</v>
      </c>
      <c r="C28" s="14">
        <v>23</v>
      </c>
      <c r="D28" s="18">
        <v>62</v>
      </c>
    </row>
    <row r="29" spans="1:4" ht="18" customHeight="1" x14ac:dyDescent="0.15">
      <c r="A29" s="5" t="s">
        <v>14</v>
      </c>
      <c r="B29" s="22">
        <v>137</v>
      </c>
      <c r="C29" s="14">
        <v>119</v>
      </c>
      <c r="D29" s="18">
        <v>256</v>
      </c>
    </row>
    <row r="30" spans="1:4" ht="18" customHeight="1" x14ac:dyDescent="0.15">
      <c r="A30" s="5">
        <v>20</v>
      </c>
      <c r="B30" s="22">
        <v>24</v>
      </c>
      <c r="C30" s="14">
        <v>25</v>
      </c>
      <c r="D30" s="18">
        <v>49</v>
      </c>
    </row>
    <row r="31" spans="1:4" ht="18" customHeight="1" x14ac:dyDescent="0.15">
      <c r="A31" s="5">
        <v>21</v>
      </c>
      <c r="B31" s="22">
        <v>41</v>
      </c>
      <c r="C31" s="14">
        <v>36</v>
      </c>
      <c r="D31" s="18">
        <v>77</v>
      </c>
    </row>
    <row r="32" spans="1:4" ht="18" customHeight="1" x14ac:dyDescent="0.15">
      <c r="A32" s="5">
        <v>22</v>
      </c>
      <c r="B32" s="22">
        <v>25</v>
      </c>
      <c r="C32" s="14">
        <v>26</v>
      </c>
      <c r="D32" s="18">
        <v>51</v>
      </c>
    </row>
    <row r="33" spans="1:4" ht="18" customHeight="1" x14ac:dyDescent="0.15">
      <c r="A33" s="5">
        <v>23</v>
      </c>
      <c r="B33" s="22">
        <v>43</v>
      </c>
      <c r="C33" s="14">
        <v>24</v>
      </c>
      <c r="D33" s="18">
        <v>67</v>
      </c>
    </row>
    <row r="34" spans="1:4" ht="18" customHeight="1" x14ac:dyDescent="0.15">
      <c r="A34" s="5">
        <v>24</v>
      </c>
      <c r="B34" s="22">
        <v>40</v>
      </c>
      <c r="C34" s="14">
        <v>25</v>
      </c>
      <c r="D34" s="18">
        <v>65</v>
      </c>
    </row>
    <row r="35" spans="1:4" ht="18" customHeight="1" x14ac:dyDescent="0.15">
      <c r="A35" s="5" t="s">
        <v>9</v>
      </c>
      <c r="B35" s="22">
        <v>173</v>
      </c>
      <c r="C35" s="14">
        <v>136</v>
      </c>
      <c r="D35" s="18">
        <v>309</v>
      </c>
    </row>
    <row r="36" spans="1:4" ht="18" customHeight="1" x14ac:dyDescent="0.15">
      <c r="A36" s="5">
        <v>25</v>
      </c>
      <c r="B36" s="22">
        <v>35</v>
      </c>
      <c r="C36" s="14">
        <v>35</v>
      </c>
      <c r="D36" s="18">
        <v>70</v>
      </c>
    </row>
    <row r="37" spans="1:4" ht="18" customHeight="1" x14ac:dyDescent="0.15">
      <c r="A37" s="5">
        <v>26</v>
      </c>
      <c r="B37" s="22">
        <v>46</v>
      </c>
      <c r="C37" s="14">
        <v>30</v>
      </c>
      <c r="D37" s="18">
        <v>76</v>
      </c>
    </row>
    <row r="38" spans="1:4" ht="18" customHeight="1" x14ac:dyDescent="0.15">
      <c r="A38" s="5">
        <v>27</v>
      </c>
      <c r="B38" s="22">
        <v>43</v>
      </c>
      <c r="C38" s="14">
        <v>21</v>
      </c>
      <c r="D38" s="18">
        <v>64</v>
      </c>
    </row>
    <row r="39" spans="1:4" ht="18" customHeight="1" x14ac:dyDescent="0.15">
      <c r="A39" s="5">
        <v>28</v>
      </c>
      <c r="B39" s="22">
        <v>39</v>
      </c>
      <c r="C39" s="14">
        <v>21</v>
      </c>
      <c r="D39" s="18">
        <v>60</v>
      </c>
    </row>
    <row r="40" spans="1:4" ht="18" customHeight="1" x14ac:dyDescent="0.15">
      <c r="A40" s="5">
        <v>29</v>
      </c>
      <c r="B40" s="22">
        <v>26</v>
      </c>
      <c r="C40" s="14">
        <v>28</v>
      </c>
      <c r="D40" s="18">
        <v>54</v>
      </c>
    </row>
    <row r="41" spans="1:4" ht="18" customHeight="1" x14ac:dyDescent="0.15">
      <c r="A41" s="5" t="s">
        <v>2</v>
      </c>
      <c r="B41" s="22">
        <v>189</v>
      </c>
      <c r="C41" s="14">
        <v>135</v>
      </c>
      <c r="D41" s="18">
        <v>324</v>
      </c>
    </row>
    <row r="42" spans="1:4" ht="18" customHeight="1" x14ac:dyDescent="0.15">
      <c r="A42" s="5">
        <v>30</v>
      </c>
      <c r="B42" s="22">
        <v>33</v>
      </c>
      <c r="C42" s="14">
        <v>21</v>
      </c>
      <c r="D42" s="18">
        <v>54</v>
      </c>
    </row>
    <row r="43" spans="1:4" ht="18" customHeight="1" x14ac:dyDescent="0.15">
      <c r="A43" s="5">
        <v>31</v>
      </c>
      <c r="B43" s="22">
        <v>32</v>
      </c>
      <c r="C43" s="14">
        <v>19</v>
      </c>
      <c r="D43" s="18">
        <v>51</v>
      </c>
    </row>
    <row r="44" spans="1:4" ht="18" customHeight="1" x14ac:dyDescent="0.15">
      <c r="A44" s="5">
        <v>32</v>
      </c>
      <c r="B44" s="22">
        <v>28</v>
      </c>
      <c r="C44" s="14">
        <v>18</v>
      </c>
      <c r="D44" s="18">
        <v>46</v>
      </c>
    </row>
    <row r="45" spans="1:4" ht="18" customHeight="1" x14ac:dyDescent="0.15">
      <c r="A45" s="5">
        <v>33</v>
      </c>
      <c r="B45" s="22">
        <v>33</v>
      </c>
      <c r="C45" s="14">
        <v>28</v>
      </c>
      <c r="D45" s="18">
        <v>61</v>
      </c>
    </row>
    <row r="46" spans="1:4" ht="18" customHeight="1" x14ac:dyDescent="0.15">
      <c r="A46" s="5">
        <v>34</v>
      </c>
      <c r="B46" s="22">
        <v>29</v>
      </c>
      <c r="C46" s="14">
        <v>27</v>
      </c>
      <c r="D46" s="18">
        <v>56</v>
      </c>
    </row>
    <row r="47" spans="1:4" ht="18" customHeight="1" x14ac:dyDescent="0.15">
      <c r="A47" s="5" t="s">
        <v>15</v>
      </c>
      <c r="B47" s="22">
        <v>155</v>
      </c>
      <c r="C47" s="14">
        <v>113</v>
      </c>
      <c r="D47" s="18">
        <v>268</v>
      </c>
    </row>
    <row r="48" spans="1:4" ht="18" customHeight="1" x14ac:dyDescent="0.15">
      <c r="A48" s="5">
        <v>35</v>
      </c>
      <c r="B48" s="22">
        <v>26</v>
      </c>
      <c r="C48" s="14">
        <v>18</v>
      </c>
      <c r="D48" s="18">
        <v>44</v>
      </c>
    </row>
    <row r="49" spans="1:4" ht="18" customHeight="1" x14ac:dyDescent="0.15">
      <c r="A49" s="5">
        <v>36</v>
      </c>
      <c r="B49" s="22">
        <v>30</v>
      </c>
      <c r="C49" s="14">
        <v>29</v>
      </c>
      <c r="D49" s="18">
        <v>59</v>
      </c>
    </row>
    <row r="50" spans="1:4" ht="18" customHeight="1" x14ac:dyDescent="0.15">
      <c r="A50" s="5">
        <v>37</v>
      </c>
      <c r="B50" s="22">
        <v>38</v>
      </c>
      <c r="C50" s="14">
        <v>25</v>
      </c>
      <c r="D50" s="18">
        <v>63</v>
      </c>
    </row>
    <row r="51" spans="1:4" ht="18" customHeight="1" x14ac:dyDescent="0.15">
      <c r="A51" s="5">
        <v>38</v>
      </c>
      <c r="B51" s="22">
        <v>33</v>
      </c>
      <c r="C51" s="14">
        <v>26</v>
      </c>
      <c r="D51" s="18">
        <v>59</v>
      </c>
    </row>
    <row r="52" spans="1:4" ht="18" customHeight="1" x14ac:dyDescent="0.15">
      <c r="A52" s="5">
        <v>39</v>
      </c>
      <c r="B52" s="22">
        <v>30</v>
      </c>
      <c r="C52" s="14">
        <v>25</v>
      </c>
      <c r="D52" s="18">
        <v>55</v>
      </c>
    </row>
    <row r="53" spans="1:4" ht="18" customHeight="1" x14ac:dyDescent="0.15">
      <c r="A53" s="5" t="s">
        <v>18</v>
      </c>
      <c r="B53" s="22">
        <v>157</v>
      </c>
      <c r="C53" s="14">
        <v>123</v>
      </c>
      <c r="D53" s="18">
        <v>280</v>
      </c>
    </row>
    <row r="54" spans="1:4" ht="18" customHeight="1" x14ac:dyDescent="0.15">
      <c r="A54" s="5">
        <v>40</v>
      </c>
      <c r="B54" s="22">
        <v>26</v>
      </c>
      <c r="C54" s="14">
        <v>34</v>
      </c>
      <c r="D54" s="18">
        <v>60</v>
      </c>
    </row>
    <row r="55" spans="1:4" ht="18" customHeight="1" x14ac:dyDescent="0.15">
      <c r="A55" s="5">
        <v>41</v>
      </c>
      <c r="B55" s="22">
        <v>39</v>
      </c>
      <c r="C55" s="14">
        <v>36</v>
      </c>
      <c r="D55" s="18">
        <v>75</v>
      </c>
    </row>
    <row r="56" spans="1:4" ht="18" customHeight="1" x14ac:dyDescent="0.15">
      <c r="A56" s="5">
        <v>42</v>
      </c>
      <c r="B56" s="22">
        <v>32</v>
      </c>
      <c r="C56" s="14">
        <v>37</v>
      </c>
      <c r="D56" s="18">
        <v>69</v>
      </c>
    </row>
    <row r="57" spans="1:4" ht="18" customHeight="1" x14ac:dyDescent="0.15">
      <c r="A57" s="5">
        <v>43</v>
      </c>
      <c r="B57" s="22">
        <v>33</v>
      </c>
      <c r="C57" s="14">
        <v>37</v>
      </c>
      <c r="D57" s="18">
        <v>70</v>
      </c>
    </row>
    <row r="58" spans="1:4" ht="18" customHeight="1" x14ac:dyDescent="0.15">
      <c r="A58" s="5">
        <v>44</v>
      </c>
      <c r="B58" s="22">
        <v>40</v>
      </c>
      <c r="C58" s="14">
        <v>33</v>
      </c>
      <c r="D58" s="18">
        <v>73</v>
      </c>
    </row>
    <row r="59" spans="1:4" ht="18" customHeight="1" x14ac:dyDescent="0.15">
      <c r="A59" s="5" t="s">
        <v>21</v>
      </c>
      <c r="B59" s="22">
        <v>170</v>
      </c>
      <c r="C59" s="14">
        <v>177</v>
      </c>
      <c r="D59" s="18">
        <v>347</v>
      </c>
    </row>
    <row r="60" spans="1:4" ht="18" customHeight="1" x14ac:dyDescent="0.15">
      <c r="A60" s="5">
        <v>45</v>
      </c>
      <c r="B60" s="22">
        <v>42</v>
      </c>
      <c r="C60" s="14">
        <v>40</v>
      </c>
      <c r="D60" s="18">
        <v>82</v>
      </c>
    </row>
    <row r="61" spans="1:4" ht="18" customHeight="1" x14ac:dyDescent="0.15">
      <c r="A61" s="5">
        <v>46</v>
      </c>
      <c r="B61" s="22">
        <v>43</v>
      </c>
      <c r="C61" s="14">
        <v>42</v>
      </c>
      <c r="D61" s="18">
        <v>85</v>
      </c>
    </row>
    <row r="62" spans="1:4" ht="18" customHeight="1" x14ac:dyDescent="0.15">
      <c r="A62" s="5">
        <v>47</v>
      </c>
      <c r="B62" s="22">
        <v>35</v>
      </c>
      <c r="C62" s="14">
        <v>40</v>
      </c>
      <c r="D62" s="18">
        <v>75</v>
      </c>
    </row>
    <row r="63" spans="1:4" ht="18" customHeight="1" x14ac:dyDescent="0.15">
      <c r="A63" s="5">
        <v>48</v>
      </c>
      <c r="B63" s="22">
        <v>49</v>
      </c>
      <c r="C63" s="14">
        <v>47</v>
      </c>
      <c r="D63" s="18">
        <v>96</v>
      </c>
    </row>
    <row r="64" spans="1:4" ht="18" customHeight="1" x14ac:dyDescent="0.15">
      <c r="A64" s="5">
        <v>49</v>
      </c>
      <c r="B64" s="22">
        <v>44</v>
      </c>
      <c r="C64" s="14">
        <v>44</v>
      </c>
      <c r="D64" s="18">
        <v>88</v>
      </c>
    </row>
    <row r="65" spans="1:4" ht="18" customHeight="1" x14ac:dyDescent="0.15">
      <c r="A65" s="5" t="s">
        <v>17</v>
      </c>
      <c r="B65" s="22">
        <v>213</v>
      </c>
      <c r="C65" s="14">
        <v>213</v>
      </c>
      <c r="D65" s="18">
        <v>426</v>
      </c>
    </row>
    <row r="66" spans="1:4" ht="18" customHeight="1" x14ac:dyDescent="0.15">
      <c r="A66" s="5">
        <v>50</v>
      </c>
      <c r="B66" s="22">
        <v>48</v>
      </c>
      <c r="C66" s="14">
        <v>41</v>
      </c>
      <c r="D66" s="18">
        <v>89</v>
      </c>
    </row>
    <row r="67" spans="1:4" ht="18" customHeight="1" x14ac:dyDescent="0.15">
      <c r="A67" s="5">
        <v>51</v>
      </c>
      <c r="B67" s="22">
        <v>45</v>
      </c>
      <c r="C67" s="14">
        <v>44</v>
      </c>
      <c r="D67" s="18">
        <v>89</v>
      </c>
    </row>
    <row r="68" spans="1:4" ht="18" customHeight="1" x14ac:dyDescent="0.15">
      <c r="A68" s="5">
        <v>52</v>
      </c>
      <c r="B68" s="22">
        <v>41</v>
      </c>
      <c r="C68" s="14">
        <v>49</v>
      </c>
      <c r="D68" s="18">
        <v>90</v>
      </c>
    </row>
    <row r="69" spans="1:4" ht="18" customHeight="1" x14ac:dyDescent="0.15">
      <c r="A69" s="5">
        <v>53</v>
      </c>
      <c r="B69" s="22">
        <v>53</v>
      </c>
      <c r="C69" s="14">
        <v>55</v>
      </c>
      <c r="D69" s="18">
        <v>108</v>
      </c>
    </row>
    <row r="70" spans="1:4" ht="18" customHeight="1" x14ac:dyDescent="0.15">
      <c r="A70" s="5">
        <v>54</v>
      </c>
      <c r="B70" s="22">
        <v>54</v>
      </c>
      <c r="C70" s="14">
        <v>42</v>
      </c>
      <c r="D70" s="18">
        <v>96</v>
      </c>
    </row>
    <row r="71" spans="1:4" ht="18" customHeight="1" x14ac:dyDescent="0.15">
      <c r="A71" s="5" t="s">
        <v>22</v>
      </c>
      <c r="B71" s="22">
        <v>241</v>
      </c>
      <c r="C71" s="14">
        <v>231</v>
      </c>
      <c r="D71" s="18">
        <v>472</v>
      </c>
    </row>
    <row r="72" spans="1:4" ht="18" customHeight="1" x14ac:dyDescent="0.15">
      <c r="A72" s="5">
        <v>55</v>
      </c>
      <c r="B72" s="22">
        <v>58</v>
      </c>
      <c r="C72" s="14">
        <v>44</v>
      </c>
      <c r="D72" s="18">
        <v>102</v>
      </c>
    </row>
    <row r="73" spans="1:4" ht="18" customHeight="1" x14ac:dyDescent="0.15">
      <c r="A73" s="5">
        <v>56</v>
      </c>
      <c r="B73" s="22">
        <v>47</v>
      </c>
      <c r="C73" s="14">
        <v>49</v>
      </c>
      <c r="D73" s="18">
        <v>96</v>
      </c>
    </row>
    <row r="74" spans="1:4" ht="18" customHeight="1" x14ac:dyDescent="0.15">
      <c r="A74" s="5">
        <v>57</v>
      </c>
      <c r="B74" s="22">
        <v>52</v>
      </c>
      <c r="C74" s="14">
        <v>50</v>
      </c>
      <c r="D74" s="18">
        <v>102</v>
      </c>
    </row>
    <row r="75" spans="1:4" ht="18" customHeight="1" x14ac:dyDescent="0.15">
      <c r="A75" s="5">
        <v>58</v>
      </c>
      <c r="B75" s="22">
        <v>60</v>
      </c>
      <c r="C75" s="14">
        <v>54</v>
      </c>
      <c r="D75" s="18">
        <v>114</v>
      </c>
    </row>
    <row r="76" spans="1:4" ht="18" customHeight="1" x14ac:dyDescent="0.15">
      <c r="A76" s="5">
        <v>59</v>
      </c>
      <c r="B76" s="22">
        <v>27</v>
      </c>
      <c r="C76" s="14">
        <v>33</v>
      </c>
      <c r="D76" s="18">
        <v>60</v>
      </c>
    </row>
    <row r="77" spans="1:4" ht="18" customHeight="1" x14ac:dyDescent="0.15">
      <c r="A77" s="5" t="s">
        <v>27</v>
      </c>
      <c r="B77" s="22">
        <v>244</v>
      </c>
      <c r="C77" s="14">
        <v>230</v>
      </c>
      <c r="D77" s="18">
        <v>474</v>
      </c>
    </row>
    <row r="78" spans="1:4" ht="18" customHeight="1" x14ac:dyDescent="0.15">
      <c r="A78" s="5">
        <v>60</v>
      </c>
      <c r="B78" s="22">
        <v>53</v>
      </c>
      <c r="C78" s="14">
        <v>41</v>
      </c>
      <c r="D78" s="18">
        <v>94</v>
      </c>
    </row>
    <row r="79" spans="1:4" ht="18" customHeight="1" x14ac:dyDescent="0.15">
      <c r="A79" s="5">
        <v>61</v>
      </c>
      <c r="B79" s="22">
        <v>49</v>
      </c>
      <c r="C79" s="14">
        <v>45</v>
      </c>
      <c r="D79" s="18">
        <v>94</v>
      </c>
    </row>
    <row r="80" spans="1:4" ht="18" customHeight="1" x14ac:dyDescent="0.15">
      <c r="A80" s="5">
        <v>62</v>
      </c>
      <c r="B80" s="22">
        <v>40</v>
      </c>
      <c r="C80" s="14">
        <v>39</v>
      </c>
      <c r="D80" s="18">
        <v>79</v>
      </c>
    </row>
    <row r="81" spans="1:4" ht="18" customHeight="1" x14ac:dyDescent="0.15">
      <c r="A81" s="5">
        <v>63</v>
      </c>
      <c r="B81" s="22">
        <v>49</v>
      </c>
      <c r="C81" s="14">
        <v>37</v>
      </c>
      <c r="D81" s="18">
        <v>86</v>
      </c>
    </row>
    <row r="82" spans="1:4" ht="18" customHeight="1" x14ac:dyDescent="0.15">
      <c r="A82" s="5">
        <v>64</v>
      </c>
      <c r="B82" s="22">
        <v>38</v>
      </c>
      <c r="C82" s="14">
        <v>51</v>
      </c>
      <c r="D82" s="18">
        <v>89</v>
      </c>
    </row>
    <row r="83" spans="1:4" ht="18" customHeight="1" x14ac:dyDescent="0.15">
      <c r="A83" s="5" t="s">
        <v>28</v>
      </c>
      <c r="B83" s="22">
        <v>229</v>
      </c>
      <c r="C83" s="14">
        <v>213</v>
      </c>
      <c r="D83" s="18">
        <v>442</v>
      </c>
    </row>
    <row r="84" spans="1:4" ht="18" customHeight="1" x14ac:dyDescent="0.15">
      <c r="A84" s="5" t="s">
        <v>31</v>
      </c>
      <c r="B84" s="22">
        <v>1908</v>
      </c>
      <c r="C84" s="14">
        <v>1690</v>
      </c>
      <c r="D84" s="18">
        <v>3598</v>
      </c>
    </row>
    <row r="85" spans="1:4" ht="18" customHeight="1" x14ac:dyDescent="0.15">
      <c r="A85" s="5">
        <v>65</v>
      </c>
      <c r="B85" s="22">
        <v>50</v>
      </c>
      <c r="C85" s="14">
        <v>55</v>
      </c>
      <c r="D85" s="18">
        <v>105</v>
      </c>
    </row>
    <row r="86" spans="1:4" ht="18" customHeight="1" x14ac:dyDescent="0.15">
      <c r="A86" s="5">
        <v>66</v>
      </c>
      <c r="B86" s="22">
        <v>39</v>
      </c>
      <c r="C86" s="14">
        <v>43</v>
      </c>
      <c r="D86" s="18">
        <v>82</v>
      </c>
    </row>
    <row r="87" spans="1:4" ht="18" customHeight="1" x14ac:dyDescent="0.15">
      <c r="A87" s="5">
        <v>67</v>
      </c>
      <c r="B87" s="22">
        <v>47</v>
      </c>
      <c r="C87" s="14">
        <v>37</v>
      </c>
      <c r="D87" s="18">
        <v>84</v>
      </c>
    </row>
    <row r="88" spans="1:4" ht="18" customHeight="1" x14ac:dyDescent="0.15">
      <c r="A88" s="5">
        <v>68</v>
      </c>
      <c r="B88" s="22">
        <v>41</v>
      </c>
      <c r="C88" s="14">
        <v>38</v>
      </c>
      <c r="D88" s="18">
        <v>79</v>
      </c>
    </row>
    <row r="89" spans="1:4" ht="18" customHeight="1" x14ac:dyDescent="0.15">
      <c r="A89" s="5">
        <v>69</v>
      </c>
      <c r="B89" s="22">
        <v>47</v>
      </c>
      <c r="C89" s="14">
        <v>49</v>
      </c>
      <c r="D89" s="18">
        <v>96</v>
      </c>
    </row>
    <row r="90" spans="1:4" ht="18" customHeight="1" x14ac:dyDescent="0.15">
      <c r="A90" s="5" t="s">
        <v>20</v>
      </c>
      <c r="B90" s="22">
        <v>224</v>
      </c>
      <c r="C90" s="14">
        <v>222</v>
      </c>
      <c r="D90" s="18">
        <v>446</v>
      </c>
    </row>
    <row r="91" spans="1:4" ht="18" customHeight="1" x14ac:dyDescent="0.15">
      <c r="A91" s="5">
        <v>70</v>
      </c>
      <c r="B91" s="22">
        <v>44</v>
      </c>
      <c r="C91" s="14">
        <v>38</v>
      </c>
      <c r="D91" s="18">
        <v>82</v>
      </c>
    </row>
    <row r="92" spans="1:4" ht="18" customHeight="1" x14ac:dyDescent="0.15">
      <c r="A92" s="5">
        <v>71</v>
      </c>
      <c r="B92" s="22">
        <v>53</v>
      </c>
      <c r="C92" s="14">
        <v>52</v>
      </c>
      <c r="D92" s="18">
        <v>105</v>
      </c>
    </row>
    <row r="93" spans="1:4" ht="18" customHeight="1" x14ac:dyDescent="0.15">
      <c r="A93" s="5">
        <v>72</v>
      </c>
      <c r="B93" s="22">
        <v>49</v>
      </c>
      <c r="C93" s="14">
        <v>57</v>
      </c>
      <c r="D93" s="18">
        <v>106</v>
      </c>
    </row>
    <row r="94" spans="1:4" ht="18" customHeight="1" x14ac:dyDescent="0.15">
      <c r="A94" s="5">
        <v>73</v>
      </c>
      <c r="B94" s="22">
        <v>62</v>
      </c>
      <c r="C94" s="14">
        <v>51</v>
      </c>
      <c r="D94" s="18">
        <v>113</v>
      </c>
    </row>
    <row r="95" spans="1:4" ht="18" customHeight="1" x14ac:dyDescent="0.15">
      <c r="A95" s="5">
        <v>74</v>
      </c>
      <c r="B95" s="22">
        <v>46</v>
      </c>
      <c r="C95" s="14">
        <v>64</v>
      </c>
      <c r="D95" s="18">
        <v>110</v>
      </c>
    </row>
    <row r="96" spans="1:4" ht="18" customHeight="1" x14ac:dyDescent="0.15">
      <c r="A96" s="5" t="s">
        <v>33</v>
      </c>
      <c r="B96" s="22">
        <v>254</v>
      </c>
      <c r="C96" s="14">
        <v>262</v>
      </c>
      <c r="D96" s="18">
        <v>516</v>
      </c>
    </row>
    <row r="97" spans="1:4" ht="18" customHeight="1" x14ac:dyDescent="0.15">
      <c r="A97" s="5">
        <v>75</v>
      </c>
      <c r="B97" s="22">
        <v>62</v>
      </c>
      <c r="C97" s="14">
        <v>55</v>
      </c>
      <c r="D97" s="18">
        <v>117</v>
      </c>
    </row>
    <row r="98" spans="1:4" ht="18" customHeight="1" x14ac:dyDescent="0.15">
      <c r="A98" s="5">
        <v>76</v>
      </c>
      <c r="B98" s="22">
        <v>59</v>
      </c>
      <c r="C98" s="14">
        <v>46</v>
      </c>
      <c r="D98" s="18">
        <v>105</v>
      </c>
    </row>
    <row r="99" spans="1:4" ht="18" customHeight="1" x14ac:dyDescent="0.15">
      <c r="A99" s="5">
        <v>77</v>
      </c>
      <c r="B99" s="22">
        <v>58</v>
      </c>
      <c r="C99" s="14">
        <v>64</v>
      </c>
      <c r="D99" s="18">
        <v>122</v>
      </c>
    </row>
    <row r="100" spans="1:4" ht="18" customHeight="1" x14ac:dyDescent="0.15">
      <c r="A100" s="5">
        <v>78</v>
      </c>
      <c r="B100" s="22">
        <v>58</v>
      </c>
      <c r="C100" s="14">
        <v>64</v>
      </c>
      <c r="D100" s="18">
        <v>122</v>
      </c>
    </row>
    <row r="101" spans="1:4" ht="18" customHeight="1" x14ac:dyDescent="0.15">
      <c r="A101" s="5">
        <v>79</v>
      </c>
      <c r="B101" s="22">
        <v>35</v>
      </c>
      <c r="C101" s="14">
        <v>36</v>
      </c>
      <c r="D101" s="18">
        <v>71</v>
      </c>
    </row>
    <row r="102" spans="1:4" ht="18" customHeight="1" x14ac:dyDescent="0.15">
      <c r="A102" s="5" t="s">
        <v>0</v>
      </c>
      <c r="B102" s="22">
        <v>272</v>
      </c>
      <c r="C102" s="14">
        <v>265</v>
      </c>
      <c r="D102" s="18">
        <v>537</v>
      </c>
    </row>
    <row r="103" spans="1:4" ht="18" customHeight="1" x14ac:dyDescent="0.15">
      <c r="A103" s="5">
        <v>80</v>
      </c>
      <c r="B103" s="22">
        <v>29</v>
      </c>
      <c r="C103" s="14">
        <v>23</v>
      </c>
      <c r="D103" s="18">
        <v>52</v>
      </c>
    </row>
    <row r="104" spans="1:4" ht="18" customHeight="1" x14ac:dyDescent="0.15">
      <c r="A104" s="5">
        <v>81</v>
      </c>
      <c r="B104" s="22">
        <v>34</v>
      </c>
      <c r="C104" s="14">
        <v>50</v>
      </c>
      <c r="D104" s="18">
        <v>84</v>
      </c>
    </row>
    <row r="105" spans="1:4" ht="18" customHeight="1" x14ac:dyDescent="0.15">
      <c r="A105" s="5">
        <v>82</v>
      </c>
      <c r="B105" s="22">
        <v>34</v>
      </c>
      <c r="C105" s="14">
        <v>40</v>
      </c>
      <c r="D105" s="18">
        <v>74</v>
      </c>
    </row>
    <row r="106" spans="1:4" ht="18" customHeight="1" x14ac:dyDescent="0.15">
      <c r="A106" s="5">
        <v>83</v>
      </c>
      <c r="B106" s="22">
        <v>29</v>
      </c>
      <c r="C106" s="14">
        <v>44</v>
      </c>
      <c r="D106" s="18">
        <v>73</v>
      </c>
    </row>
    <row r="107" spans="1:4" ht="18" customHeight="1" x14ac:dyDescent="0.15">
      <c r="A107" s="5">
        <v>84</v>
      </c>
      <c r="B107" s="22">
        <v>29</v>
      </c>
      <c r="C107" s="14">
        <v>39</v>
      </c>
      <c r="D107" s="18">
        <v>68</v>
      </c>
    </row>
    <row r="108" spans="1:4" ht="18" customHeight="1" x14ac:dyDescent="0.15">
      <c r="A108" s="5" t="s">
        <v>35</v>
      </c>
      <c r="B108" s="22">
        <v>155</v>
      </c>
      <c r="C108" s="14">
        <v>196</v>
      </c>
      <c r="D108" s="18">
        <v>351</v>
      </c>
    </row>
    <row r="109" spans="1:4" ht="18" customHeight="1" x14ac:dyDescent="0.15">
      <c r="A109" s="5">
        <v>85</v>
      </c>
      <c r="B109" s="22">
        <v>16</v>
      </c>
      <c r="C109" s="14">
        <v>35</v>
      </c>
      <c r="D109" s="18">
        <v>51</v>
      </c>
    </row>
    <row r="110" spans="1:4" ht="18" customHeight="1" x14ac:dyDescent="0.15">
      <c r="A110" s="5">
        <v>86</v>
      </c>
      <c r="B110" s="22">
        <v>17</v>
      </c>
      <c r="C110" s="14">
        <v>21</v>
      </c>
      <c r="D110" s="18">
        <v>38</v>
      </c>
    </row>
    <row r="111" spans="1:4" ht="18" customHeight="1" x14ac:dyDescent="0.15">
      <c r="A111" s="5">
        <v>87</v>
      </c>
      <c r="B111" s="22">
        <v>11</v>
      </c>
      <c r="C111" s="14">
        <v>20</v>
      </c>
      <c r="D111" s="18">
        <v>31</v>
      </c>
    </row>
    <row r="112" spans="1:4" ht="18" customHeight="1" x14ac:dyDescent="0.15">
      <c r="A112" s="5">
        <v>88</v>
      </c>
      <c r="B112" s="22">
        <v>10</v>
      </c>
      <c r="C112" s="14">
        <v>28</v>
      </c>
      <c r="D112" s="18">
        <v>38</v>
      </c>
    </row>
    <row r="113" spans="1:4" ht="18" customHeight="1" x14ac:dyDescent="0.15">
      <c r="A113" s="5">
        <v>89</v>
      </c>
      <c r="B113" s="22">
        <v>18</v>
      </c>
      <c r="C113" s="14">
        <v>31</v>
      </c>
      <c r="D113" s="18">
        <v>49</v>
      </c>
    </row>
    <row r="114" spans="1:4" ht="18" customHeight="1" x14ac:dyDescent="0.15">
      <c r="A114" s="5" t="s">
        <v>37</v>
      </c>
      <c r="B114" s="22">
        <v>72</v>
      </c>
      <c r="C114" s="14">
        <v>135</v>
      </c>
      <c r="D114" s="18">
        <v>207</v>
      </c>
    </row>
    <row r="115" spans="1:4" ht="18" customHeight="1" x14ac:dyDescent="0.15">
      <c r="A115" s="5">
        <v>90</v>
      </c>
      <c r="B115" s="22">
        <v>11</v>
      </c>
      <c r="C115" s="14">
        <v>17</v>
      </c>
      <c r="D115" s="18">
        <v>28</v>
      </c>
    </row>
    <row r="116" spans="1:4" ht="18" customHeight="1" x14ac:dyDescent="0.15">
      <c r="A116" s="5">
        <v>91</v>
      </c>
      <c r="B116" s="22">
        <v>9</v>
      </c>
      <c r="C116" s="14">
        <v>23</v>
      </c>
      <c r="D116" s="18">
        <v>32</v>
      </c>
    </row>
    <row r="117" spans="1:4" ht="18" customHeight="1" x14ac:dyDescent="0.15">
      <c r="A117" s="5">
        <v>92</v>
      </c>
      <c r="B117" s="22">
        <v>5</v>
      </c>
      <c r="C117" s="14">
        <v>15</v>
      </c>
      <c r="D117" s="18">
        <v>20</v>
      </c>
    </row>
    <row r="118" spans="1:4" ht="18" customHeight="1" x14ac:dyDescent="0.15">
      <c r="A118" s="5">
        <v>93</v>
      </c>
      <c r="B118" s="22">
        <v>7</v>
      </c>
      <c r="C118" s="14">
        <v>12</v>
      </c>
      <c r="D118" s="18">
        <v>19</v>
      </c>
    </row>
    <row r="119" spans="1:4" ht="18" customHeight="1" x14ac:dyDescent="0.15">
      <c r="A119" s="5">
        <v>94</v>
      </c>
      <c r="B119" s="22">
        <v>0</v>
      </c>
      <c r="C119" s="14">
        <v>11</v>
      </c>
      <c r="D119" s="18">
        <v>11</v>
      </c>
    </row>
    <row r="120" spans="1:4" ht="18" customHeight="1" x14ac:dyDescent="0.15">
      <c r="A120" s="5" t="s">
        <v>39</v>
      </c>
      <c r="B120" s="22">
        <v>32</v>
      </c>
      <c r="C120" s="14">
        <v>78</v>
      </c>
      <c r="D120" s="18">
        <v>110</v>
      </c>
    </row>
    <row r="121" spans="1:4" ht="18" customHeight="1" x14ac:dyDescent="0.15">
      <c r="A121" s="5">
        <v>95</v>
      </c>
      <c r="B121" s="22">
        <v>5</v>
      </c>
      <c r="C121" s="14">
        <v>13</v>
      </c>
      <c r="D121" s="18">
        <v>18</v>
      </c>
    </row>
    <row r="122" spans="1:4" ht="18" customHeight="1" x14ac:dyDescent="0.15">
      <c r="A122" s="5">
        <v>96</v>
      </c>
      <c r="B122" s="22">
        <v>2</v>
      </c>
      <c r="C122" s="14">
        <v>7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3</v>
      </c>
      <c r="C125" s="14">
        <v>3</v>
      </c>
      <c r="D125" s="18">
        <v>6</v>
      </c>
    </row>
    <row r="126" spans="1:4" ht="18" customHeight="1" x14ac:dyDescent="0.15">
      <c r="A126" s="5" t="s">
        <v>40</v>
      </c>
      <c r="B126" s="22">
        <v>13</v>
      </c>
      <c r="C126" s="14">
        <v>33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22</v>
      </c>
      <c r="C130" s="14">
        <v>1195</v>
      </c>
      <c r="D130" s="18">
        <v>2217</v>
      </c>
    </row>
    <row r="131" spans="1:4" ht="18" customHeight="1" x14ac:dyDescent="0.15">
      <c r="A131" s="7" t="s">
        <v>45</v>
      </c>
      <c r="B131" s="23">
        <v>3197</v>
      </c>
      <c r="C131" s="15">
        <v>3169</v>
      </c>
      <c r="D131" s="19">
        <v>63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9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9</v>
      </c>
      <c r="D5" s="31">
        <v>18</v>
      </c>
    </row>
    <row r="6" spans="1:4" ht="18" customHeight="1" x14ac:dyDescent="0.15">
      <c r="A6" s="5">
        <v>1</v>
      </c>
      <c r="B6" s="27">
        <v>16</v>
      </c>
      <c r="C6" s="14">
        <v>11</v>
      </c>
      <c r="D6" s="18">
        <v>27</v>
      </c>
    </row>
    <row r="7" spans="1:4" ht="18" customHeight="1" x14ac:dyDescent="0.15">
      <c r="A7" s="5">
        <v>2</v>
      </c>
      <c r="B7" s="27">
        <v>16</v>
      </c>
      <c r="C7" s="14">
        <v>11</v>
      </c>
      <c r="D7" s="18">
        <v>27</v>
      </c>
    </row>
    <row r="8" spans="1:4" ht="18" customHeight="1" x14ac:dyDescent="0.15">
      <c r="A8" s="5">
        <v>3</v>
      </c>
      <c r="B8" s="27">
        <v>14</v>
      </c>
      <c r="C8" s="14">
        <v>12</v>
      </c>
      <c r="D8" s="18">
        <v>26</v>
      </c>
    </row>
    <row r="9" spans="1:4" ht="18" customHeight="1" x14ac:dyDescent="0.15">
      <c r="A9" s="5">
        <v>4</v>
      </c>
      <c r="B9" s="28">
        <v>14</v>
      </c>
      <c r="C9" s="30">
        <v>19</v>
      </c>
      <c r="D9" s="32">
        <v>33</v>
      </c>
    </row>
    <row r="10" spans="1:4" ht="18" customHeight="1" x14ac:dyDescent="0.15">
      <c r="A10" s="5" t="s">
        <v>7</v>
      </c>
      <c r="B10" s="22">
        <v>69</v>
      </c>
      <c r="C10" s="14">
        <v>62</v>
      </c>
      <c r="D10" s="18">
        <v>131</v>
      </c>
    </row>
    <row r="11" spans="1:4" ht="18" customHeight="1" x14ac:dyDescent="0.15">
      <c r="A11" s="5">
        <v>5</v>
      </c>
      <c r="B11" s="27">
        <v>20</v>
      </c>
      <c r="C11" s="14">
        <v>20</v>
      </c>
      <c r="D11" s="18">
        <v>40</v>
      </c>
    </row>
    <row r="12" spans="1:4" ht="18" customHeight="1" x14ac:dyDescent="0.15">
      <c r="A12" s="5">
        <v>6</v>
      </c>
      <c r="B12" s="27">
        <v>21</v>
      </c>
      <c r="C12" s="14">
        <v>21</v>
      </c>
      <c r="D12" s="18">
        <v>42</v>
      </c>
    </row>
    <row r="13" spans="1:4" ht="18" customHeight="1" x14ac:dyDescent="0.15">
      <c r="A13" s="5">
        <v>7</v>
      </c>
      <c r="B13" s="27">
        <v>16</v>
      </c>
      <c r="C13" s="14">
        <v>19</v>
      </c>
      <c r="D13" s="18">
        <v>35</v>
      </c>
    </row>
    <row r="14" spans="1:4" ht="18" customHeight="1" x14ac:dyDescent="0.15">
      <c r="A14" s="5">
        <v>8</v>
      </c>
      <c r="B14" s="27">
        <v>26</v>
      </c>
      <c r="C14" s="14">
        <v>32</v>
      </c>
      <c r="D14" s="18">
        <v>58</v>
      </c>
    </row>
    <row r="15" spans="1:4" ht="18" customHeight="1" x14ac:dyDescent="0.15">
      <c r="A15" s="5">
        <v>9</v>
      </c>
      <c r="B15" s="27">
        <v>22</v>
      </c>
      <c r="C15" s="14">
        <v>25</v>
      </c>
      <c r="D15" s="18">
        <v>47</v>
      </c>
    </row>
    <row r="16" spans="1:4" ht="18" customHeight="1" x14ac:dyDescent="0.15">
      <c r="A16" s="5" t="s">
        <v>11</v>
      </c>
      <c r="B16" s="22">
        <v>105</v>
      </c>
      <c r="C16" s="14">
        <v>117</v>
      </c>
      <c r="D16" s="18">
        <v>222</v>
      </c>
    </row>
    <row r="17" spans="1:4" ht="18" customHeight="1" x14ac:dyDescent="0.15">
      <c r="A17" s="5">
        <v>10</v>
      </c>
      <c r="B17" s="22">
        <v>27</v>
      </c>
      <c r="C17" s="14">
        <v>16</v>
      </c>
      <c r="D17" s="18">
        <v>43</v>
      </c>
    </row>
    <row r="18" spans="1:4" ht="18" customHeight="1" x14ac:dyDescent="0.15">
      <c r="A18" s="5">
        <v>11</v>
      </c>
      <c r="B18" s="22">
        <v>25</v>
      </c>
      <c r="C18" s="14">
        <v>28</v>
      </c>
      <c r="D18" s="18">
        <v>53</v>
      </c>
    </row>
    <row r="19" spans="1:4" ht="18" customHeight="1" x14ac:dyDescent="0.15">
      <c r="A19" s="5">
        <v>12</v>
      </c>
      <c r="B19" s="22">
        <v>27</v>
      </c>
      <c r="C19" s="14">
        <v>17</v>
      </c>
      <c r="D19" s="18">
        <v>44</v>
      </c>
    </row>
    <row r="20" spans="1:4" ht="18" customHeight="1" x14ac:dyDescent="0.15">
      <c r="A20" s="5">
        <v>13</v>
      </c>
      <c r="B20" s="22">
        <v>23</v>
      </c>
      <c r="C20" s="14">
        <v>19</v>
      </c>
      <c r="D20" s="18">
        <v>42</v>
      </c>
    </row>
    <row r="21" spans="1:4" ht="18" customHeight="1" x14ac:dyDescent="0.15">
      <c r="A21" s="5">
        <v>14</v>
      </c>
      <c r="B21" s="22">
        <v>29</v>
      </c>
      <c r="C21" s="14">
        <v>23</v>
      </c>
      <c r="D21" s="18">
        <v>52</v>
      </c>
    </row>
    <row r="22" spans="1:4" ht="18" customHeight="1" x14ac:dyDescent="0.15">
      <c r="A22" s="5" t="s">
        <v>12</v>
      </c>
      <c r="B22" s="22">
        <v>131</v>
      </c>
      <c r="C22" s="14">
        <v>103</v>
      </c>
      <c r="D22" s="18">
        <v>234</v>
      </c>
    </row>
    <row r="23" spans="1:4" ht="18" customHeight="1" x14ac:dyDescent="0.15">
      <c r="A23" s="5" t="s">
        <v>6</v>
      </c>
      <c r="B23" s="22">
        <v>305</v>
      </c>
      <c r="C23" s="14">
        <v>282</v>
      </c>
      <c r="D23" s="18">
        <v>587</v>
      </c>
    </row>
    <row r="24" spans="1:4" ht="18" customHeight="1" x14ac:dyDescent="0.15">
      <c r="A24" s="5">
        <v>15</v>
      </c>
      <c r="B24" s="22">
        <v>28</v>
      </c>
      <c r="C24" s="14">
        <v>38</v>
      </c>
      <c r="D24" s="18">
        <v>66</v>
      </c>
    </row>
    <row r="25" spans="1:4" ht="18" customHeight="1" x14ac:dyDescent="0.15">
      <c r="A25" s="5">
        <v>16</v>
      </c>
      <c r="B25" s="22">
        <v>31</v>
      </c>
      <c r="C25" s="14">
        <v>35</v>
      </c>
      <c r="D25" s="18">
        <v>66</v>
      </c>
    </row>
    <row r="26" spans="1:4" ht="18" customHeight="1" x14ac:dyDescent="0.15">
      <c r="A26" s="5">
        <v>17</v>
      </c>
      <c r="B26" s="22">
        <v>32</v>
      </c>
      <c r="C26" s="14">
        <v>41</v>
      </c>
      <c r="D26" s="18">
        <v>73</v>
      </c>
    </row>
    <row r="27" spans="1:4" ht="18" customHeight="1" x14ac:dyDescent="0.15">
      <c r="A27" s="5">
        <v>18</v>
      </c>
      <c r="B27" s="22">
        <v>35</v>
      </c>
      <c r="C27" s="14">
        <v>23</v>
      </c>
      <c r="D27" s="18">
        <v>58</v>
      </c>
    </row>
    <row r="28" spans="1:4" ht="18" customHeight="1" x14ac:dyDescent="0.15">
      <c r="A28" s="5">
        <v>19</v>
      </c>
      <c r="B28" s="22">
        <v>30</v>
      </c>
      <c r="C28" s="14">
        <v>42</v>
      </c>
      <c r="D28" s="18">
        <v>72</v>
      </c>
    </row>
    <row r="29" spans="1:4" ht="18" customHeight="1" x14ac:dyDescent="0.15">
      <c r="A29" s="5" t="s">
        <v>14</v>
      </c>
      <c r="B29" s="22">
        <v>156</v>
      </c>
      <c r="C29" s="14">
        <v>179</v>
      </c>
      <c r="D29" s="18">
        <v>335</v>
      </c>
    </row>
    <row r="30" spans="1:4" ht="18" customHeight="1" x14ac:dyDescent="0.15">
      <c r="A30" s="5">
        <v>20</v>
      </c>
      <c r="B30" s="22">
        <v>29</v>
      </c>
      <c r="C30" s="14">
        <v>36</v>
      </c>
      <c r="D30" s="18">
        <v>65</v>
      </c>
    </row>
    <row r="31" spans="1:4" ht="18" customHeight="1" x14ac:dyDescent="0.15">
      <c r="A31" s="5">
        <v>21</v>
      </c>
      <c r="B31" s="22">
        <v>33</v>
      </c>
      <c r="C31" s="14">
        <v>39</v>
      </c>
      <c r="D31" s="18">
        <v>72</v>
      </c>
    </row>
    <row r="32" spans="1:4" ht="18" customHeight="1" x14ac:dyDescent="0.15">
      <c r="A32" s="5">
        <v>22</v>
      </c>
      <c r="B32" s="22">
        <v>30</v>
      </c>
      <c r="C32" s="14">
        <v>37</v>
      </c>
      <c r="D32" s="18">
        <v>67</v>
      </c>
    </row>
    <row r="33" spans="1:4" ht="18" customHeight="1" x14ac:dyDescent="0.15">
      <c r="A33" s="5">
        <v>23</v>
      </c>
      <c r="B33" s="22">
        <v>40</v>
      </c>
      <c r="C33" s="14">
        <v>29</v>
      </c>
      <c r="D33" s="18">
        <v>69</v>
      </c>
    </row>
    <row r="34" spans="1:4" ht="18" customHeight="1" x14ac:dyDescent="0.15">
      <c r="A34" s="5">
        <v>24</v>
      </c>
      <c r="B34" s="22">
        <v>33</v>
      </c>
      <c r="C34" s="14">
        <v>33</v>
      </c>
      <c r="D34" s="18">
        <v>66</v>
      </c>
    </row>
    <row r="35" spans="1:4" ht="18" customHeight="1" x14ac:dyDescent="0.15">
      <c r="A35" s="5" t="s">
        <v>9</v>
      </c>
      <c r="B35" s="22">
        <v>165</v>
      </c>
      <c r="C35" s="14">
        <v>174</v>
      </c>
      <c r="D35" s="18">
        <v>339</v>
      </c>
    </row>
    <row r="36" spans="1:4" ht="18" customHeight="1" x14ac:dyDescent="0.15">
      <c r="A36" s="5">
        <v>25</v>
      </c>
      <c r="B36" s="22">
        <v>36</v>
      </c>
      <c r="C36" s="14">
        <v>29</v>
      </c>
      <c r="D36" s="18">
        <v>65</v>
      </c>
    </row>
    <row r="37" spans="1:4" ht="18" customHeight="1" x14ac:dyDescent="0.15">
      <c r="A37" s="5">
        <v>26</v>
      </c>
      <c r="B37" s="22">
        <v>28</v>
      </c>
      <c r="C37" s="14">
        <v>37</v>
      </c>
      <c r="D37" s="18">
        <v>65</v>
      </c>
    </row>
    <row r="38" spans="1:4" ht="18" customHeight="1" x14ac:dyDescent="0.15">
      <c r="A38" s="5">
        <v>27</v>
      </c>
      <c r="B38" s="22">
        <v>29</v>
      </c>
      <c r="C38" s="14">
        <v>27</v>
      </c>
      <c r="D38" s="18">
        <v>56</v>
      </c>
    </row>
    <row r="39" spans="1:4" ht="18" customHeight="1" x14ac:dyDescent="0.15">
      <c r="A39" s="5">
        <v>28</v>
      </c>
      <c r="B39" s="22">
        <v>29</v>
      </c>
      <c r="C39" s="14">
        <v>27</v>
      </c>
      <c r="D39" s="18">
        <v>56</v>
      </c>
    </row>
    <row r="40" spans="1:4" ht="18" customHeight="1" x14ac:dyDescent="0.15">
      <c r="A40" s="5">
        <v>29</v>
      </c>
      <c r="B40" s="22">
        <v>32</v>
      </c>
      <c r="C40" s="14">
        <v>21</v>
      </c>
      <c r="D40" s="18">
        <v>53</v>
      </c>
    </row>
    <row r="41" spans="1:4" ht="18" customHeight="1" x14ac:dyDescent="0.15">
      <c r="A41" s="5" t="s">
        <v>2</v>
      </c>
      <c r="B41" s="22">
        <v>154</v>
      </c>
      <c r="C41" s="14">
        <v>141</v>
      </c>
      <c r="D41" s="18">
        <v>295</v>
      </c>
    </row>
    <row r="42" spans="1:4" ht="18" customHeight="1" x14ac:dyDescent="0.15">
      <c r="A42" s="5">
        <v>30</v>
      </c>
      <c r="B42" s="22">
        <v>17</v>
      </c>
      <c r="C42" s="14">
        <v>24</v>
      </c>
      <c r="D42" s="18">
        <v>41</v>
      </c>
    </row>
    <row r="43" spans="1:4" ht="18" customHeight="1" x14ac:dyDescent="0.15">
      <c r="A43" s="5">
        <v>31</v>
      </c>
      <c r="B43" s="22">
        <v>28</v>
      </c>
      <c r="C43" s="14">
        <v>19</v>
      </c>
      <c r="D43" s="18">
        <v>47</v>
      </c>
    </row>
    <row r="44" spans="1:4" ht="18" customHeight="1" x14ac:dyDescent="0.15">
      <c r="A44" s="5">
        <v>32</v>
      </c>
      <c r="B44" s="22">
        <v>19</v>
      </c>
      <c r="C44" s="14">
        <v>14</v>
      </c>
      <c r="D44" s="18">
        <v>33</v>
      </c>
    </row>
    <row r="45" spans="1:4" ht="18" customHeight="1" x14ac:dyDescent="0.15">
      <c r="A45" s="5">
        <v>33</v>
      </c>
      <c r="B45" s="22">
        <v>25</v>
      </c>
      <c r="C45" s="14">
        <v>22</v>
      </c>
      <c r="D45" s="18">
        <v>47</v>
      </c>
    </row>
    <row r="46" spans="1:4" ht="18" customHeight="1" x14ac:dyDescent="0.15">
      <c r="A46" s="5">
        <v>34</v>
      </c>
      <c r="B46" s="22">
        <v>25</v>
      </c>
      <c r="C46" s="14">
        <v>18</v>
      </c>
      <c r="D46" s="18">
        <v>43</v>
      </c>
    </row>
    <row r="47" spans="1:4" ht="18" customHeight="1" x14ac:dyDescent="0.15">
      <c r="A47" s="5" t="s">
        <v>15</v>
      </c>
      <c r="B47" s="22">
        <v>114</v>
      </c>
      <c r="C47" s="14">
        <v>97</v>
      </c>
      <c r="D47" s="18">
        <v>211</v>
      </c>
    </row>
    <row r="48" spans="1:4" ht="18" customHeight="1" x14ac:dyDescent="0.15">
      <c r="A48" s="5">
        <v>35</v>
      </c>
      <c r="B48" s="22">
        <v>17</v>
      </c>
      <c r="C48" s="14">
        <v>17</v>
      </c>
      <c r="D48" s="18">
        <v>34</v>
      </c>
    </row>
    <row r="49" spans="1:4" ht="18" customHeight="1" x14ac:dyDescent="0.15">
      <c r="A49" s="5">
        <v>36</v>
      </c>
      <c r="B49" s="22">
        <v>27</v>
      </c>
      <c r="C49" s="14">
        <v>31</v>
      </c>
      <c r="D49" s="18">
        <v>58</v>
      </c>
    </row>
    <row r="50" spans="1:4" ht="18" customHeight="1" x14ac:dyDescent="0.15">
      <c r="A50" s="5">
        <v>37</v>
      </c>
      <c r="B50" s="22">
        <v>29</v>
      </c>
      <c r="C50" s="14">
        <v>31</v>
      </c>
      <c r="D50" s="18">
        <v>60</v>
      </c>
    </row>
    <row r="51" spans="1:4" ht="18" customHeight="1" x14ac:dyDescent="0.15">
      <c r="A51" s="5">
        <v>38</v>
      </c>
      <c r="B51" s="22">
        <v>23</v>
      </c>
      <c r="C51" s="14">
        <v>28</v>
      </c>
      <c r="D51" s="18">
        <v>51</v>
      </c>
    </row>
    <row r="52" spans="1:4" ht="18" customHeight="1" x14ac:dyDescent="0.15">
      <c r="A52" s="5">
        <v>39</v>
      </c>
      <c r="B52" s="22">
        <v>25</v>
      </c>
      <c r="C52" s="14">
        <v>24</v>
      </c>
      <c r="D52" s="18">
        <v>49</v>
      </c>
    </row>
    <row r="53" spans="1:4" ht="18" customHeight="1" x14ac:dyDescent="0.15">
      <c r="A53" s="5" t="s">
        <v>18</v>
      </c>
      <c r="B53" s="22">
        <v>121</v>
      </c>
      <c r="C53" s="14">
        <v>131</v>
      </c>
      <c r="D53" s="18">
        <v>252</v>
      </c>
    </row>
    <row r="54" spans="1:4" ht="18" customHeight="1" x14ac:dyDescent="0.15">
      <c r="A54" s="5">
        <v>40</v>
      </c>
      <c r="B54" s="22">
        <v>35</v>
      </c>
      <c r="C54" s="14">
        <v>29</v>
      </c>
      <c r="D54" s="18">
        <v>64</v>
      </c>
    </row>
    <row r="55" spans="1:4" ht="18" customHeight="1" x14ac:dyDescent="0.15">
      <c r="A55" s="5">
        <v>41</v>
      </c>
      <c r="B55" s="22">
        <v>25</v>
      </c>
      <c r="C55" s="14">
        <v>28</v>
      </c>
      <c r="D55" s="18">
        <v>53</v>
      </c>
    </row>
    <row r="56" spans="1:4" ht="18" customHeight="1" x14ac:dyDescent="0.15">
      <c r="A56" s="5">
        <v>42</v>
      </c>
      <c r="B56" s="22">
        <v>29</v>
      </c>
      <c r="C56" s="14">
        <v>34</v>
      </c>
      <c r="D56" s="18">
        <v>63</v>
      </c>
    </row>
    <row r="57" spans="1:4" ht="18" customHeight="1" x14ac:dyDescent="0.15">
      <c r="A57" s="5">
        <v>43</v>
      </c>
      <c r="B57" s="22">
        <v>41</v>
      </c>
      <c r="C57" s="14">
        <v>39</v>
      </c>
      <c r="D57" s="18">
        <v>80</v>
      </c>
    </row>
    <row r="58" spans="1:4" ht="18" customHeight="1" x14ac:dyDescent="0.15">
      <c r="A58" s="5">
        <v>44</v>
      </c>
      <c r="B58" s="22">
        <v>53</v>
      </c>
      <c r="C58" s="14">
        <v>45</v>
      </c>
      <c r="D58" s="18">
        <v>98</v>
      </c>
    </row>
    <row r="59" spans="1:4" ht="18" customHeight="1" x14ac:dyDescent="0.15">
      <c r="A59" s="5" t="s">
        <v>21</v>
      </c>
      <c r="B59" s="22">
        <v>183</v>
      </c>
      <c r="C59" s="14">
        <v>175</v>
      </c>
      <c r="D59" s="18">
        <v>358</v>
      </c>
    </row>
    <row r="60" spans="1:4" ht="18" customHeight="1" x14ac:dyDescent="0.15">
      <c r="A60" s="5">
        <v>45</v>
      </c>
      <c r="B60" s="22">
        <v>42</v>
      </c>
      <c r="C60" s="14">
        <v>26</v>
      </c>
      <c r="D60" s="18">
        <v>68</v>
      </c>
    </row>
    <row r="61" spans="1:4" ht="18" customHeight="1" x14ac:dyDescent="0.15">
      <c r="A61" s="5">
        <v>46</v>
      </c>
      <c r="B61" s="22">
        <v>45</v>
      </c>
      <c r="C61" s="14">
        <v>40</v>
      </c>
      <c r="D61" s="18">
        <v>85</v>
      </c>
    </row>
    <row r="62" spans="1:4" ht="18" customHeight="1" x14ac:dyDescent="0.15">
      <c r="A62" s="5">
        <v>47</v>
      </c>
      <c r="B62" s="22">
        <v>46</v>
      </c>
      <c r="C62" s="14">
        <v>53</v>
      </c>
      <c r="D62" s="18">
        <v>99</v>
      </c>
    </row>
    <row r="63" spans="1:4" ht="18" customHeight="1" x14ac:dyDescent="0.15">
      <c r="A63" s="5">
        <v>48</v>
      </c>
      <c r="B63" s="22">
        <v>51</v>
      </c>
      <c r="C63" s="14">
        <v>32</v>
      </c>
      <c r="D63" s="18">
        <v>83</v>
      </c>
    </row>
    <row r="64" spans="1:4" ht="18" customHeight="1" x14ac:dyDescent="0.15">
      <c r="A64" s="5">
        <v>49</v>
      </c>
      <c r="B64" s="22">
        <v>50</v>
      </c>
      <c r="C64" s="14">
        <v>50</v>
      </c>
      <c r="D64" s="18">
        <v>100</v>
      </c>
    </row>
    <row r="65" spans="1:4" ht="18" customHeight="1" x14ac:dyDescent="0.15">
      <c r="A65" s="5" t="s">
        <v>17</v>
      </c>
      <c r="B65" s="22">
        <v>234</v>
      </c>
      <c r="C65" s="14">
        <v>201</v>
      </c>
      <c r="D65" s="18">
        <v>435</v>
      </c>
    </row>
    <row r="66" spans="1:4" ht="18" customHeight="1" x14ac:dyDescent="0.15">
      <c r="A66" s="5">
        <v>50</v>
      </c>
      <c r="B66" s="22">
        <v>56</v>
      </c>
      <c r="C66" s="14">
        <v>65</v>
      </c>
      <c r="D66" s="18">
        <v>121</v>
      </c>
    </row>
    <row r="67" spans="1:4" ht="18" customHeight="1" x14ac:dyDescent="0.15">
      <c r="A67" s="5">
        <v>51</v>
      </c>
      <c r="B67" s="22">
        <v>54</v>
      </c>
      <c r="C67" s="14">
        <v>55</v>
      </c>
      <c r="D67" s="18">
        <v>109</v>
      </c>
    </row>
    <row r="68" spans="1:4" ht="18" customHeight="1" x14ac:dyDescent="0.15">
      <c r="A68" s="5">
        <v>52</v>
      </c>
      <c r="B68" s="22">
        <v>67</v>
      </c>
      <c r="C68" s="14">
        <v>54</v>
      </c>
      <c r="D68" s="18">
        <v>121</v>
      </c>
    </row>
    <row r="69" spans="1:4" ht="18" customHeight="1" x14ac:dyDescent="0.15">
      <c r="A69" s="5">
        <v>53</v>
      </c>
      <c r="B69" s="22">
        <v>51</v>
      </c>
      <c r="C69" s="14">
        <v>50</v>
      </c>
      <c r="D69" s="18">
        <v>101</v>
      </c>
    </row>
    <row r="70" spans="1:4" ht="18" customHeight="1" x14ac:dyDescent="0.15">
      <c r="A70" s="5">
        <v>54</v>
      </c>
      <c r="B70" s="22">
        <v>54</v>
      </c>
      <c r="C70" s="14">
        <v>53</v>
      </c>
      <c r="D70" s="18">
        <v>107</v>
      </c>
    </row>
    <row r="71" spans="1:4" ht="18" customHeight="1" x14ac:dyDescent="0.15">
      <c r="A71" s="5" t="s">
        <v>22</v>
      </c>
      <c r="B71" s="22">
        <v>282</v>
      </c>
      <c r="C71" s="14">
        <v>277</v>
      </c>
      <c r="D71" s="18">
        <v>559</v>
      </c>
    </row>
    <row r="72" spans="1:4" ht="18" customHeight="1" x14ac:dyDescent="0.15">
      <c r="A72" s="5">
        <v>55</v>
      </c>
      <c r="B72" s="22">
        <v>50</v>
      </c>
      <c r="C72" s="14">
        <v>52</v>
      </c>
      <c r="D72" s="18">
        <v>102</v>
      </c>
    </row>
    <row r="73" spans="1:4" ht="18" customHeight="1" x14ac:dyDescent="0.15">
      <c r="A73" s="5">
        <v>56</v>
      </c>
      <c r="B73" s="22">
        <v>51</v>
      </c>
      <c r="C73" s="14">
        <v>46</v>
      </c>
      <c r="D73" s="18">
        <v>97</v>
      </c>
    </row>
    <row r="74" spans="1:4" ht="18" customHeight="1" x14ac:dyDescent="0.15">
      <c r="A74" s="5">
        <v>57</v>
      </c>
      <c r="B74" s="22">
        <v>32</v>
      </c>
      <c r="C74" s="14">
        <v>42</v>
      </c>
      <c r="D74" s="18">
        <v>74</v>
      </c>
    </row>
    <row r="75" spans="1:4" ht="18" customHeight="1" x14ac:dyDescent="0.15">
      <c r="A75" s="5">
        <v>58</v>
      </c>
      <c r="B75" s="22">
        <v>36</v>
      </c>
      <c r="C75" s="14">
        <v>43</v>
      </c>
      <c r="D75" s="18">
        <v>79</v>
      </c>
    </row>
    <row r="76" spans="1:4" ht="18" customHeight="1" x14ac:dyDescent="0.15">
      <c r="A76" s="5">
        <v>59</v>
      </c>
      <c r="B76" s="22">
        <v>33</v>
      </c>
      <c r="C76" s="14">
        <v>27</v>
      </c>
      <c r="D76" s="18">
        <v>60</v>
      </c>
    </row>
    <row r="77" spans="1:4" ht="18" customHeight="1" x14ac:dyDescent="0.15">
      <c r="A77" s="5" t="s">
        <v>27</v>
      </c>
      <c r="B77" s="22">
        <v>202</v>
      </c>
      <c r="C77" s="14">
        <v>210</v>
      </c>
      <c r="D77" s="18">
        <v>412</v>
      </c>
    </row>
    <row r="78" spans="1:4" ht="18" customHeight="1" x14ac:dyDescent="0.15">
      <c r="A78" s="5">
        <v>60</v>
      </c>
      <c r="B78" s="22">
        <v>48</v>
      </c>
      <c r="C78" s="14">
        <v>34</v>
      </c>
      <c r="D78" s="18">
        <v>82</v>
      </c>
    </row>
    <row r="79" spans="1:4" ht="18" customHeight="1" x14ac:dyDescent="0.15">
      <c r="A79" s="5">
        <v>61</v>
      </c>
      <c r="B79" s="22">
        <v>47</v>
      </c>
      <c r="C79" s="14">
        <v>38</v>
      </c>
      <c r="D79" s="18">
        <v>85</v>
      </c>
    </row>
    <row r="80" spans="1:4" ht="18" customHeight="1" x14ac:dyDescent="0.15">
      <c r="A80" s="5">
        <v>62</v>
      </c>
      <c r="B80" s="22">
        <v>42</v>
      </c>
      <c r="C80" s="14">
        <v>51</v>
      </c>
      <c r="D80" s="18">
        <v>93</v>
      </c>
    </row>
    <row r="81" spans="1:4" ht="18" customHeight="1" x14ac:dyDescent="0.15">
      <c r="A81" s="5">
        <v>63</v>
      </c>
      <c r="B81" s="22">
        <v>36</v>
      </c>
      <c r="C81" s="14">
        <v>39</v>
      </c>
      <c r="D81" s="18">
        <v>75</v>
      </c>
    </row>
    <row r="82" spans="1:4" ht="18" customHeight="1" x14ac:dyDescent="0.15">
      <c r="A82" s="5">
        <v>64</v>
      </c>
      <c r="B82" s="22">
        <v>44</v>
      </c>
      <c r="C82" s="14">
        <v>31</v>
      </c>
      <c r="D82" s="18">
        <v>75</v>
      </c>
    </row>
    <row r="83" spans="1:4" ht="18" customHeight="1" x14ac:dyDescent="0.15">
      <c r="A83" s="5" t="s">
        <v>28</v>
      </c>
      <c r="B83" s="22">
        <v>217</v>
      </c>
      <c r="C83" s="14">
        <v>193</v>
      </c>
      <c r="D83" s="18">
        <v>410</v>
      </c>
    </row>
    <row r="84" spans="1:4" ht="18" customHeight="1" x14ac:dyDescent="0.15">
      <c r="A84" s="5" t="s">
        <v>31</v>
      </c>
      <c r="B84" s="22">
        <v>1828</v>
      </c>
      <c r="C84" s="14">
        <v>1778</v>
      </c>
      <c r="D84" s="18">
        <v>3606</v>
      </c>
    </row>
    <row r="85" spans="1:4" ht="18" customHeight="1" x14ac:dyDescent="0.15">
      <c r="A85" s="5">
        <v>65</v>
      </c>
      <c r="B85" s="22">
        <v>43</v>
      </c>
      <c r="C85" s="14">
        <v>33</v>
      </c>
      <c r="D85" s="18">
        <v>76</v>
      </c>
    </row>
    <row r="86" spans="1:4" ht="18" customHeight="1" x14ac:dyDescent="0.15">
      <c r="A86" s="5">
        <v>66</v>
      </c>
      <c r="B86" s="22">
        <v>36</v>
      </c>
      <c r="C86" s="14">
        <v>37</v>
      </c>
      <c r="D86" s="18">
        <v>73</v>
      </c>
    </row>
    <row r="87" spans="1:4" ht="18" customHeight="1" x14ac:dyDescent="0.15">
      <c r="A87" s="5">
        <v>67</v>
      </c>
      <c r="B87" s="22">
        <v>38</v>
      </c>
      <c r="C87" s="14">
        <v>39</v>
      </c>
      <c r="D87" s="18">
        <v>77</v>
      </c>
    </row>
    <row r="88" spans="1:4" ht="18" customHeight="1" x14ac:dyDescent="0.15">
      <c r="A88" s="5">
        <v>68</v>
      </c>
      <c r="B88" s="22">
        <v>45</v>
      </c>
      <c r="C88" s="14">
        <v>46</v>
      </c>
      <c r="D88" s="18">
        <v>91</v>
      </c>
    </row>
    <row r="89" spans="1:4" ht="18" customHeight="1" x14ac:dyDescent="0.15">
      <c r="A89" s="5">
        <v>69</v>
      </c>
      <c r="B89" s="22">
        <v>32</v>
      </c>
      <c r="C89" s="14">
        <v>41</v>
      </c>
      <c r="D89" s="18">
        <v>73</v>
      </c>
    </row>
    <row r="90" spans="1:4" ht="18" customHeight="1" x14ac:dyDescent="0.15">
      <c r="A90" s="5" t="s">
        <v>20</v>
      </c>
      <c r="B90" s="22">
        <v>194</v>
      </c>
      <c r="C90" s="14">
        <v>196</v>
      </c>
      <c r="D90" s="18">
        <v>390</v>
      </c>
    </row>
    <row r="91" spans="1:4" ht="18" customHeight="1" x14ac:dyDescent="0.15">
      <c r="A91" s="5">
        <v>70</v>
      </c>
      <c r="B91" s="22">
        <v>44</v>
      </c>
      <c r="C91" s="14">
        <v>53</v>
      </c>
      <c r="D91" s="18">
        <v>97</v>
      </c>
    </row>
    <row r="92" spans="1:4" ht="18" customHeight="1" x14ac:dyDescent="0.15">
      <c r="A92" s="5">
        <v>71</v>
      </c>
      <c r="B92" s="22">
        <v>55</v>
      </c>
      <c r="C92" s="14">
        <v>46</v>
      </c>
      <c r="D92" s="18">
        <v>101</v>
      </c>
    </row>
    <row r="93" spans="1:4" ht="18" customHeight="1" x14ac:dyDescent="0.15">
      <c r="A93" s="5">
        <v>72</v>
      </c>
      <c r="B93" s="22">
        <v>48</v>
      </c>
      <c r="C93" s="14">
        <v>45</v>
      </c>
      <c r="D93" s="18">
        <v>93</v>
      </c>
    </row>
    <row r="94" spans="1:4" ht="18" customHeight="1" x14ac:dyDescent="0.15">
      <c r="A94" s="5">
        <v>73</v>
      </c>
      <c r="B94" s="22">
        <v>42</v>
      </c>
      <c r="C94" s="14">
        <v>49</v>
      </c>
      <c r="D94" s="18">
        <v>91</v>
      </c>
    </row>
    <row r="95" spans="1:4" ht="18" customHeight="1" x14ac:dyDescent="0.15">
      <c r="A95" s="5">
        <v>74</v>
      </c>
      <c r="B95" s="22">
        <v>42</v>
      </c>
      <c r="C95" s="14">
        <v>78</v>
      </c>
      <c r="D95" s="18">
        <v>120</v>
      </c>
    </row>
    <row r="96" spans="1:4" ht="18" customHeight="1" x14ac:dyDescent="0.15">
      <c r="A96" s="5" t="s">
        <v>33</v>
      </c>
      <c r="B96" s="22">
        <v>231</v>
      </c>
      <c r="C96" s="14">
        <v>271</v>
      </c>
      <c r="D96" s="18">
        <v>502</v>
      </c>
    </row>
    <row r="97" spans="1:4" ht="18" customHeight="1" x14ac:dyDescent="0.15">
      <c r="A97" s="5">
        <v>75</v>
      </c>
      <c r="B97" s="22">
        <v>55</v>
      </c>
      <c r="C97" s="14">
        <v>63</v>
      </c>
      <c r="D97" s="18">
        <v>118</v>
      </c>
    </row>
    <row r="98" spans="1:4" ht="18" customHeight="1" x14ac:dyDescent="0.15">
      <c r="A98" s="5">
        <v>76</v>
      </c>
      <c r="B98" s="22">
        <v>71</v>
      </c>
      <c r="C98" s="14">
        <v>82</v>
      </c>
      <c r="D98" s="18">
        <v>153</v>
      </c>
    </row>
    <row r="99" spans="1:4" ht="18" customHeight="1" x14ac:dyDescent="0.15">
      <c r="A99" s="5">
        <v>77</v>
      </c>
      <c r="B99" s="22">
        <v>69</v>
      </c>
      <c r="C99" s="14">
        <v>52</v>
      </c>
      <c r="D99" s="18">
        <v>121</v>
      </c>
    </row>
    <row r="100" spans="1:4" ht="18" customHeight="1" x14ac:dyDescent="0.15">
      <c r="A100" s="5">
        <v>78</v>
      </c>
      <c r="B100" s="22">
        <v>56</v>
      </c>
      <c r="C100" s="14">
        <v>69</v>
      </c>
      <c r="D100" s="18">
        <v>125</v>
      </c>
    </row>
    <row r="101" spans="1:4" ht="18" customHeight="1" x14ac:dyDescent="0.15">
      <c r="A101" s="5">
        <v>79</v>
      </c>
      <c r="B101" s="22">
        <v>33</v>
      </c>
      <c r="C101" s="14">
        <v>46</v>
      </c>
      <c r="D101" s="18">
        <v>79</v>
      </c>
    </row>
    <row r="102" spans="1:4" ht="18" customHeight="1" x14ac:dyDescent="0.15">
      <c r="A102" s="5" t="s">
        <v>0</v>
      </c>
      <c r="B102" s="22">
        <v>284</v>
      </c>
      <c r="C102" s="14">
        <v>312</v>
      </c>
      <c r="D102" s="18">
        <v>596</v>
      </c>
    </row>
    <row r="103" spans="1:4" ht="18" customHeight="1" x14ac:dyDescent="0.15">
      <c r="A103" s="5">
        <v>80</v>
      </c>
      <c r="B103" s="22">
        <v>21</v>
      </c>
      <c r="C103" s="14">
        <v>24</v>
      </c>
      <c r="D103" s="18">
        <v>45</v>
      </c>
    </row>
    <row r="104" spans="1:4" ht="18" customHeight="1" x14ac:dyDescent="0.15">
      <c r="A104" s="5">
        <v>81</v>
      </c>
      <c r="B104" s="22">
        <v>34</v>
      </c>
      <c r="C104" s="14">
        <v>34</v>
      </c>
      <c r="D104" s="18">
        <v>68</v>
      </c>
    </row>
    <row r="105" spans="1:4" ht="18" customHeight="1" x14ac:dyDescent="0.15">
      <c r="A105" s="5">
        <v>82</v>
      </c>
      <c r="B105" s="22">
        <v>38</v>
      </c>
      <c r="C105" s="14">
        <v>26</v>
      </c>
      <c r="D105" s="18">
        <v>64</v>
      </c>
    </row>
    <row r="106" spans="1:4" ht="18" customHeight="1" x14ac:dyDescent="0.15">
      <c r="A106" s="5">
        <v>83</v>
      </c>
      <c r="B106" s="22">
        <v>27</v>
      </c>
      <c r="C106" s="14">
        <v>30</v>
      </c>
      <c r="D106" s="18">
        <v>57</v>
      </c>
    </row>
    <row r="107" spans="1:4" ht="18" customHeight="1" x14ac:dyDescent="0.15">
      <c r="A107" s="5">
        <v>84</v>
      </c>
      <c r="B107" s="22">
        <v>32</v>
      </c>
      <c r="C107" s="14">
        <v>37</v>
      </c>
      <c r="D107" s="18">
        <v>69</v>
      </c>
    </row>
    <row r="108" spans="1:4" ht="18" customHeight="1" x14ac:dyDescent="0.15">
      <c r="A108" s="5" t="s">
        <v>35</v>
      </c>
      <c r="B108" s="22">
        <v>152</v>
      </c>
      <c r="C108" s="14">
        <v>151</v>
      </c>
      <c r="D108" s="18">
        <v>303</v>
      </c>
    </row>
    <row r="109" spans="1:4" ht="18" customHeight="1" x14ac:dyDescent="0.15">
      <c r="A109" s="5">
        <v>85</v>
      </c>
      <c r="B109" s="22">
        <v>19</v>
      </c>
      <c r="C109" s="14">
        <v>23</v>
      </c>
      <c r="D109" s="18">
        <v>42</v>
      </c>
    </row>
    <row r="110" spans="1:4" ht="18" customHeight="1" x14ac:dyDescent="0.15">
      <c r="A110" s="5">
        <v>86</v>
      </c>
      <c r="B110" s="22">
        <v>18</v>
      </c>
      <c r="C110" s="14">
        <v>32</v>
      </c>
      <c r="D110" s="18">
        <v>50</v>
      </c>
    </row>
    <row r="111" spans="1:4" ht="18" customHeight="1" x14ac:dyDescent="0.15">
      <c r="A111" s="5">
        <v>87</v>
      </c>
      <c r="B111" s="22">
        <v>13</v>
      </c>
      <c r="C111" s="14">
        <v>23</v>
      </c>
      <c r="D111" s="18">
        <v>36</v>
      </c>
    </row>
    <row r="112" spans="1:4" ht="18" customHeight="1" x14ac:dyDescent="0.15">
      <c r="A112" s="5">
        <v>88</v>
      </c>
      <c r="B112" s="22">
        <v>14</v>
      </c>
      <c r="C112" s="14">
        <v>32</v>
      </c>
      <c r="D112" s="18">
        <v>46</v>
      </c>
    </row>
    <row r="113" spans="1:4" ht="18" customHeight="1" x14ac:dyDescent="0.15">
      <c r="A113" s="5">
        <v>89</v>
      </c>
      <c r="B113" s="22">
        <v>14</v>
      </c>
      <c r="C113" s="14">
        <v>25</v>
      </c>
      <c r="D113" s="18">
        <v>39</v>
      </c>
    </row>
    <row r="114" spans="1:4" ht="18" customHeight="1" x14ac:dyDescent="0.15">
      <c r="A114" s="5" t="s">
        <v>37</v>
      </c>
      <c r="B114" s="22">
        <v>78</v>
      </c>
      <c r="C114" s="14">
        <v>135</v>
      </c>
      <c r="D114" s="18">
        <v>213</v>
      </c>
    </row>
    <row r="115" spans="1:4" ht="18" customHeight="1" x14ac:dyDescent="0.15">
      <c r="A115" s="5">
        <v>90</v>
      </c>
      <c r="B115" s="22">
        <v>16</v>
      </c>
      <c r="C115" s="14">
        <v>25</v>
      </c>
      <c r="D115" s="18">
        <v>41</v>
      </c>
    </row>
    <row r="116" spans="1:4" ht="18" customHeight="1" x14ac:dyDescent="0.15">
      <c r="A116" s="5">
        <v>91</v>
      </c>
      <c r="B116" s="22">
        <v>7</v>
      </c>
      <c r="C116" s="14">
        <v>23</v>
      </c>
      <c r="D116" s="18">
        <v>30</v>
      </c>
    </row>
    <row r="117" spans="1:4" ht="18" customHeight="1" x14ac:dyDescent="0.15">
      <c r="A117" s="5">
        <v>92</v>
      </c>
      <c r="B117" s="22">
        <v>6</v>
      </c>
      <c r="C117" s="14">
        <v>25</v>
      </c>
      <c r="D117" s="18">
        <v>31</v>
      </c>
    </row>
    <row r="118" spans="1:4" ht="18" customHeight="1" x14ac:dyDescent="0.15">
      <c r="A118" s="5">
        <v>93</v>
      </c>
      <c r="B118" s="22">
        <v>6</v>
      </c>
      <c r="C118" s="14">
        <v>21</v>
      </c>
      <c r="D118" s="18">
        <v>27</v>
      </c>
    </row>
    <row r="119" spans="1:4" ht="18" customHeight="1" x14ac:dyDescent="0.15">
      <c r="A119" s="5">
        <v>94</v>
      </c>
      <c r="B119" s="22">
        <v>4</v>
      </c>
      <c r="C119" s="14">
        <v>13</v>
      </c>
      <c r="D119" s="18">
        <v>17</v>
      </c>
    </row>
    <row r="120" spans="1:4" ht="18" customHeight="1" x14ac:dyDescent="0.15">
      <c r="A120" s="5" t="s">
        <v>39</v>
      </c>
      <c r="B120" s="22">
        <v>39</v>
      </c>
      <c r="C120" s="14">
        <v>107</v>
      </c>
      <c r="D120" s="18">
        <v>146</v>
      </c>
    </row>
    <row r="121" spans="1:4" ht="18" customHeight="1" x14ac:dyDescent="0.15">
      <c r="A121" s="5">
        <v>95</v>
      </c>
      <c r="B121" s="22">
        <v>5</v>
      </c>
      <c r="C121" s="14">
        <v>10</v>
      </c>
      <c r="D121" s="18">
        <v>15</v>
      </c>
    </row>
    <row r="122" spans="1:4" ht="18" customHeight="1" x14ac:dyDescent="0.15">
      <c r="A122" s="5">
        <v>96</v>
      </c>
      <c r="B122" s="22">
        <v>1</v>
      </c>
      <c r="C122" s="14">
        <v>14</v>
      </c>
      <c r="D122" s="18">
        <v>15</v>
      </c>
    </row>
    <row r="123" spans="1:4" ht="18" customHeight="1" x14ac:dyDescent="0.15">
      <c r="A123" s="5">
        <v>97</v>
      </c>
      <c r="B123" s="22">
        <v>4</v>
      </c>
      <c r="C123" s="14">
        <v>5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1</v>
      </c>
      <c r="C126" s="14">
        <v>32</v>
      </c>
      <c r="D126" s="18">
        <v>4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989</v>
      </c>
      <c r="C130" s="14">
        <v>1208</v>
      </c>
      <c r="D130" s="18">
        <v>2197</v>
      </c>
    </row>
    <row r="131" spans="1:4" ht="18" customHeight="1" x14ac:dyDescent="0.15">
      <c r="A131" s="7" t="s">
        <v>45</v>
      </c>
      <c r="B131" s="23">
        <v>3122</v>
      </c>
      <c r="C131" s="15">
        <v>3268</v>
      </c>
      <c r="D131" s="19">
        <v>63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0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4</v>
      </c>
      <c r="D13" s="18">
        <v>4</v>
      </c>
    </row>
    <row r="14" spans="1:4" ht="18" customHeight="1" x14ac:dyDescent="0.15">
      <c r="A14" s="5">
        <v>8</v>
      </c>
      <c r="B14" s="27">
        <v>3</v>
      </c>
      <c r="C14" s="14">
        <v>2</v>
      </c>
      <c r="D14" s="18">
        <v>5</v>
      </c>
    </row>
    <row r="15" spans="1:4" ht="18" customHeight="1" x14ac:dyDescent="0.15">
      <c r="A15" s="5">
        <v>9</v>
      </c>
      <c r="B15" s="27">
        <v>1</v>
      </c>
      <c r="C15" s="14">
        <v>4</v>
      </c>
      <c r="D15" s="18">
        <v>5</v>
      </c>
    </row>
    <row r="16" spans="1:4" ht="18" customHeight="1" x14ac:dyDescent="0.15">
      <c r="A16" s="5" t="s">
        <v>11</v>
      </c>
      <c r="B16" s="22">
        <v>8</v>
      </c>
      <c r="C16" s="14">
        <v>11</v>
      </c>
      <c r="D16" s="18">
        <v>19</v>
      </c>
    </row>
    <row r="17" spans="1:4" ht="18" customHeight="1" x14ac:dyDescent="0.15">
      <c r="A17" s="5">
        <v>10</v>
      </c>
      <c r="B17" s="22">
        <v>1</v>
      </c>
      <c r="C17" s="14">
        <v>2</v>
      </c>
      <c r="D17" s="18">
        <v>3</v>
      </c>
    </row>
    <row r="18" spans="1:4" ht="18" customHeight="1" x14ac:dyDescent="0.15">
      <c r="A18" s="5">
        <v>11</v>
      </c>
      <c r="B18" s="22">
        <v>2</v>
      </c>
      <c r="C18" s="14">
        <v>4</v>
      </c>
      <c r="D18" s="18">
        <v>6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1</v>
      </c>
      <c r="C20" s="14">
        <v>1</v>
      </c>
      <c r="D20" s="18">
        <v>2</v>
      </c>
    </row>
    <row r="21" spans="1:4" ht="18" customHeight="1" x14ac:dyDescent="0.15">
      <c r="A21" s="5">
        <v>14</v>
      </c>
      <c r="B21" s="22">
        <v>0</v>
      </c>
      <c r="C21" s="14">
        <v>4</v>
      </c>
      <c r="D21" s="18">
        <v>4</v>
      </c>
    </row>
    <row r="22" spans="1:4" ht="18" customHeight="1" x14ac:dyDescent="0.15">
      <c r="A22" s="5" t="s">
        <v>12</v>
      </c>
      <c r="B22" s="22">
        <v>7</v>
      </c>
      <c r="C22" s="14">
        <v>16</v>
      </c>
      <c r="D22" s="18">
        <v>23</v>
      </c>
    </row>
    <row r="23" spans="1:4" ht="18" customHeight="1" x14ac:dyDescent="0.15">
      <c r="A23" s="5" t="s">
        <v>6</v>
      </c>
      <c r="B23" s="22">
        <v>19</v>
      </c>
      <c r="C23" s="14">
        <v>29</v>
      </c>
      <c r="D23" s="18">
        <v>48</v>
      </c>
    </row>
    <row r="24" spans="1:4" ht="18" customHeight="1" x14ac:dyDescent="0.15">
      <c r="A24" s="5">
        <v>15</v>
      </c>
      <c r="B24" s="22">
        <v>1</v>
      </c>
      <c r="C24" s="14">
        <v>5</v>
      </c>
      <c r="D24" s="18">
        <v>6</v>
      </c>
    </row>
    <row r="25" spans="1:4" ht="18" customHeight="1" x14ac:dyDescent="0.15">
      <c r="A25" s="5">
        <v>16</v>
      </c>
      <c r="B25" s="22">
        <v>3</v>
      </c>
      <c r="C25" s="14">
        <v>1</v>
      </c>
      <c r="D25" s="18">
        <v>4</v>
      </c>
    </row>
    <row r="26" spans="1:4" ht="18" customHeight="1" x14ac:dyDescent="0.15">
      <c r="A26" s="5">
        <v>17</v>
      </c>
      <c r="B26" s="22">
        <v>4</v>
      </c>
      <c r="C26" s="14">
        <v>2</v>
      </c>
      <c r="D26" s="18">
        <v>6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11</v>
      </c>
      <c r="C29" s="14">
        <v>13</v>
      </c>
      <c r="D29" s="18">
        <v>24</v>
      </c>
    </row>
    <row r="30" spans="1:4" ht="18" customHeight="1" x14ac:dyDescent="0.15">
      <c r="A30" s="5">
        <v>20</v>
      </c>
      <c r="B30" s="22">
        <v>5</v>
      </c>
      <c r="C30" s="14">
        <v>2</v>
      </c>
      <c r="D30" s="18">
        <v>7</v>
      </c>
    </row>
    <row r="31" spans="1:4" ht="18" customHeight="1" x14ac:dyDescent="0.15">
      <c r="A31" s="5">
        <v>21</v>
      </c>
      <c r="B31" s="22">
        <v>5</v>
      </c>
      <c r="C31" s="14">
        <v>2</v>
      </c>
      <c r="D31" s="18">
        <v>7</v>
      </c>
    </row>
    <row r="32" spans="1:4" ht="18" customHeight="1" x14ac:dyDescent="0.15">
      <c r="A32" s="5">
        <v>22</v>
      </c>
      <c r="B32" s="22">
        <v>4</v>
      </c>
      <c r="C32" s="14">
        <v>3</v>
      </c>
      <c r="D32" s="18">
        <v>7</v>
      </c>
    </row>
    <row r="33" spans="1:4" ht="18" customHeight="1" x14ac:dyDescent="0.15">
      <c r="A33" s="5">
        <v>23</v>
      </c>
      <c r="B33" s="22">
        <v>1</v>
      </c>
      <c r="C33" s="14">
        <v>5</v>
      </c>
      <c r="D33" s="18">
        <v>6</v>
      </c>
    </row>
    <row r="34" spans="1:4" ht="18" customHeight="1" x14ac:dyDescent="0.15">
      <c r="A34" s="5">
        <v>24</v>
      </c>
      <c r="B34" s="22">
        <v>7</v>
      </c>
      <c r="C34" s="14">
        <v>1</v>
      </c>
      <c r="D34" s="18">
        <v>8</v>
      </c>
    </row>
    <row r="35" spans="1:4" ht="18" customHeight="1" x14ac:dyDescent="0.15">
      <c r="A35" s="5" t="s">
        <v>9</v>
      </c>
      <c r="B35" s="22">
        <v>22</v>
      </c>
      <c r="C35" s="14">
        <v>13</v>
      </c>
      <c r="D35" s="18">
        <v>35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2</v>
      </c>
      <c r="C37" s="14">
        <v>0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1</v>
      </c>
      <c r="D38" s="18">
        <v>2</v>
      </c>
    </row>
    <row r="39" spans="1:4" ht="18" customHeight="1" x14ac:dyDescent="0.15">
      <c r="A39" s="5">
        <v>28</v>
      </c>
      <c r="B39" s="22">
        <v>1</v>
      </c>
      <c r="C39" s="14">
        <v>1</v>
      </c>
      <c r="D39" s="18">
        <v>2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10</v>
      </c>
      <c r="C41" s="14">
        <v>5</v>
      </c>
      <c r="D41" s="18">
        <v>15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2</v>
      </c>
      <c r="C44" s="14">
        <v>5</v>
      </c>
      <c r="D44" s="18">
        <v>7</v>
      </c>
    </row>
    <row r="45" spans="1:4" ht="18" customHeight="1" x14ac:dyDescent="0.15">
      <c r="A45" s="5">
        <v>33</v>
      </c>
      <c r="B45" s="22">
        <v>2</v>
      </c>
      <c r="C45" s="14">
        <v>0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1</v>
      </c>
      <c r="D46" s="18">
        <v>3</v>
      </c>
    </row>
    <row r="47" spans="1:4" ht="18" customHeight="1" x14ac:dyDescent="0.15">
      <c r="A47" s="5" t="s">
        <v>15</v>
      </c>
      <c r="B47" s="22">
        <v>9</v>
      </c>
      <c r="C47" s="14">
        <v>8</v>
      </c>
      <c r="D47" s="18">
        <v>17</v>
      </c>
    </row>
    <row r="48" spans="1:4" ht="18" customHeight="1" x14ac:dyDescent="0.15">
      <c r="A48" s="5">
        <v>35</v>
      </c>
      <c r="B48" s="22">
        <v>2</v>
      </c>
      <c r="C48" s="14">
        <v>1</v>
      </c>
      <c r="D48" s="18">
        <v>3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1</v>
      </c>
      <c r="D50" s="18">
        <v>4</v>
      </c>
    </row>
    <row r="51" spans="1:4" ht="18" customHeight="1" x14ac:dyDescent="0.15">
      <c r="A51" s="5">
        <v>38</v>
      </c>
      <c r="B51" s="22">
        <v>1</v>
      </c>
      <c r="C51" s="14">
        <v>5</v>
      </c>
      <c r="D51" s="18">
        <v>6</v>
      </c>
    </row>
    <row r="52" spans="1:4" ht="18" customHeight="1" x14ac:dyDescent="0.15">
      <c r="A52" s="5">
        <v>39</v>
      </c>
      <c r="B52" s="22">
        <v>4</v>
      </c>
      <c r="C52" s="14">
        <v>2</v>
      </c>
      <c r="D52" s="18">
        <v>6</v>
      </c>
    </row>
    <row r="53" spans="1:4" ht="18" customHeight="1" x14ac:dyDescent="0.15">
      <c r="A53" s="5" t="s">
        <v>18</v>
      </c>
      <c r="B53" s="22">
        <v>11</v>
      </c>
      <c r="C53" s="14">
        <v>13</v>
      </c>
      <c r="D53" s="18">
        <v>24</v>
      </c>
    </row>
    <row r="54" spans="1:4" ht="18" customHeight="1" x14ac:dyDescent="0.15">
      <c r="A54" s="5">
        <v>40</v>
      </c>
      <c r="B54" s="22">
        <v>3</v>
      </c>
      <c r="C54" s="14">
        <v>3</v>
      </c>
      <c r="D54" s="18">
        <v>6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3</v>
      </c>
      <c r="C56" s="14">
        <v>3</v>
      </c>
      <c r="D56" s="18">
        <v>6</v>
      </c>
    </row>
    <row r="57" spans="1:4" ht="18" customHeight="1" x14ac:dyDescent="0.15">
      <c r="A57" s="5">
        <v>43</v>
      </c>
      <c r="B57" s="22">
        <v>0</v>
      </c>
      <c r="C57" s="14">
        <v>2</v>
      </c>
      <c r="D57" s="18">
        <v>2</v>
      </c>
    </row>
    <row r="58" spans="1:4" ht="18" customHeight="1" x14ac:dyDescent="0.15">
      <c r="A58" s="5">
        <v>44</v>
      </c>
      <c r="B58" s="22">
        <v>3</v>
      </c>
      <c r="C58" s="14">
        <v>1</v>
      </c>
      <c r="D58" s="18">
        <v>4</v>
      </c>
    </row>
    <row r="59" spans="1:4" ht="18" customHeight="1" x14ac:dyDescent="0.15">
      <c r="A59" s="5" t="s">
        <v>21</v>
      </c>
      <c r="B59" s="22">
        <v>12</v>
      </c>
      <c r="C59" s="14">
        <v>9</v>
      </c>
      <c r="D59" s="18">
        <v>21</v>
      </c>
    </row>
    <row r="60" spans="1:4" ht="18" customHeight="1" x14ac:dyDescent="0.15">
      <c r="A60" s="5">
        <v>45</v>
      </c>
      <c r="B60" s="22">
        <v>1</v>
      </c>
      <c r="C60" s="14">
        <v>4</v>
      </c>
      <c r="D60" s="18">
        <v>5</v>
      </c>
    </row>
    <row r="61" spans="1:4" ht="18" customHeight="1" x14ac:dyDescent="0.15">
      <c r="A61" s="5">
        <v>46</v>
      </c>
      <c r="B61" s="22">
        <v>6</v>
      </c>
      <c r="C61" s="14">
        <v>4</v>
      </c>
      <c r="D61" s="18">
        <v>10</v>
      </c>
    </row>
    <row r="62" spans="1:4" ht="18" customHeight="1" x14ac:dyDescent="0.15">
      <c r="A62" s="5">
        <v>47</v>
      </c>
      <c r="B62" s="22">
        <v>7</v>
      </c>
      <c r="C62" s="14">
        <v>3</v>
      </c>
      <c r="D62" s="18">
        <v>10</v>
      </c>
    </row>
    <row r="63" spans="1:4" ht="18" customHeight="1" x14ac:dyDescent="0.15">
      <c r="A63" s="5">
        <v>48</v>
      </c>
      <c r="B63" s="22">
        <v>1</v>
      </c>
      <c r="C63" s="14">
        <v>2</v>
      </c>
      <c r="D63" s="18">
        <v>3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9</v>
      </c>
      <c r="C65" s="14">
        <v>15</v>
      </c>
      <c r="D65" s="18">
        <v>34</v>
      </c>
    </row>
    <row r="66" spans="1:4" ht="18" customHeight="1" x14ac:dyDescent="0.15">
      <c r="A66" s="5">
        <v>50</v>
      </c>
      <c r="B66" s="22">
        <v>5</v>
      </c>
      <c r="C66" s="14">
        <v>4</v>
      </c>
      <c r="D66" s="18">
        <v>9</v>
      </c>
    </row>
    <row r="67" spans="1:4" ht="18" customHeight="1" x14ac:dyDescent="0.15">
      <c r="A67" s="5">
        <v>51</v>
      </c>
      <c r="B67" s="22">
        <v>2</v>
      </c>
      <c r="C67" s="14">
        <v>2</v>
      </c>
      <c r="D67" s="18">
        <v>4</v>
      </c>
    </row>
    <row r="68" spans="1:4" ht="18" customHeight="1" x14ac:dyDescent="0.15">
      <c r="A68" s="5">
        <v>52</v>
      </c>
      <c r="B68" s="22">
        <v>5</v>
      </c>
      <c r="C68" s="14">
        <v>4</v>
      </c>
      <c r="D68" s="18">
        <v>9</v>
      </c>
    </row>
    <row r="69" spans="1:4" ht="18" customHeight="1" x14ac:dyDescent="0.15">
      <c r="A69" s="5">
        <v>53</v>
      </c>
      <c r="B69" s="22">
        <v>8</v>
      </c>
      <c r="C69" s="14">
        <v>8</v>
      </c>
      <c r="D69" s="18">
        <v>16</v>
      </c>
    </row>
    <row r="70" spans="1:4" ht="18" customHeight="1" x14ac:dyDescent="0.15">
      <c r="A70" s="5">
        <v>54</v>
      </c>
      <c r="B70" s="22">
        <v>6</v>
      </c>
      <c r="C70" s="14">
        <v>6</v>
      </c>
      <c r="D70" s="18">
        <v>12</v>
      </c>
    </row>
    <row r="71" spans="1:4" ht="18" customHeight="1" x14ac:dyDescent="0.15">
      <c r="A71" s="5" t="s">
        <v>22</v>
      </c>
      <c r="B71" s="22">
        <v>26</v>
      </c>
      <c r="C71" s="14">
        <v>24</v>
      </c>
      <c r="D71" s="18">
        <v>50</v>
      </c>
    </row>
    <row r="72" spans="1:4" ht="18" customHeight="1" x14ac:dyDescent="0.15">
      <c r="A72" s="5">
        <v>55</v>
      </c>
      <c r="B72" s="22">
        <v>6</v>
      </c>
      <c r="C72" s="14">
        <v>5</v>
      </c>
      <c r="D72" s="18">
        <v>11</v>
      </c>
    </row>
    <row r="73" spans="1:4" ht="18" customHeight="1" x14ac:dyDescent="0.15">
      <c r="A73" s="5">
        <v>56</v>
      </c>
      <c r="B73" s="22">
        <v>5</v>
      </c>
      <c r="C73" s="14">
        <v>3</v>
      </c>
      <c r="D73" s="18">
        <v>8</v>
      </c>
    </row>
    <row r="74" spans="1:4" ht="18" customHeight="1" x14ac:dyDescent="0.15">
      <c r="A74" s="5">
        <v>57</v>
      </c>
      <c r="B74" s="22">
        <v>2</v>
      </c>
      <c r="C74" s="14">
        <v>8</v>
      </c>
      <c r="D74" s="18">
        <v>10</v>
      </c>
    </row>
    <row r="75" spans="1:4" ht="18" customHeight="1" x14ac:dyDescent="0.15">
      <c r="A75" s="5">
        <v>58</v>
      </c>
      <c r="B75" s="22">
        <v>3</v>
      </c>
      <c r="C75" s="14">
        <v>7</v>
      </c>
      <c r="D75" s="18">
        <v>10</v>
      </c>
    </row>
    <row r="76" spans="1:4" ht="18" customHeight="1" x14ac:dyDescent="0.15">
      <c r="A76" s="5">
        <v>59</v>
      </c>
      <c r="B76" s="22">
        <v>5</v>
      </c>
      <c r="C76" s="14">
        <v>1</v>
      </c>
      <c r="D76" s="18">
        <v>6</v>
      </c>
    </row>
    <row r="77" spans="1:4" ht="18" customHeight="1" x14ac:dyDescent="0.15">
      <c r="A77" s="5" t="s">
        <v>27</v>
      </c>
      <c r="B77" s="22">
        <v>21</v>
      </c>
      <c r="C77" s="14">
        <v>24</v>
      </c>
      <c r="D77" s="18">
        <v>45</v>
      </c>
    </row>
    <row r="78" spans="1:4" ht="18" customHeight="1" x14ac:dyDescent="0.15">
      <c r="A78" s="5">
        <v>60</v>
      </c>
      <c r="B78" s="22">
        <v>2</v>
      </c>
      <c r="C78" s="14">
        <v>5</v>
      </c>
      <c r="D78" s="18">
        <v>7</v>
      </c>
    </row>
    <row r="79" spans="1:4" ht="18" customHeight="1" x14ac:dyDescent="0.15">
      <c r="A79" s="5">
        <v>61</v>
      </c>
      <c r="B79" s="22">
        <v>2</v>
      </c>
      <c r="C79" s="14">
        <v>6</v>
      </c>
      <c r="D79" s="18">
        <v>8</v>
      </c>
    </row>
    <row r="80" spans="1:4" ht="18" customHeight="1" x14ac:dyDescent="0.15">
      <c r="A80" s="5">
        <v>62</v>
      </c>
      <c r="B80" s="22">
        <v>1</v>
      </c>
      <c r="C80" s="14">
        <v>6</v>
      </c>
      <c r="D80" s="18">
        <v>7</v>
      </c>
    </row>
    <row r="81" spans="1:4" ht="18" customHeight="1" x14ac:dyDescent="0.15">
      <c r="A81" s="5">
        <v>63</v>
      </c>
      <c r="B81" s="22">
        <v>7</v>
      </c>
      <c r="C81" s="14">
        <v>3</v>
      </c>
      <c r="D81" s="18">
        <v>10</v>
      </c>
    </row>
    <row r="82" spans="1:4" ht="18" customHeight="1" x14ac:dyDescent="0.15">
      <c r="A82" s="5">
        <v>64</v>
      </c>
      <c r="B82" s="22">
        <v>5</v>
      </c>
      <c r="C82" s="14">
        <v>7</v>
      </c>
      <c r="D82" s="18">
        <v>12</v>
      </c>
    </row>
    <row r="83" spans="1:4" ht="18" customHeight="1" x14ac:dyDescent="0.15">
      <c r="A83" s="5" t="s">
        <v>28</v>
      </c>
      <c r="B83" s="22">
        <v>17</v>
      </c>
      <c r="C83" s="14">
        <v>27</v>
      </c>
      <c r="D83" s="18">
        <v>44</v>
      </c>
    </row>
    <row r="84" spans="1:4" ht="18" customHeight="1" x14ac:dyDescent="0.15">
      <c r="A84" s="5" t="s">
        <v>31</v>
      </c>
      <c r="B84" s="22">
        <v>158</v>
      </c>
      <c r="C84" s="14">
        <v>151</v>
      </c>
      <c r="D84" s="18">
        <v>309</v>
      </c>
    </row>
    <row r="85" spans="1:4" ht="18" customHeight="1" x14ac:dyDescent="0.15">
      <c r="A85" s="5">
        <v>65</v>
      </c>
      <c r="B85" s="22">
        <v>5</v>
      </c>
      <c r="C85" s="14">
        <v>4</v>
      </c>
      <c r="D85" s="18">
        <v>9</v>
      </c>
    </row>
    <row r="86" spans="1:4" ht="18" customHeight="1" x14ac:dyDescent="0.15">
      <c r="A86" s="5">
        <v>66</v>
      </c>
      <c r="B86" s="22">
        <v>4</v>
      </c>
      <c r="C86" s="14">
        <v>7</v>
      </c>
      <c r="D86" s="18">
        <v>11</v>
      </c>
    </row>
    <row r="87" spans="1:4" ht="18" customHeight="1" x14ac:dyDescent="0.15">
      <c r="A87" s="5">
        <v>67</v>
      </c>
      <c r="B87" s="22">
        <v>5</v>
      </c>
      <c r="C87" s="14">
        <v>8</v>
      </c>
      <c r="D87" s="18">
        <v>13</v>
      </c>
    </row>
    <row r="88" spans="1:4" ht="18" customHeight="1" x14ac:dyDescent="0.15">
      <c r="A88" s="5">
        <v>68</v>
      </c>
      <c r="B88" s="22">
        <v>7</v>
      </c>
      <c r="C88" s="14">
        <v>5</v>
      </c>
      <c r="D88" s="18">
        <v>12</v>
      </c>
    </row>
    <row r="89" spans="1:4" ht="18" customHeight="1" x14ac:dyDescent="0.15">
      <c r="A89" s="5">
        <v>69</v>
      </c>
      <c r="B89" s="22">
        <v>10</v>
      </c>
      <c r="C89" s="14">
        <v>8</v>
      </c>
      <c r="D89" s="18">
        <v>18</v>
      </c>
    </row>
    <row r="90" spans="1:4" ht="18" customHeight="1" x14ac:dyDescent="0.15">
      <c r="A90" s="5" t="s">
        <v>20</v>
      </c>
      <c r="B90" s="22">
        <v>31</v>
      </c>
      <c r="C90" s="14">
        <v>32</v>
      </c>
      <c r="D90" s="18">
        <v>63</v>
      </c>
    </row>
    <row r="91" spans="1:4" ht="18" customHeight="1" x14ac:dyDescent="0.15">
      <c r="A91" s="5">
        <v>70</v>
      </c>
      <c r="B91" s="22">
        <v>9</v>
      </c>
      <c r="C91" s="14">
        <v>7</v>
      </c>
      <c r="D91" s="18">
        <v>16</v>
      </c>
    </row>
    <row r="92" spans="1:4" ht="18" customHeight="1" x14ac:dyDescent="0.15">
      <c r="A92" s="5">
        <v>71</v>
      </c>
      <c r="B92" s="22">
        <v>7</v>
      </c>
      <c r="C92" s="14">
        <v>9</v>
      </c>
      <c r="D92" s="18">
        <v>16</v>
      </c>
    </row>
    <row r="93" spans="1:4" ht="18" customHeight="1" x14ac:dyDescent="0.15">
      <c r="A93" s="5">
        <v>72</v>
      </c>
      <c r="B93" s="22">
        <v>12</v>
      </c>
      <c r="C93" s="14">
        <v>8</v>
      </c>
      <c r="D93" s="18">
        <v>20</v>
      </c>
    </row>
    <row r="94" spans="1:4" ht="18" customHeight="1" x14ac:dyDescent="0.15">
      <c r="A94" s="5">
        <v>73</v>
      </c>
      <c r="B94" s="22">
        <v>9</v>
      </c>
      <c r="C94" s="14">
        <v>6</v>
      </c>
      <c r="D94" s="18">
        <v>15</v>
      </c>
    </row>
    <row r="95" spans="1:4" ht="18" customHeight="1" x14ac:dyDescent="0.15">
      <c r="A95" s="5">
        <v>74</v>
      </c>
      <c r="B95" s="22">
        <v>4</v>
      </c>
      <c r="C95" s="14">
        <v>6</v>
      </c>
      <c r="D95" s="18">
        <v>10</v>
      </c>
    </row>
    <row r="96" spans="1:4" ht="18" customHeight="1" x14ac:dyDescent="0.15">
      <c r="A96" s="5" t="s">
        <v>33</v>
      </c>
      <c r="B96" s="22">
        <v>41</v>
      </c>
      <c r="C96" s="14">
        <v>36</v>
      </c>
      <c r="D96" s="18">
        <v>77</v>
      </c>
    </row>
    <row r="97" spans="1:4" ht="18" customHeight="1" x14ac:dyDescent="0.15">
      <c r="A97" s="5">
        <v>75</v>
      </c>
      <c r="B97" s="22">
        <v>5</v>
      </c>
      <c r="C97" s="14">
        <v>11</v>
      </c>
      <c r="D97" s="18">
        <v>16</v>
      </c>
    </row>
    <row r="98" spans="1:4" ht="18" customHeight="1" x14ac:dyDescent="0.15">
      <c r="A98" s="5">
        <v>76</v>
      </c>
      <c r="B98" s="22">
        <v>9</v>
      </c>
      <c r="C98" s="14">
        <v>6</v>
      </c>
      <c r="D98" s="18">
        <v>15</v>
      </c>
    </row>
    <row r="99" spans="1:4" ht="18" customHeight="1" x14ac:dyDescent="0.15">
      <c r="A99" s="5">
        <v>77</v>
      </c>
      <c r="B99" s="22">
        <v>7</v>
      </c>
      <c r="C99" s="14">
        <v>11</v>
      </c>
      <c r="D99" s="18">
        <v>18</v>
      </c>
    </row>
    <row r="100" spans="1:4" ht="18" customHeight="1" x14ac:dyDescent="0.15">
      <c r="A100" s="5">
        <v>78</v>
      </c>
      <c r="B100" s="22">
        <v>7</v>
      </c>
      <c r="C100" s="14">
        <v>9</v>
      </c>
      <c r="D100" s="18">
        <v>16</v>
      </c>
    </row>
    <row r="101" spans="1:4" ht="18" customHeight="1" x14ac:dyDescent="0.15">
      <c r="A101" s="5">
        <v>79</v>
      </c>
      <c r="B101" s="22">
        <v>7</v>
      </c>
      <c r="C101" s="14">
        <v>4</v>
      </c>
      <c r="D101" s="18">
        <v>11</v>
      </c>
    </row>
    <row r="102" spans="1:4" ht="18" customHeight="1" x14ac:dyDescent="0.15">
      <c r="A102" s="5" t="s">
        <v>0</v>
      </c>
      <c r="B102" s="22">
        <v>35</v>
      </c>
      <c r="C102" s="14">
        <v>41</v>
      </c>
      <c r="D102" s="18">
        <v>76</v>
      </c>
    </row>
    <row r="103" spans="1:4" ht="18" customHeight="1" x14ac:dyDescent="0.15">
      <c r="A103" s="5">
        <v>80</v>
      </c>
      <c r="B103" s="22">
        <v>3</v>
      </c>
      <c r="C103" s="14">
        <v>7</v>
      </c>
      <c r="D103" s="18">
        <v>10</v>
      </c>
    </row>
    <row r="104" spans="1:4" ht="18" customHeight="1" x14ac:dyDescent="0.15">
      <c r="A104" s="5">
        <v>81</v>
      </c>
      <c r="B104" s="22">
        <v>6</v>
      </c>
      <c r="C104" s="14">
        <v>4</v>
      </c>
      <c r="D104" s="18">
        <v>10</v>
      </c>
    </row>
    <row r="105" spans="1:4" ht="18" customHeight="1" x14ac:dyDescent="0.15">
      <c r="A105" s="5">
        <v>82</v>
      </c>
      <c r="B105" s="22">
        <v>8</v>
      </c>
      <c r="C105" s="14">
        <v>3</v>
      </c>
      <c r="D105" s="18">
        <v>11</v>
      </c>
    </row>
    <row r="106" spans="1:4" ht="18" customHeight="1" x14ac:dyDescent="0.15">
      <c r="A106" s="5">
        <v>83</v>
      </c>
      <c r="B106" s="22">
        <v>4</v>
      </c>
      <c r="C106" s="14">
        <v>5</v>
      </c>
      <c r="D106" s="18">
        <v>9</v>
      </c>
    </row>
    <row r="107" spans="1:4" ht="18" customHeight="1" x14ac:dyDescent="0.15">
      <c r="A107" s="5">
        <v>84</v>
      </c>
      <c r="B107" s="22">
        <v>4</v>
      </c>
      <c r="C107" s="14">
        <v>5</v>
      </c>
      <c r="D107" s="18">
        <v>9</v>
      </c>
    </row>
    <row r="108" spans="1:4" ht="18" customHeight="1" x14ac:dyDescent="0.15">
      <c r="A108" s="5" t="s">
        <v>35</v>
      </c>
      <c r="B108" s="22">
        <v>25</v>
      </c>
      <c r="C108" s="14">
        <v>24</v>
      </c>
      <c r="D108" s="18">
        <v>49</v>
      </c>
    </row>
    <row r="109" spans="1:4" ht="18" customHeight="1" x14ac:dyDescent="0.15">
      <c r="A109" s="5">
        <v>85</v>
      </c>
      <c r="B109" s="22">
        <v>2</v>
      </c>
      <c r="C109" s="14">
        <v>1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6</v>
      </c>
      <c r="D110" s="18">
        <v>7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0</v>
      </c>
      <c r="C112" s="14">
        <v>8</v>
      </c>
      <c r="D112" s="18">
        <v>8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7</v>
      </c>
      <c r="C114" s="14">
        <v>26</v>
      </c>
      <c r="D114" s="18">
        <v>33</v>
      </c>
    </row>
    <row r="115" spans="1:4" ht="18" customHeight="1" x14ac:dyDescent="0.15">
      <c r="A115" s="5">
        <v>90</v>
      </c>
      <c r="B115" s="22">
        <v>1</v>
      </c>
      <c r="C115" s="14">
        <v>4</v>
      </c>
      <c r="D115" s="18">
        <v>5</v>
      </c>
    </row>
    <row r="116" spans="1:4" ht="18" customHeight="1" x14ac:dyDescent="0.15">
      <c r="A116" s="5">
        <v>91</v>
      </c>
      <c r="B116" s="22">
        <v>4</v>
      </c>
      <c r="C116" s="14">
        <v>4</v>
      </c>
      <c r="D116" s="18">
        <v>8</v>
      </c>
    </row>
    <row r="117" spans="1:4" ht="18" customHeight="1" x14ac:dyDescent="0.15">
      <c r="A117" s="5">
        <v>92</v>
      </c>
      <c r="B117" s="22">
        <v>1</v>
      </c>
      <c r="C117" s="14">
        <v>1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6</v>
      </c>
      <c r="D118" s="18">
        <v>6</v>
      </c>
    </row>
    <row r="119" spans="1:4" ht="18" customHeight="1" x14ac:dyDescent="0.15">
      <c r="A119" s="5">
        <v>94</v>
      </c>
      <c r="B119" s="22">
        <v>2</v>
      </c>
      <c r="C119" s="14">
        <v>4</v>
      </c>
      <c r="D119" s="18">
        <v>6</v>
      </c>
    </row>
    <row r="120" spans="1:4" ht="18" customHeight="1" x14ac:dyDescent="0.15">
      <c r="A120" s="5" t="s">
        <v>39</v>
      </c>
      <c r="B120" s="22">
        <v>8</v>
      </c>
      <c r="C120" s="14">
        <v>19</v>
      </c>
      <c r="D120" s="18">
        <v>27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3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47</v>
      </c>
      <c r="C130" s="14">
        <v>195</v>
      </c>
      <c r="D130" s="18">
        <v>342</v>
      </c>
    </row>
    <row r="131" spans="1:4" ht="18" customHeight="1" x14ac:dyDescent="0.15">
      <c r="A131" s="7" t="s">
        <v>45</v>
      </c>
      <c r="B131" s="23">
        <v>324</v>
      </c>
      <c r="C131" s="15">
        <v>375</v>
      </c>
      <c r="D131" s="19">
        <v>6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2</v>
      </c>
      <c r="D16" s="18">
        <v>2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2</v>
      </c>
      <c r="D23" s="18">
        <v>5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3</v>
      </c>
      <c r="C25" s="14">
        <v>1</v>
      </c>
      <c r="D25" s="18">
        <v>4</v>
      </c>
    </row>
    <row r="26" spans="1:4" ht="18" customHeight="1" x14ac:dyDescent="0.15">
      <c r="A26" s="5">
        <v>17</v>
      </c>
      <c r="B26" s="22">
        <v>0</v>
      </c>
      <c r="C26" s="14">
        <v>2</v>
      </c>
      <c r="D26" s="18">
        <v>2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4</v>
      </c>
      <c r="D29" s="18">
        <v>7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2</v>
      </c>
      <c r="D33" s="18">
        <v>3</v>
      </c>
    </row>
    <row r="34" spans="1:4" ht="18" customHeight="1" x14ac:dyDescent="0.15">
      <c r="A34" s="5">
        <v>24</v>
      </c>
      <c r="B34" s="22">
        <v>2</v>
      </c>
      <c r="C34" s="14">
        <v>0</v>
      </c>
      <c r="D34" s="18">
        <v>2</v>
      </c>
    </row>
    <row r="35" spans="1:4" ht="18" customHeight="1" x14ac:dyDescent="0.15">
      <c r="A35" s="5" t="s">
        <v>9</v>
      </c>
      <c r="B35" s="22">
        <v>7</v>
      </c>
      <c r="C35" s="14">
        <v>5</v>
      </c>
      <c r="D35" s="18">
        <v>12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6</v>
      </c>
      <c r="C38" s="14">
        <v>2</v>
      </c>
      <c r="D38" s="18">
        <v>8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1</v>
      </c>
      <c r="C41" s="14">
        <v>5</v>
      </c>
      <c r="D41" s="18">
        <v>16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4</v>
      </c>
      <c r="C43" s="14">
        <v>1</v>
      </c>
      <c r="D43" s="18">
        <v>5</v>
      </c>
    </row>
    <row r="44" spans="1:4" ht="18" customHeight="1" x14ac:dyDescent="0.15">
      <c r="A44" s="5">
        <v>32</v>
      </c>
      <c r="B44" s="22">
        <v>3</v>
      </c>
      <c r="C44" s="14">
        <v>1</v>
      </c>
      <c r="D44" s="18">
        <v>4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4</v>
      </c>
      <c r="C46" s="14">
        <v>1</v>
      </c>
      <c r="D46" s="18">
        <v>5</v>
      </c>
    </row>
    <row r="47" spans="1:4" ht="18" customHeight="1" x14ac:dyDescent="0.15">
      <c r="A47" s="5" t="s">
        <v>15</v>
      </c>
      <c r="B47" s="22">
        <v>14</v>
      </c>
      <c r="C47" s="14">
        <v>4</v>
      </c>
      <c r="D47" s="18">
        <v>18</v>
      </c>
    </row>
    <row r="48" spans="1:4" ht="18" customHeight="1" x14ac:dyDescent="0.15">
      <c r="A48" s="5">
        <v>35</v>
      </c>
      <c r="B48" s="22">
        <v>0</v>
      </c>
      <c r="C48" s="14">
        <v>2</v>
      </c>
      <c r="D48" s="18">
        <v>2</v>
      </c>
    </row>
    <row r="49" spans="1:4" ht="18" customHeight="1" x14ac:dyDescent="0.15">
      <c r="A49" s="5">
        <v>36</v>
      </c>
      <c r="B49" s="22">
        <v>3</v>
      </c>
      <c r="C49" s="14">
        <v>1</v>
      </c>
      <c r="D49" s="18">
        <v>4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1</v>
      </c>
      <c r="D51" s="18">
        <v>2</v>
      </c>
    </row>
    <row r="52" spans="1:4" ht="18" customHeight="1" x14ac:dyDescent="0.15">
      <c r="A52" s="5">
        <v>39</v>
      </c>
      <c r="B52" s="22">
        <v>2</v>
      </c>
      <c r="C52" s="14">
        <v>1</v>
      </c>
      <c r="D52" s="18">
        <v>3</v>
      </c>
    </row>
    <row r="53" spans="1:4" ht="18" customHeight="1" x14ac:dyDescent="0.15">
      <c r="A53" s="5" t="s">
        <v>18</v>
      </c>
      <c r="B53" s="22">
        <v>8</v>
      </c>
      <c r="C53" s="14">
        <v>9</v>
      </c>
      <c r="D53" s="18">
        <v>17</v>
      </c>
    </row>
    <row r="54" spans="1:4" ht="18" customHeight="1" x14ac:dyDescent="0.15">
      <c r="A54" s="5">
        <v>40</v>
      </c>
      <c r="B54" s="22">
        <v>3</v>
      </c>
      <c r="C54" s="14">
        <v>0</v>
      </c>
      <c r="D54" s="18">
        <v>3</v>
      </c>
    </row>
    <row r="55" spans="1:4" ht="18" customHeight="1" x14ac:dyDescent="0.15">
      <c r="A55" s="5">
        <v>41</v>
      </c>
      <c r="B55" s="22">
        <v>1</v>
      </c>
      <c r="C55" s="14">
        <v>2</v>
      </c>
      <c r="D55" s="18">
        <v>3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1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5</v>
      </c>
      <c r="C59" s="14">
        <v>3</v>
      </c>
      <c r="D59" s="18">
        <v>8</v>
      </c>
    </row>
    <row r="60" spans="1:4" ht="18" customHeight="1" x14ac:dyDescent="0.15">
      <c r="A60" s="5">
        <v>45</v>
      </c>
      <c r="B60" s="22">
        <v>2</v>
      </c>
      <c r="C60" s="14">
        <v>2</v>
      </c>
      <c r="D60" s="18">
        <v>4</v>
      </c>
    </row>
    <row r="61" spans="1:4" ht="18" customHeight="1" x14ac:dyDescent="0.15">
      <c r="A61" s="5">
        <v>46</v>
      </c>
      <c r="B61" s="22">
        <v>2</v>
      </c>
      <c r="C61" s="14">
        <v>2</v>
      </c>
      <c r="D61" s="18">
        <v>4</v>
      </c>
    </row>
    <row r="62" spans="1:4" ht="18" customHeight="1" x14ac:dyDescent="0.15">
      <c r="A62" s="5">
        <v>47</v>
      </c>
      <c r="B62" s="22">
        <v>0</v>
      </c>
      <c r="C62" s="14">
        <v>2</v>
      </c>
      <c r="D62" s="18">
        <v>2</v>
      </c>
    </row>
    <row r="63" spans="1:4" ht="18" customHeight="1" x14ac:dyDescent="0.15">
      <c r="A63" s="5">
        <v>48</v>
      </c>
      <c r="B63" s="22">
        <v>1</v>
      </c>
      <c r="C63" s="14">
        <v>0</v>
      </c>
      <c r="D63" s="18">
        <v>1</v>
      </c>
    </row>
    <row r="64" spans="1:4" ht="18" customHeight="1" x14ac:dyDescent="0.15">
      <c r="A64" s="5">
        <v>49</v>
      </c>
      <c r="B64" s="22">
        <v>2</v>
      </c>
      <c r="C64" s="14">
        <v>1</v>
      </c>
      <c r="D64" s="18">
        <v>3</v>
      </c>
    </row>
    <row r="65" spans="1:4" ht="18" customHeight="1" x14ac:dyDescent="0.15">
      <c r="A65" s="5" t="s">
        <v>17</v>
      </c>
      <c r="B65" s="22">
        <v>7</v>
      </c>
      <c r="C65" s="14">
        <v>7</v>
      </c>
      <c r="D65" s="18">
        <v>14</v>
      </c>
    </row>
    <row r="66" spans="1:4" ht="18" customHeight="1" x14ac:dyDescent="0.15">
      <c r="A66" s="5">
        <v>50</v>
      </c>
      <c r="B66" s="22">
        <v>2</v>
      </c>
      <c r="C66" s="14">
        <v>2</v>
      </c>
      <c r="D66" s="18">
        <v>4</v>
      </c>
    </row>
    <row r="67" spans="1:4" ht="18" customHeight="1" x14ac:dyDescent="0.15">
      <c r="A67" s="5">
        <v>51</v>
      </c>
      <c r="B67" s="22">
        <v>4</v>
      </c>
      <c r="C67" s="14">
        <v>2</v>
      </c>
      <c r="D67" s="18">
        <v>6</v>
      </c>
    </row>
    <row r="68" spans="1:4" ht="18" customHeight="1" x14ac:dyDescent="0.15">
      <c r="A68" s="5">
        <v>52</v>
      </c>
      <c r="B68" s="22">
        <v>1</v>
      </c>
      <c r="C68" s="14">
        <v>2</v>
      </c>
      <c r="D68" s="18">
        <v>3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1</v>
      </c>
      <c r="C70" s="14">
        <v>2</v>
      </c>
      <c r="D70" s="18">
        <v>3</v>
      </c>
    </row>
    <row r="71" spans="1:4" ht="18" customHeight="1" x14ac:dyDescent="0.15">
      <c r="A71" s="5" t="s">
        <v>22</v>
      </c>
      <c r="B71" s="22">
        <v>10</v>
      </c>
      <c r="C71" s="14">
        <v>10</v>
      </c>
      <c r="D71" s="18">
        <v>20</v>
      </c>
    </row>
    <row r="72" spans="1:4" ht="18" customHeight="1" x14ac:dyDescent="0.15">
      <c r="A72" s="5">
        <v>55</v>
      </c>
      <c r="B72" s="22">
        <v>2</v>
      </c>
      <c r="C72" s="14">
        <v>0</v>
      </c>
      <c r="D72" s="18">
        <v>2</v>
      </c>
    </row>
    <row r="73" spans="1:4" ht="18" customHeight="1" x14ac:dyDescent="0.15">
      <c r="A73" s="5">
        <v>56</v>
      </c>
      <c r="B73" s="22">
        <v>3</v>
      </c>
      <c r="C73" s="14">
        <v>0</v>
      </c>
      <c r="D73" s="18">
        <v>3</v>
      </c>
    </row>
    <row r="74" spans="1:4" ht="18" customHeight="1" x14ac:dyDescent="0.15">
      <c r="A74" s="5">
        <v>57</v>
      </c>
      <c r="B74" s="22">
        <v>4</v>
      </c>
      <c r="C74" s="14">
        <v>3</v>
      </c>
      <c r="D74" s="18">
        <v>7</v>
      </c>
    </row>
    <row r="75" spans="1:4" ht="18" customHeight="1" x14ac:dyDescent="0.15">
      <c r="A75" s="5">
        <v>58</v>
      </c>
      <c r="B75" s="22">
        <v>4</v>
      </c>
      <c r="C75" s="14">
        <v>5</v>
      </c>
      <c r="D75" s="18">
        <v>9</v>
      </c>
    </row>
    <row r="76" spans="1:4" ht="18" customHeight="1" x14ac:dyDescent="0.15">
      <c r="A76" s="5">
        <v>59</v>
      </c>
      <c r="B76" s="22">
        <v>1</v>
      </c>
      <c r="C76" s="14">
        <v>4</v>
      </c>
      <c r="D76" s="18">
        <v>5</v>
      </c>
    </row>
    <row r="77" spans="1:4" ht="18" customHeight="1" x14ac:dyDescent="0.15">
      <c r="A77" s="5" t="s">
        <v>27</v>
      </c>
      <c r="B77" s="22">
        <v>14</v>
      </c>
      <c r="C77" s="14">
        <v>12</v>
      </c>
      <c r="D77" s="18">
        <v>26</v>
      </c>
    </row>
    <row r="78" spans="1:4" ht="18" customHeight="1" x14ac:dyDescent="0.15">
      <c r="A78" s="5">
        <v>60</v>
      </c>
      <c r="B78" s="22">
        <v>4</v>
      </c>
      <c r="C78" s="14">
        <v>4</v>
      </c>
      <c r="D78" s="18">
        <v>8</v>
      </c>
    </row>
    <row r="79" spans="1:4" ht="18" customHeight="1" x14ac:dyDescent="0.15">
      <c r="A79" s="5">
        <v>61</v>
      </c>
      <c r="B79" s="22">
        <v>5</v>
      </c>
      <c r="C79" s="14">
        <v>4</v>
      </c>
      <c r="D79" s="18">
        <v>9</v>
      </c>
    </row>
    <row r="80" spans="1:4" ht="18" customHeight="1" x14ac:dyDescent="0.15">
      <c r="A80" s="5">
        <v>62</v>
      </c>
      <c r="B80" s="22">
        <v>2</v>
      </c>
      <c r="C80" s="14">
        <v>0</v>
      </c>
      <c r="D80" s="18">
        <v>2</v>
      </c>
    </row>
    <row r="81" spans="1:4" ht="18" customHeight="1" x14ac:dyDescent="0.15">
      <c r="A81" s="5">
        <v>63</v>
      </c>
      <c r="B81" s="22">
        <v>0</v>
      </c>
      <c r="C81" s="14">
        <v>7</v>
      </c>
      <c r="D81" s="18">
        <v>7</v>
      </c>
    </row>
    <row r="82" spans="1:4" ht="18" customHeight="1" x14ac:dyDescent="0.15">
      <c r="A82" s="5">
        <v>64</v>
      </c>
      <c r="B82" s="22">
        <v>0</v>
      </c>
      <c r="C82" s="14">
        <v>4</v>
      </c>
      <c r="D82" s="18">
        <v>4</v>
      </c>
    </row>
    <row r="83" spans="1:4" ht="18" customHeight="1" x14ac:dyDescent="0.15">
      <c r="A83" s="5" t="s">
        <v>28</v>
      </c>
      <c r="B83" s="22">
        <v>11</v>
      </c>
      <c r="C83" s="14">
        <v>19</v>
      </c>
      <c r="D83" s="18">
        <v>30</v>
      </c>
    </row>
    <row r="84" spans="1:4" ht="18" customHeight="1" x14ac:dyDescent="0.15">
      <c r="A84" s="5" t="s">
        <v>31</v>
      </c>
      <c r="B84" s="22">
        <v>90</v>
      </c>
      <c r="C84" s="14">
        <v>78</v>
      </c>
      <c r="D84" s="18">
        <v>168</v>
      </c>
    </row>
    <row r="85" spans="1:4" ht="18" customHeight="1" x14ac:dyDescent="0.15">
      <c r="A85" s="5">
        <v>65</v>
      </c>
      <c r="B85" s="22">
        <v>4</v>
      </c>
      <c r="C85" s="14">
        <v>2</v>
      </c>
      <c r="D85" s="18">
        <v>6</v>
      </c>
    </row>
    <row r="86" spans="1:4" ht="18" customHeight="1" x14ac:dyDescent="0.15">
      <c r="A86" s="5">
        <v>66</v>
      </c>
      <c r="B86" s="22">
        <v>2</v>
      </c>
      <c r="C86" s="14">
        <v>3</v>
      </c>
      <c r="D86" s="18">
        <v>5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5</v>
      </c>
      <c r="C88" s="14">
        <v>0</v>
      </c>
      <c r="D88" s="18">
        <v>5</v>
      </c>
    </row>
    <row r="89" spans="1:4" ht="18" customHeight="1" x14ac:dyDescent="0.15">
      <c r="A89" s="5">
        <v>69</v>
      </c>
      <c r="B89" s="22">
        <v>2</v>
      </c>
      <c r="C89" s="14">
        <v>4</v>
      </c>
      <c r="D89" s="18">
        <v>6</v>
      </c>
    </row>
    <row r="90" spans="1:4" ht="18" customHeight="1" x14ac:dyDescent="0.15">
      <c r="A90" s="5" t="s">
        <v>20</v>
      </c>
      <c r="B90" s="22">
        <v>16</v>
      </c>
      <c r="C90" s="14">
        <v>11</v>
      </c>
      <c r="D90" s="18">
        <v>27</v>
      </c>
    </row>
    <row r="91" spans="1:4" ht="18" customHeight="1" x14ac:dyDescent="0.15">
      <c r="A91" s="5">
        <v>70</v>
      </c>
      <c r="B91" s="22">
        <v>5</v>
      </c>
      <c r="C91" s="14">
        <v>3</v>
      </c>
      <c r="D91" s="18">
        <v>8</v>
      </c>
    </row>
    <row r="92" spans="1:4" ht="18" customHeight="1" x14ac:dyDescent="0.15">
      <c r="A92" s="5">
        <v>71</v>
      </c>
      <c r="B92" s="22">
        <v>6</v>
      </c>
      <c r="C92" s="14">
        <v>2</v>
      </c>
      <c r="D92" s="18">
        <v>8</v>
      </c>
    </row>
    <row r="93" spans="1:4" ht="18" customHeight="1" x14ac:dyDescent="0.15">
      <c r="A93" s="5">
        <v>72</v>
      </c>
      <c r="B93" s="22">
        <v>2</v>
      </c>
      <c r="C93" s="14">
        <v>6</v>
      </c>
      <c r="D93" s="18">
        <v>8</v>
      </c>
    </row>
    <row r="94" spans="1:4" ht="18" customHeight="1" x14ac:dyDescent="0.15">
      <c r="A94" s="5">
        <v>73</v>
      </c>
      <c r="B94" s="22">
        <v>3</v>
      </c>
      <c r="C94" s="14">
        <v>3</v>
      </c>
      <c r="D94" s="18">
        <v>6</v>
      </c>
    </row>
    <row r="95" spans="1:4" ht="18" customHeight="1" x14ac:dyDescent="0.15">
      <c r="A95" s="5">
        <v>74</v>
      </c>
      <c r="B95" s="22">
        <v>5</v>
      </c>
      <c r="C95" s="14">
        <v>3</v>
      </c>
      <c r="D95" s="18">
        <v>8</v>
      </c>
    </row>
    <row r="96" spans="1:4" ht="18" customHeight="1" x14ac:dyDescent="0.15">
      <c r="A96" s="5" t="s">
        <v>33</v>
      </c>
      <c r="B96" s="22">
        <v>21</v>
      </c>
      <c r="C96" s="14">
        <v>17</v>
      </c>
      <c r="D96" s="18">
        <v>38</v>
      </c>
    </row>
    <row r="97" spans="1:4" ht="18" customHeight="1" x14ac:dyDescent="0.15">
      <c r="A97" s="5">
        <v>75</v>
      </c>
      <c r="B97" s="22">
        <v>5</v>
      </c>
      <c r="C97" s="14">
        <v>6</v>
      </c>
      <c r="D97" s="18">
        <v>11</v>
      </c>
    </row>
    <row r="98" spans="1:4" ht="18" customHeight="1" x14ac:dyDescent="0.15">
      <c r="A98" s="5">
        <v>76</v>
      </c>
      <c r="B98" s="22">
        <v>7</v>
      </c>
      <c r="C98" s="14">
        <v>6</v>
      </c>
      <c r="D98" s="18">
        <v>13</v>
      </c>
    </row>
    <row r="99" spans="1:4" ht="18" customHeight="1" x14ac:dyDescent="0.15">
      <c r="A99" s="5">
        <v>77</v>
      </c>
      <c r="B99" s="22">
        <v>7</v>
      </c>
      <c r="C99" s="14">
        <v>2</v>
      </c>
      <c r="D99" s="18">
        <v>9</v>
      </c>
    </row>
    <row r="100" spans="1:4" ht="18" customHeight="1" x14ac:dyDescent="0.15">
      <c r="A100" s="5">
        <v>78</v>
      </c>
      <c r="B100" s="22">
        <v>5</v>
      </c>
      <c r="C100" s="14">
        <v>5</v>
      </c>
      <c r="D100" s="18">
        <v>10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25</v>
      </c>
      <c r="C102" s="14">
        <v>20</v>
      </c>
      <c r="D102" s="18">
        <v>45</v>
      </c>
    </row>
    <row r="103" spans="1:4" ht="18" customHeight="1" x14ac:dyDescent="0.15">
      <c r="A103" s="5">
        <v>80</v>
      </c>
      <c r="B103" s="22">
        <v>0</v>
      </c>
      <c r="C103" s="14">
        <v>3</v>
      </c>
      <c r="D103" s="18">
        <v>3</v>
      </c>
    </row>
    <row r="104" spans="1:4" ht="18" customHeight="1" x14ac:dyDescent="0.15">
      <c r="A104" s="5">
        <v>81</v>
      </c>
      <c r="B104" s="22">
        <v>0</v>
      </c>
      <c r="C104" s="14">
        <v>6</v>
      </c>
      <c r="D104" s="18">
        <v>6</v>
      </c>
    </row>
    <row r="105" spans="1:4" ht="18" customHeight="1" x14ac:dyDescent="0.15">
      <c r="A105" s="5">
        <v>82</v>
      </c>
      <c r="B105" s="22">
        <v>1</v>
      </c>
      <c r="C105" s="14">
        <v>3</v>
      </c>
      <c r="D105" s="18">
        <v>4</v>
      </c>
    </row>
    <row r="106" spans="1:4" ht="18" customHeight="1" x14ac:dyDescent="0.15">
      <c r="A106" s="5">
        <v>83</v>
      </c>
      <c r="B106" s="22">
        <v>3</v>
      </c>
      <c r="C106" s="14">
        <v>0</v>
      </c>
      <c r="D106" s="18">
        <v>3</v>
      </c>
    </row>
    <row r="107" spans="1:4" ht="18" customHeight="1" x14ac:dyDescent="0.15">
      <c r="A107" s="5">
        <v>84</v>
      </c>
      <c r="B107" s="22">
        <v>0</v>
      </c>
      <c r="C107" s="14">
        <v>0</v>
      </c>
      <c r="D107" s="18">
        <v>0</v>
      </c>
    </row>
    <row r="108" spans="1:4" ht="18" customHeight="1" x14ac:dyDescent="0.15">
      <c r="A108" s="5" t="s">
        <v>35</v>
      </c>
      <c r="B108" s="22">
        <v>4</v>
      </c>
      <c r="C108" s="14">
        <v>12</v>
      </c>
      <c r="D108" s="18">
        <v>16</v>
      </c>
    </row>
    <row r="109" spans="1:4" ht="18" customHeight="1" x14ac:dyDescent="0.15">
      <c r="A109" s="5">
        <v>85</v>
      </c>
      <c r="B109" s="22">
        <v>1</v>
      </c>
      <c r="C109" s="14">
        <v>2</v>
      </c>
      <c r="D109" s="18">
        <v>3</v>
      </c>
    </row>
    <row r="110" spans="1:4" ht="18" customHeight="1" x14ac:dyDescent="0.15">
      <c r="A110" s="5">
        <v>86</v>
      </c>
      <c r="B110" s="22">
        <v>0</v>
      </c>
      <c r="C110" s="14">
        <v>4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5</v>
      </c>
      <c r="D111" s="18">
        <v>8</v>
      </c>
    </row>
    <row r="112" spans="1:4" ht="18" customHeight="1" x14ac:dyDescent="0.15">
      <c r="A112" s="5">
        <v>88</v>
      </c>
      <c r="B112" s="22">
        <v>2</v>
      </c>
      <c r="C112" s="14">
        <v>2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3</v>
      </c>
      <c r="D113" s="18">
        <v>5</v>
      </c>
    </row>
    <row r="114" spans="1:4" ht="18" customHeight="1" x14ac:dyDescent="0.15">
      <c r="A114" s="5" t="s">
        <v>37</v>
      </c>
      <c r="B114" s="22">
        <v>8</v>
      </c>
      <c r="C114" s="14">
        <v>16</v>
      </c>
      <c r="D114" s="18">
        <v>24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2</v>
      </c>
      <c r="C120" s="14">
        <v>14</v>
      </c>
      <c r="D120" s="18">
        <v>16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78</v>
      </c>
      <c r="C130" s="14">
        <v>96</v>
      </c>
      <c r="D130" s="18">
        <v>174</v>
      </c>
    </row>
    <row r="131" spans="1:4" ht="18" customHeight="1" x14ac:dyDescent="0.15">
      <c r="A131" s="7" t="s">
        <v>45</v>
      </c>
      <c r="B131" s="23">
        <v>171</v>
      </c>
      <c r="C131" s="15">
        <v>176</v>
      </c>
      <c r="D131" s="19">
        <v>3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2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2</v>
      </c>
      <c r="D6" s="18">
        <v>4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3</v>
      </c>
      <c r="C8" s="14">
        <v>0</v>
      </c>
      <c r="D8" s="18">
        <v>3</v>
      </c>
    </row>
    <row r="9" spans="1:4" ht="18" customHeight="1" x14ac:dyDescent="0.15">
      <c r="A9" s="5">
        <v>4</v>
      </c>
      <c r="B9" s="28">
        <v>3</v>
      </c>
      <c r="C9" s="30">
        <v>1</v>
      </c>
      <c r="D9" s="32">
        <v>4</v>
      </c>
    </row>
    <row r="10" spans="1:4" ht="18" customHeight="1" x14ac:dyDescent="0.15">
      <c r="A10" s="5" t="s">
        <v>7</v>
      </c>
      <c r="B10" s="22">
        <v>10</v>
      </c>
      <c r="C10" s="14">
        <v>4</v>
      </c>
      <c r="D10" s="18">
        <v>14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7">
        <v>4</v>
      </c>
      <c r="C14" s="14">
        <v>2</v>
      </c>
      <c r="D14" s="18">
        <v>6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13</v>
      </c>
      <c r="C16" s="14">
        <v>7</v>
      </c>
      <c r="D16" s="18">
        <v>20</v>
      </c>
    </row>
    <row r="17" spans="1:4" ht="18" customHeight="1" x14ac:dyDescent="0.15">
      <c r="A17" s="5">
        <v>10</v>
      </c>
      <c r="B17" s="22">
        <v>3</v>
      </c>
      <c r="C17" s="14">
        <v>8</v>
      </c>
      <c r="D17" s="18">
        <v>11</v>
      </c>
    </row>
    <row r="18" spans="1:4" ht="18" customHeight="1" x14ac:dyDescent="0.15">
      <c r="A18" s="5">
        <v>11</v>
      </c>
      <c r="B18" s="22">
        <v>4</v>
      </c>
      <c r="C18" s="14">
        <v>8</v>
      </c>
      <c r="D18" s="18">
        <v>12</v>
      </c>
    </row>
    <row r="19" spans="1:4" ht="18" customHeight="1" x14ac:dyDescent="0.15">
      <c r="A19" s="5">
        <v>12</v>
      </c>
      <c r="B19" s="22">
        <v>4</v>
      </c>
      <c r="C19" s="14">
        <v>4</v>
      </c>
      <c r="D19" s="18">
        <v>8</v>
      </c>
    </row>
    <row r="20" spans="1:4" ht="18" customHeight="1" x14ac:dyDescent="0.15">
      <c r="A20" s="5">
        <v>13</v>
      </c>
      <c r="B20" s="22">
        <v>6</v>
      </c>
      <c r="C20" s="14">
        <v>3</v>
      </c>
      <c r="D20" s="18">
        <v>9</v>
      </c>
    </row>
    <row r="21" spans="1:4" ht="18" customHeight="1" x14ac:dyDescent="0.15">
      <c r="A21" s="5">
        <v>14</v>
      </c>
      <c r="B21" s="22">
        <v>1</v>
      </c>
      <c r="C21" s="14">
        <v>6</v>
      </c>
      <c r="D21" s="18">
        <v>7</v>
      </c>
    </row>
    <row r="22" spans="1:4" ht="18" customHeight="1" x14ac:dyDescent="0.15">
      <c r="A22" s="5" t="s">
        <v>12</v>
      </c>
      <c r="B22" s="22">
        <v>18</v>
      </c>
      <c r="C22" s="14">
        <v>29</v>
      </c>
      <c r="D22" s="18">
        <v>47</v>
      </c>
    </row>
    <row r="23" spans="1:4" ht="18" customHeight="1" x14ac:dyDescent="0.15">
      <c r="A23" s="5" t="s">
        <v>6</v>
      </c>
      <c r="B23" s="22">
        <v>41</v>
      </c>
      <c r="C23" s="14">
        <v>40</v>
      </c>
      <c r="D23" s="18">
        <v>81</v>
      </c>
    </row>
    <row r="24" spans="1:4" ht="18" customHeight="1" x14ac:dyDescent="0.15">
      <c r="A24" s="5">
        <v>15</v>
      </c>
      <c r="B24" s="22">
        <v>2</v>
      </c>
      <c r="C24" s="14">
        <v>3</v>
      </c>
      <c r="D24" s="18">
        <v>5</v>
      </c>
    </row>
    <row r="25" spans="1:4" ht="18" customHeight="1" x14ac:dyDescent="0.15">
      <c r="A25" s="5">
        <v>16</v>
      </c>
      <c r="B25" s="22">
        <v>4</v>
      </c>
      <c r="C25" s="14">
        <v>6</v>
      </c>
      <c r="D25" s="18">
        <v>10</v>
      </c>
    </row>
    <row r="26" spans="1:4" ht="18" customHeight="1" x14ac:dyDescent="0.15">
      <c r="A26" s="5">
        <v>17</v>
      </c>
      <c r="B26" s="22">
        <v>8</v>
      </c>
      <c r="C26" s="14">
        <v>9</v>
      </c>
      <c r="D26" s="18">
        <v>17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8</v>
      </c>
      <c r="C28" s="14">
        <v>4</v>
      </c>
      <c r="D28" s="18">
        <v>12</v>
      </c>
    </row>
    <row r="29" spans="1:4" ht="18" customHeight="1" x14ac:dyDescent="0.15">
      <c r="A29" s="5" t="s">
        <v>14</v>
      </c>
      <c r="B29" s="22">
        <v>24</v>
      </c>
      <c r="C29" s="14">
        <v>25</v>
      </c>
      <c r="D29" s="18">
        <v>49</v>
      </c>
    </row>
    <row r="30" spans="1:4" ht="18" customHeight="1" x14ac:dyDescent="0.15">
      <c r="A30" s="5">
        <v>20</v>
      </c>
      <c r="B30" s="22">
        <v>3</v>
      </c>
      <c r="C30" s="14">
        <v>6</v>
      </c>
      <c r="D30" s="18">
        <v>9</v>
      </c>
    </row>
    <row r="31" spans="1:4" ht="18" customHeight="1" x14ac:dyDescent="0.15">
      <c r="A31" s="5">
        <v>21</v>
      </c>
      <c r="B31" s="22">
        <v>6</v>
      </c>
      <c r="C31" s="14">
        <v>4</v>
      </c>
      <c r="D31" s="18">
        <v>10</v>
      </c>
    </row>
    <row r="32" spans="1:4" ht="18" customHeight="1" x14ac:dyDescent="0.15">
      <c r="A32" s="5">
        <v>22</v>
      </c>
      <c r="B32" s="22">
        <v>5</v>
      </c>
      <c r="C32" s="14">
        <v>6</v>
      </c>
      <c r="D32" s="18">
        <v>11</v>
      </c>
    </row>
    <row r="33" spans="1:4" ht="18" customHeight="1" x14ac:dyDescent="0.15">
      <c r="A33" s="5">
        <v>23</v>
      </c>
      <c r="B33" s="22">
        <v>2</v>
      </c>
      <c r="C33" s="14">
        <v>10</v>
      </c>
      <c r="D33" s="18">
        <v>12</v>
      </c>
    </row>
    <row r="34" spans="1:4" ht="18" customHeight="1" x14ac:dyDescent="0.15">
      <c r="A34" s="5">
        <v>24</v>
      </c>
      <c r="B34" s="22">
        <v>2</v>
      </c>
      <c r="C34" s="14">
        <v>6</v>
      </c>
      <c r="D34" s="18">
        <v>8</v>
      </c>
    </row>
    <row r="35" spans="1:4" ht="18" customHeight="1" x14ac:dyDescent="0.15">
      <c r="A35" s="5" t="s">
        <v>9</v>
      </c>
      <c r="B35" s="22">
        <v>18</v>
      </c>
      <c r="C35" s="14">
        <v>32</v>
      </c>
      <c r="D35" s="18">
        <v>50</v>
      </c>
    </row>
    <row r="36" spans="1:4" ht="18" customHeight="1" x14ac:dyDescent="0.15">
      <c r="A36" s="5">
        <v>25</v>
      </c>
      <c r="B36" s="22">
        <v>2</v>
      </c>
      <c r="C36" s="14">
        <v>8</v>
      </c>
      <c r="D36" s="18">
        <v>10</v>
      </c>
    </row>
    <row r="37" spans="1:4" ht="18" customHeight="1" x14ac:dyDescent="0.15">
      <c r="A37" s="5">
        <v>26</v>
      </c>
      <c r="B37" s="22">
        <v>2</v>
      </c>
      <c r="C37" s="14">
        <v>3</v>
      </c>
      <c r="D37" s="18">
        <v>5</v>
      </c>
    </row>
    <row r="38" spans="1:4" ht="18" customHeight="1" x14ac:dyDescent="0.15">
      <c r="A38" s="5">
        <v>27</v>
      </c>
      <c r="B38" s="22">
        <v>5</v>
      </c>
      <c r="C38" s="14">
        <v>7</v>
      </c>
      <c r="D38" s="18">
        <v>12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4</v>
      </c>
      <c r="C40" s="14">
        <v>7</v>
      </c>
      <c r="D40" s="18">
        <v>11</v>
      </c>
    </row>
    <row r="41" spans="1:4" ht="18" customHeight="1" x14ac:dyDescent="0.15">
      <c r="A41" s="5" t="s">
        <v>2</v>
      </c>
      <c r="B41" s="22">
        <v>18</v>
      </c>
      <c r="C41" s="14">
        <v>27</v>
      </c>
      <c r="D41" s="18">
        <v>45</v>
      </c>
    </row>
    <row r="42" spans="1:4" ht="18" customHeight="1" x14ac:dyDescent="0.15">
      <c r="A42" s="5">
        <v>30</v>
      </c>
      <c r="B42" s="22">
        <v>6</v>
      </c>
      <c r="C42" s="14">
        <v>1</v>
      </c>
      <c r="D42" s="18">
        <v>7</v>
      </c>
    </row>
    <row r="43" spans="1:4" ht="18" customHeight="1" x14ac:dyDescent="0.15">
      <c r="A43" s="5">
        <v>31</v>
      </c>
      <c r="B43" s="22">
        <v>4</v>
      </c>
      <c r="C43" s="14">
        <v>0</v>
      </c>
      <c r="D43" s="18">
        <v>4</v>
      </c>
    </row>
    <row r="44" spans="1:4" ht="18" customHeight="1" x14ac:dyDescent="0.15">
      <c r="A44" s="5">
        <v>32</v>
      </c>
      <c r="B44" s="22">
        <v>2</v>
      </c>
      <c r="C44" s="14">
        <v>4</v>
      </c>
      <c r="D44" s="18">
        <v>6</v>
      </c>
    </row>
    <row r="45" spans="1:4" ht="18" customHeight="1" x14ac:dyDescent="0.15">
      <c r="A45" s="5">
        <v>33</v>
      </c>
      <c r="B45" s="22">
        <v>3</v>
      </c>
      <c r="C45" s="14">
        <v>2</v>
      </c>
      <c r="D45" s="18">
        <v>5</v>
      </c>
    </row>
    <row r="46" spans="1:4" ht="18" customHeight="1" x14ac:dyDescent="0.15">
      <c r="A46" s="5">
        <v>34</v>
      </c>
      <c r="B46" s="22">
        <v>5</v>
      </c>
      <c r="C46" s="14">
        <v>2</v>
      </c>
      <c r="D46" s="18">
        <v>7</v>
      </c>
    </row>
    <row r="47" spans="1:4" ht="18" customHeight="1" x14ac:dyDescent="0.15">
      <c r="A47" s="5" t="s">
        <v>15</v>
      </c>
      <c r="B47" s="22">
        <v>20</v>
      </c>
      <c r="C47" s="14">
        <v>9</v>
      </c>
      <c r="D47" s="18">
        <v>29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8</v>
      </c>
      <c r="C49" s="14">
        <v>3</v>
      </c>
      <c r="D49" s="18">
        <v>11</v>
      </c>
    </row>
    <row r="50" spans="1:4" ht="18" customHeight="1" x14ac:dyDescent="0.15">
      <c r="A50" s="5">
        <v>37</v>
      </c>
      <c r="B50" s="22">
        <v>7</v>
      </c>
      <c r="C50" s="14">
        <v>4</v>
      </c>
      <c r="D50" s="18">
        <v>11</v>
      </c>
    </row>
    <row r="51" spans="1:4" ht="18" customHeight="1" x14ac:dyDescent="0.15">
      <c r="A51" s="5">
        <v>38</v>
      </c>
      <c r="B51" s="22">
        <v>4</v>
      </c>
      <c r="C51" s="14">
        <v>6</v>
      </c>
      <c r="D51" s="18">
        <v>10</v>
      </c>
    </row>
    <row r="52" spans="1:4" ht="18" customHeight="1" x14ac:dyDescent="0.15">
      <c r="A52" s="5">
        <v>39</v>
      </c>
      <c r="B52" s="22">
        <v>4</v>
      </c>
      <c r="C52" s="14">
        <v>2</v>
      </c>
      <c r="D52" s="18">
        <v>6</v>
      </c>
    </row>
    <row r="53" spans="1:4" ht="18" customHeight="1" x14ac:dyDescent="0.15">
      <c r="A53" s="5" t="s">
        <v>18</v>
      </c>
      <c r="B53" s="22">
        <v>27</v>
      </c>
      <c r="C53" s="14">
        <v>18</v>
      </c>
      <c r="D53" s="18">
        <v>45</v>
      </c>
    </row>
    <row r="54" spans="1:4" ht="18" customHeight="1" x14ac:dyDescent="0.15">
      <c r="A54" s="5">
        <v>40</v>
      </c>
      <c r="B54" s="22">
        <v>4</v>
      </c>
      <c r="C54" s="14">
        <v>14</v>
      </c>
      <c r="D54" s="18">
        <v>18</v>
      </c>
    </row>
    <row r="55" spans="1:4" ht="18" customHeight="1" x14ac:dyDescent="0.15">
      <c r="A55" s="5">
        <v>41</v>
      </c>
      <c r="B55" s="22">
        <v>2</v>
      </c>
      <c r="C55" s="14">
        <v>4</v>
      </c>
      <c r="D55" s="18">
        <v>6</v>
      </c>
    </row>
    <row r="56" spans="1:4" ht="18" customHeight="1" x14ac:dyDescent="0.15">
      <c r="A56" s="5">
        <v>42</v>
      </c>
      <c r="B56" s="22">
        <v>6</v>
      </c>
      <c r="C56" s="14">
        <v>4</v>
      </c>
      <c r="D56" s="18">
        <v>10</v>
      </c>
    </row>
    <row r="57" spans="1:4" ht="18" customHeight="1" x14ac:dyDescent="0.15">
      <c r="A57" s="5">
        <v>43</v>
      </c>
      <c r="B57" s="22">
        <v>6</v>
      </c>
      <c r="C57" s="14">
        <v>5</v>
      </c>
      <c r="D57" s="18">
        <v>11</v>
      </c>
    </row>
    <row r="58" spans="1:4" ht="18" customHeight="1" x14ac:dyDescent="0.15">
      <c r="A58" s="5">
        <v>44</v>
      </c>
      <c r="B58" s="22">
        <v>8</v>
      </c>
      <c r="C58" s="14">
        <v>9</v>
      </c>
      <c r="D58" s="18">
        <v>17</v>
      </c>
    </row>
    <row r="59" spans="1:4" ht="18" customHeight="1" x14ac:dyDescent="0.15">
      <c r="A59" s="5" t="s">
        <v>21</v>
      </c>
      <c r="B59" s="22">
        <v>26</v>
      </c>
      <c r="C59" s="14">
        <v>36</v>
      </c>
      <c r="D59" s="18">
        <v>62</v>
      </c>
    </row>
    <row r="60" spans="1:4" ht="18" customHeight="1" x14ac:dyDescent="0.15">
      <c r="A60" s="5">
        <v>45</v>
      </c>
      <c r="B60" s="22">
        <v>9</v>
      </c>
      <c r="C60" s="14">
        <v>6</v>
      </c>
      <c r="D60" s="18">
        <v>15</v>
      </c>
    </row>
    <row r="61" spans="1:4" ht="18" customHeight="1" x14ac:dyDescent="0.15">
      <c r="A61" s="5">
        <v>46</v>
      </c>
      <c r="B61" s="22">
        <v>5</v>
      </c>
      <c r="C61" s="14">
        <v>7</v>
      </c>
      <c r="D61" s="18">
        <v>12</v>
      </c>
    </row>
    <row r="62" spans="1:4" ht="18" customHeight="1" x14ac:dyDescent="0.15">
      <c r="A62" s="5">
        <v>47</v>
      </c>
      <c r="B62" s="22">
        <v>6</v>
      </c>
      <c r="C62" s="14">
        <v>8</v>
      </c>
      <c r="D62" s="18">
        <v>14</v>
      </c>
    </row>
    <row r="63" spans="1:4" ht="18" customHeight="1" x14ac:dyDescent="0.15">
      <c r="A63" s="5">
        <v>48</v>
      </c>
      <c r="B63" s="22">
        <v>4</v>
      </c>
      <c r="C63" s="14">
        <v>3</v>
      </c>
      <c r="D63" s="18">
        <v>7</v>
      </c>
    </row>
    <row r="64" spans="1:4" ht="18" customHeight="1" x14ac:dyDescent="0.15">
      <c r="A64" s="5">
        <v>49</v>
      </c>
      <c r="B64" s="22">
        <v>8</v>
      </c>
      <c r="C64" s="14">
        <v>12</v>
      </c>
      <c r="D64" s="18">
        <v>20</v>
      </c>
    </row>
    <row r="65" spans="1:4" ht="18" customHeight="1" x14ac:dyDescent="0.15">
      <c r="A65" s="5" t="s">
        <v>17</v>
      </c>
      <c r="B65" s="22">
        <v>32</v>
      </c>
      <c r="C65" s="14">
        <v>36</v>
      </c>
      <c r="D65" s="18">
        <v>68</v>
      </c>
    </row>
    <row r="66" spans="1:4" ht="18" customHeight="1" x14ac:dyDescent="0.15">
      <c r="A66" s="5">
        <v>50</v>
      </c>
      <c r="B66" s="22">
        <v>11</v>
      </c>
      <c r="C66" s="14">
        <v>9</v>
      </c>
      <c r="D66" s="18">
        <v>20</v>
      </c>
    </row>
    <row r="67" spans="1:4" ht="18" customHeight="1" x14ac:dyDescent="0.15">
      <c r="A67" s="5">
        <v>51</v>
      </c>
      <c r="B67" s="22">
        <v>11</v>
      </c>
      <c r="C67" s="14">
        <v>8</v>
      </c>
      <c r="D67" s="18">
        <v>19</v>
      </c>
    </row>
    <row r="68" spans="1:4" ht="18" customHeight="1" x14ac:dyDescent="0.15">
      <c r="A68" s="5">
        <v>52</v>
      </c>
      <c r="B68" s="22">
        <v>10</v>
      </c>
      <c r="C68" s="14">
        <v>5</v>
      </c>
      <c r="D68" s="18">
        <v>15</v>
      </c>
    </row>
    <row r="69" spans="1:4" ht="18" customHeight="1" x14ac:dyDescent="0.15">
      <c r="A69" s="5">
        <v>53</v>
      </c>
      <c r="B69" s="22">
        <v>9</v>
      </c>
      <c r="C69" s="14">
        <v>10</v>
      </c>
      <c r="D69" s="18">
        <v>19</v>
      </c>
    </row>
    <row r="70" spans="1:4" ht="18" customHeight="1" x14ac:dyDescent="0.15">
      <c r="A70" s="5">
        <v>54</v>
      </c>
      <c r="B70" s="22">
        <v>6</v>
      </c>
      <c r="C70" s="14">
        <v>8</v>
      </c>
      <c r="D70" s="18">
        <v>14</v>
      </c>
    </row>
    <row r="71" spans="1:4" ht="18" customHeight="1" x14ac:dyDescent="0.15">
      <c r="A71" s="5" t="s">
        <v>22</v>
      </c>
      <c r="B71" s="22">
        <v>47</v>
      </c>
      <c r="C71" s="14">
        <v>40</v>
      </c>
      <c r="D71" s="18">
        <v>87</v>
      </c>
    </row>
    <row r="72" spans="1:4" ht="18" customHeight="1" x14ac:dyDescent="0.15">
      <c r="A72" s="5">
        <v>55</v>
      </c>
      <c r="B72" s="22">
        <v>10</v>
      </c>
      <c r="C72" s="14">
        <v>11</v>
      </c>
      <c r="D72" s="18">
        <v>21</v>
      </c>
    </row>
    <row r="73" spans="1:4" ht="18" customHeight="1" x14ac:dyDescent="0.15">
      <c r="A73" s="5">
        <v>56</v>
      </c>
      <c r="B73" s="22">
        <v>4</v>
      </c>
      <c r="C73" s="14">
        <v>6</v>
      </c>
      <c r="D73" s="18">
        <v>10</v>
      </c>
    </row>
    <row r="74" spans="1:4" ht="18" customHeight="1" x14ac:dyDescent="0.15">
      <c r="A74" s="5">
        <v>57</v>
      </c>
      <c r="B74" s="22">
        <v>5</v>
      </c>
      <c r="C74" s="14">
        <v>8</v>
      </c>
      <c r="D74" s="18">
        <v>13</v>
      </c>
    </row>
    <row r="75" spans="1:4" ht="18" customHeight="1" x14ac:dyDescent="0.15">
      <c r="A75" s="5">
        <v>58</v>
      </c>
      <c r="B75" s="22">
        <v>8</v>
      </c>
      <c r="C75" s="14">
        <v>7</v>
      </c>
      <c r="D75" s="18">
        <v>15</v>
      </c>
    </row>
    <row r="76" spans="1:4" ht="18" customHeight="1" x14ac:dyDescent="0.15">
      <c r="A76" s="5">
        <v>59</v>
      </c>
      <c r="B76" s="22">
        <v>4</v>
      </c>
      <c r="C76" s="14">
        <v>3</v>
      </c>
      <c r="D76" s="18">
        <v>7</v>
      </c>
    </row>
    <row r="77" spans="1:4" ht="18" customHeight="1" x14ac:dyDescent="0.15">
      <c r="A77" s="5" t="s">
        <v>27</v>
      </c>
      <c r="B77" s="22">
        <v>31</v>
      </c>
      <c r="C77" s="14">
        <v>35</v>
      </c>
      <c r="D77" s="18">
        <v>66</v>
      </c>
    </row>
    <row r="78" spans="1:4" ht="18" customHeight="1" x14ac:dyDescent="0.15">
      <c r="A78" s="5">
        <v>60</v>
      </c>
      <c r="B78" s="22">
        <v>5</v>
      </c>
      <c r="C78" s="14">
        <v>10</v>
      </c>
      <c r="D78" s="18">
        <v>15</v>
      </c>
    </row>
    <row r="79" spans="1:4" ht="18" customHeight="1" x14ac:dyDescent="0.15">
      <c r="A79" s="5">
        <v>61</v>
      </c>
      <c r="B79" s="22">
        <v>12</v>
      </c>
      <c r="C79" s="14">
        <v>8</v>
      </c>
      <c r="D79" s="18">
        <v>20</v>
      </c>
    </row>
    <row r="80" spans="1:4" ht="18" customHeight="1" x14ac:dyDescent="0.15">
      <c r="A80" s="5">
        <v>62</v>
      </c>
      <c r="B80" s="22">
        <v>8</v>
      </c>
      <c r="C80" s="14">
        <v>4</v>
      </c>
      <c r="D80" s="18">
        <v>12</v>
      </c>
    </row>
    <row r="81" spans="1:4" ht="18" customHeight="1" x14ac:dyDescent="0.15">
      <c r="A81" s="5">
        <v>63</v>
      </c>
      <c r="B81" s="22">
        <v>6</v>
      </c>
      <c r="C81" s="14">
        <v>4</v>
      </c>
      <c r="D81" s="18">
        <v>10</v>
      </c>
    </row>
    <row r="82" spans="1:4" ht="18" customHeight="1" x14ac:dyDescent="0.15">
      <c r="A82" s="5">
        <v>64</v>
      </c>
      <c r="B82" s="22">
        <v>4</v>
      </c>
      <c r="C82" s="14">
        <v>8</v>
      </c>
      <c r="D82" s="18">
        <v>12</v>
      </c>
    </row>
    <row r="83" spans="1:4" ht="18" customHeight="1" x14ac:dyDescent="0.15">
      <c r="A83" s="5" t="s">
        <v>28</v>
      </c>
      <c r="B83" s="22">
        <v>35</v>
      </c>
      <c r="C83" s="14">
        <v>34</v>
      </c>
      <c r="D83" s="18">
        <v>69</v>
      </c>
    </row>
    <row r="84" spans="1:4" ht="18" customHeight="1" x14ac:dyDescent="0.15">
      <c r="A84" s="5" t="s">
        <v>31</v>
      </c>
      <c r="B84" s="22">
        <v>278</v>
      </c>
      <c r="C84" s="14">
        <v>292</v>
      </c>
      <c r="D84" s="18">
        <v>570</v>
      </c>
    </row>
    <row r="85" spans="1:4" ht="18" customHeight="1" x14ac:dyDescent="0.15">
      <c r="A85" s="5">
        <v>65</v>
      </c>
      <c r="B85" s="22">
        <v>8</v>
      </c>
      <c r="C85" s="14">
        <v>6</v>
      </c>
      <c r="D85" s="18">
        <v>14</v>
      </c>
    </row>
    <row r="86" spans="1:4" ht="18" customHeight="1" x14ac:dyDescent="0.15">
      <c r="A86" s="5">
        <v>66</v>
      </c>
      <c r="B86" s="22">
        <v>11</v>
      </c>
      <c r="C86" s="14">
        <v>15</v>
      </c>
      <c r="D86" s="18">
        <v>26</v>
      </c>
    </row>
    <row r="87" spans="1:4" ht="18" customHeight="1" x14ac:dyDescent="0.15">
      <c r="A87" s="5">
        <v>67</v>
      </c>
      <c r="B87" s="22">
        <v>10</v>
      </c>
      <c r="C87" s="14">
        <v>14</v>
      </c>
      <c r="D87" s="18">
        <v>24</v>
      </c>
    </row>
    <row r="88" spans="1:4" ht="18" customHeight="1" x14ac:dyDescent="0.15">
      <c r="A88" s="5">
        <v>68</v>
      </c>
      <c r="B88" s="22">
        <v>10</v>
      </c>
      <c r="C88" s="14">
        <v>7</v>
      </c>
      <c r="D88" s="18">
        <v>17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45</v>
      </c>
      <c r="C90" s="14">
        <v>48</v>
      </c>
      <c r="D90" s="18">
        <v>93</v>
      </c>
    </row>
    <row r="91" spans="1:4" ht="18" customHeight="1" x14ac:dyDescent="0.15">
      <c r="A91" s="5">
        <v>70</v>
      </c>
      <c r="B91" s="22">
        <v>13</v>
      </c>
      <c r="C91" s="14">
        <v>9</v>
      </c>
      <c r="D91" s="18">
        <v>22</v>
      </c>
    </row>
    <row r="92" spans="1:4" ht="18" customHeight="1" x14ac:dyDescent="0.15">
      <c r="A92" s="5">
        <v>71</v>
      </c>
      <c r="B92" s="22">
        <v>16</v>
      </c>
      <c r="C92" s="14">
        <v>10</v>
      </c>
      <c r="D92" s="18">
        <v>26</v>
      </c>
    </row>
    <row r="93" spans="1:4" ht="18" customHeight="1" x14ac:dyDescent="0.15">
      <c r="A93" s="5">
        <v>72</v>
      </c>
      <c r="B93" s="22">
        <v>12</v>
      </c>
      <c r="C93" s="14">
        <v>10</v>
      </c>
      <c r="D93" s="18">
        <v>22</v>
      </c>
    </row>
    <row r="94" spans="1:4" ht="18" customHeight="1" x14ac:dyDescent="0.15">
      <c r="A94" s="5">
        <v>73</v>
      </c>
      <c r="B94" s="22">
        <v>7</v>
      </c>
      <c r="C94" s="14">
        <v>14</v>
      </c>
      <c r="D94" s="18">
        <v>21</v>
      </c>
    </row>
    <row r="95" spans="1:4" ht="18" customHeight="1" x14ac:dyDescent="0.15">
      <c r="A95" s="5">
        <v>74</v>
      </c>
      <c r="B95" s="22">
        <v>18</v>
      </c>
      <c r="C95" s="14">
        <v>5</v>
      </c>
      <c r="D95" s="18">
        <v>23</v>
      </c>
    </row>
    <row r="96" spans="1:4" ht="18" customHeight="1" x14ac:dyDescent="0.15">
      <c r="A96" s="5" t="s">
        <v>33</v>
      </c>
      <c r="B96" s="22">
        <v>66</v>
      </c>
      <c r="C96" s="14">
        <v>48</v>
      </c>
      <c r="D96" s="18">
        <v>114</v>
      </c>
    </row>
    <row r="97" spans="1:4" ht="18" customHeight="1" x14ac:dyDescent="0.15">
      <c r="A97" s="5">
        <v>75</v>
      </c>
      <c r="B97" s="22">
        <v>5</v>
      </c>
      <c r="C97" s="14">
        <v>7</v>
      </c>
      <c r="D97" s="18">
        <v>12</v>
      </c>
    </row>
    <row r="98" spans="1:4" ht="18" customHeight="1" x14ac:dyDescent="0.15">
      <c r="A98" s="5">
        <v>76</v>
      </c>
      <c r="B98" s="22">
        <v>7</v>
      </c>
      <c r="C98" s="14">
        <v>15</v>
      </c>
      <c r="D98" s="18">
        <v>22</v>
      </c>
    </row>
    <row r="99" spans="1:4" ht="18" customHeight="1" x14ac:dyDescent="0.15">
      <c r="A99" s="5">
        <v>77</v>
      </c>
      <c r="B99" s="22">
        <v>12</v>
      </c>
      <c r="C99" s="14">
        <v>10</v>
      </c>
      <c r="D99" s="18">
        <v>22</v>
      </c>
    </row>
    <row r="100" spans="1:4" ht="18" customHeight="1" x14ac:dyDescent="0.15">
      <c r="A100" s="5">
        <v>78</v>
      </c>
      <c r="B100" s="22">
        <v>11</v>
      </c>
      <c r="C100" s="14">
        <v>15</v>
      </c>
      <c r="D100" s="18">
        <v>26</v>
      </c>
    </row>
    <row r="101" spans="1:4" ht="18" customHeight="1" x14ac:dyDescent="0.15">
      <c r="A101" s="5">
        <v>79</v>
      </c>
      <c r="B101" s="22">
        <v>4</v>
      </c>
      <c r="C101" s="14">
        <v>7</v>
      </c>
      <c r="D101" s="18">
        <v>11</v>
      </c>
    </row>
    <row r="102" spans="1:4" ht="18" customHeight="1" x14ac:dyDescent="0.15">
      <c r="A102" s="5" t="s">
        <v>0</v>
      </c>
      <c r="B102" s="22">
        <v>39</v>
      </c>
      <c r="C102" s="14">
        <v>54</v>
      </c>
      <c r="D102" s="18">
        <v>93</v>
      </c>
    </row>
    <row r="103" spans="1:4" ht="18" customHeight="1" x14ac:dyDescent="0.15">
      <c r="A103" s="5">
        <v>80</v>
      </c>
      <c r="B103" s="22">
        <v>5</v>
      </c>
      <c r="C103" s="14">
        <v>4</v>
      </c>
      <c r="D103" s="18">
        <v>9</v>
      </c>
    </row>
    <row r="104" spans="1:4" ht="18" customHeight="1" x14ac:dyDescent="0.15">
      <c r="A104" s="5">
        <v>81</v>
      </c>
      <c r="B104" s="22">
        <v>4</v>
      </c>
      <c r="C104" s="14">
        <v>11</v>
      </c>
      <c r="D104" s="18">
        <v>15</v>
      </c>
    </row>
    <row r="105" spans="1:4" ht="18" customHeight="1" x14ac:dyDescent="0.15">
      <c r="A105" s="5">
        <v>82</v>
      </c>
      <c r="B105" s="22">
        <v>2</v>
      </c>
      <c r="C105" s="14">
        <v>6</v>
      </c>
      <c r="D105" s="18">
        <v>8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7</v>
      </c>
      <c r="C107" s="14">
        <v>9</v>
      </c>
      <c r="D107" s="18">
        <v>16</v>
      </c>
    </row>
    <row r="108" spans="1:4" ht="18" customHeight="1" x14ac:dyDescent="0.15">
      <c r="A108" s="5" t="s">
        <v>35</v>
      </c>
      <c r="B108" s="22">
        <v>20</v>
      </c>
      <c r="C108" s="14">
        <v>34</v>
      </c>
      <c r="D108" s="18">
        <v>54</v>
      </c>
    </row>
    <row r="109" spans="1:4" ht="18" customHeight="1" x14ac:dyDescent="0.15">
      <c r="A109" s="5">
        <v>85</v>
      </c>
      <c r="B109" s="22">
        <v>6</v>
      </c>
      <c r="C109" s="14">
        <v>6</v>
      </c>
      <c r="D109" s="18">
        <v>12</v>
      </c>
    </row>
    <row r="110" spans="1:4" ht="18" customHeight="1" x14ac:dyDescent="0.15">
      <c r="A110" s="5">
        <v>86</v>
      </c>
      <c r="B110" s="22">
        <v>2</v>
      </c>
      <c r="C110" s="14">
        <v>3</v>
      </c>
      <c r="D110" s="18">
        <v>5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4</v>
      </c>
      <c r="D112" s="18">
        <v>10</v>
      </c>
    </row>
    <row r="113" spans="1:4" ht="18" customHeight="1" x14ac:dyDescent="0.15">
      <c r="A113" s="5">
        <v>89</v>
      </c>
      <c r="B113" s="22">
        <v>4</v>
      </c>
      <c r="C113" s="14">
        <v>5</v>
      </c>
      <c r="D113" s="18">
        <v>9</v>
      </c>
    </row>
    <row r="114" spans="1:4" ht="18" customHeight="1" x14ac:dyDescent="0.15">
      <c r="A114" s="5" t="s">
        <v>37</v>
      </c>
      <c r="B114" s="22">
        <v>22</v>
      </c>
      <c r="C114" s="14">
        <v>26</v>
      </c>
      <c r="D114" s="18">
        <v>48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0</v>
      </c>
      <c r="C116" s="14">
        <v>6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3</v>
      </c>
      <c r="D117" s="18">
        <v>4</v>
      </c>
    </row>
    <row r="118" spans="1:4" ht="18" customHeight="1" x14ac:dyDescent="0.15">
      <c r="A118" s="5">
        <v>93</v>
      </c>
      <c r="B118" s="22">
        <v>0</v>
      </c>
      <c r="C118" s="14">
        <v>8</v>
      </c>
      <c r="D118" s="18">
        <v>8</v>
      </c>
    </row>
    <row r="119" spans="1:4" ht="18" customHeight="1" x14ac:dyDescent="0.15">
      <c r="A119" s="5">
        <v>94</v>
      </c>
      <c r="B119" s="22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22">
        <v>4</v>
      </c>
      <c r="C120" s="14">
        <v>27</v>
      </c>
      <c r="D120" s="18">
        <v>31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0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199</v>
      </c>
      <c r="C130" s="14">
        <v>250</v>
      </c>
      <c r="D130" s="18">
        <v>449</v>
      </c>
    </row>
    <row r="131" spans="1:4" ht="18" customHeight="1" x14ac:dyDescent="0.15">
      <c r="A131" s="7" t="s">
        <v>45</v>
      </c>
      <c r="B131" s="23">
        <v>518</v>
      </c>
      <c r="C131" s="15">
        <v>582</v>
      </c>
      <c r="D131" s="19">
        <v>11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4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7</v>
      </c>
      <c r="C5" s="13">
        <v>10</v>
      </c>
      <c r="D5" s="17">
        <v>27</v>
      </c>
    </row>
    <row r="6" spans="1:4" ht="18" customHeight="1" x14ac:dyDescent="0.15">
      <c r="A6" s="5">
        <v>1</v>
      </c>
      <c r="B6" s="22">
        <v>11</v>
      </c>
      <c r="C6" s="14">
        <v>13</v>
      </c>
      <c r="D6" s="18">
        <v>24</v>
      </c>
    </row>
    <row r="7" spans="1:4" ht="18" customHeight="1" x14ac:dyDescent="0.15">
      <c r="A7" s="5">
        <v>2</v>
      </c>
      <c r="B7" s="22">
        <v>8</v>
      </c>
      <c r="C7" s="14">
        <v>16</v>
      </c>
      <c r="D7" s="18">
        <v>24</v>
      </c>
    </row>
    <row r="8" spans="1:4" ht="18" customHeight="1" x14ac:dyDescent="0.15">
      <c r="A8" s="5">
        <v>3</v>
      </c>
      <c r="B8" s="22">
        <v>16</v>
      </c>
      <c r="C8" s="14">
        <v>8</v>
      </c>
      <c r="D8" s="18">
        <v>24</v>
      </c>
    </row>
    <row r="9" spans="1:4" ht="18" customHeight="1" x14ac:dyDescent="0.15">
      <c r="A9" s="5">
        <v>4</v>
      </c>
      <c r="B9" s="22">
        <v>18</v>
      </c>
      <c r="C9" s="14">
        <v>11</v>
      </c>
      <c r="D9" s="18">
        <v>29</v>
      </c>
    </row>
    <row r="10" spans="1:4" ht="18" customHeight="1" x14ac:dyDescent="0.15">
      <c r="A10" s="5" t="s">
        <v>7</v>
      </c>
      <c r="B10" s="22">
        <v>70</v>
      </c>
      <c r="C10" s="14">
        <v>58</v>
      </c>
      <c r="D10" s="18">
        <v>128</v>
      </c>
    </row>
    <row r="11" spans="1:4" ht="18" customHeight="1" x14ac:dyDescent="0.15">
      <c r="A11" s="5">
        <v>5</v>
      </c>
      <c r="B11" s="22">
        <v>19</v>
      </c>
      <c r="C11" s="14">
        <v>12</v>
      </c>
      <c r="D11" s="18">
        <v>31</v>
      </c>
    </row>
    <row r="12" spans="1:4" ht="18" customHeight="1" x14ac:dyDescent="0.15">
      <c r="A12" s="5">
        <v>6</v>
      </c>
      <c r="B12" s="22">
        <v>18</v>
      </c>
      <c r="C12" s="14">
        <v>11</v>
      </c>
      <c r="D12" s="18">
        <v>29</v>
      </c>
    </row>
    <row r="13" spans="1:4" ht="18" customHeight="1" x14ac:dyDescent="0.15">
      <c r="A13" s="5">
        <v>7</v>
      </c>
      <c r="B13" s="22">
        <v>13</v>
      </c>
      <c r="C13" s="14">
        <v>15</v>
      </c>
      <c r="D13" s="18">
        <v>28</v>
      </c>
    </row>
    <row r="14" spans="1:4" ht="18" customHeight="1" x14ac:dyDescent="0.15">
      <c r="A14" s="5">
        <v>8</v>
      </c>
      <c r="B14" s="22">
        <v>20</v>
      </c>
      <c r="C14" s="14">
        <v>19</v>
      </c>
      <c r="D14" s="18">
        <v>39</v>
      </c>
    </row>
    <row r="15" spans="1:4" ht="18" customHeight="1" x14ac:dyDescent="0.15">
      <c r="A15" s="5">
        <v>9</v>
      </c>
      <c r="B15" s="22">
        <v>11</v>
      </c>
      <c r="C15" s="14">
        <v>23</v>
      </c>
      <c r="D15" s="18">
        <v>34</v>
      </c>
    </row>
    <row r="16" spans="1:4" ht="18" customHeight="1" x14ac:dyDescent="0.15">
      <c r="A16" s="5" t="s">
        <v>11</v>
      </c>
      <c r="B16" s="22">
        <v>81</v>
      </c>
      <c r="C16" s="14">
        <v>80</v>
      </c>
      <c r="D16" s="18">
        <v>161</v>
      </c>
    </row>
    <row r="17" spans="1:4" ht="18" customHeight="1" x14ac:dyDescent="0.15">
      <c r="A17" s="5">
        <v>10</v>
      </c>
      <c r="B17" s="22">
        <v>17</v>
      </c>
      <c r="C17" s="14">
        <v>9</v>
      </c>
      <c r="D17" s="18">
        <v>26</v>
      </c>
    </row>
    <row r="18" spans="1:4" ht="18" customHeight="1" x14ac:dyDescent="0.15">
      <c r="A18" s="5">
        <v>11</v>
      </c>
      <c r="B18" s="22">
        <v>19</v>
      </c>
      <c r="C18" s="14">
        <v>20</v>
      </c>
      <c r="D18" s="18">
        <v>39</v>
      </c>
    </row>
    <row r="19" spans="1:4" ht="18" customHeight="1" x14ac:dyDescent="0.15">
      <c r="A19" s="5">
        <v>12</v>
      </c>
      <c r="B19" s="22">
        <v>17</v>
      </c>
      <c r="C19" s="14">
        <v>17</v>
      </c>
      <c r="D19" s="18">
        <v>34</v>
      </c>
    </row>
    <row r="20" spans="1:4" ht="18" customHeight="1" x14ac:dyDescent="0.15">
      <c r="A20" s="5">
        <v>13</v>
      </c>
      <c r="B20" s="22">
        <v>12</v>
      </c>
      <c r="C20" s="14">
        <v>16</v>
      </c>
      <c r="D20" s="18">
        <v>28</v>
      </c>
    </row>
    <row r="21" spans="1:4" ht="18" customHeight="1" x14ac:dyDescent="0.15">
      <c r="A21" s="5">
        <v>14</v>
      </c>
      <c r="B21" s="22">
        <v>18</v>
      </c>
      <c r="C21" s="14">
        <v>26</v>
      </c>
      <c r="D21" s="18">
        <v>44</v>
      </c>
    </row>
    <row r="22" spans="1:4" ht="18" customHeight="1" x14ac:dyDescent="0.15">
      <c r="A22" s="5" t="s">
        <v>12</v>
      </c>
      <c r="B22" s="22">
        <v>83</v>
      </c>
      <c r="C22" s="14">
        <v>88</v>
      </c>
      <c r="D22" s="18">
        <v>171</v>
      </c>
    </row>
    <row r="23" spans="1:4" ht="18" customHeight="1" x14ac:dyDescent="0.15">
      <c r="A23" s="5" t="s">
        <v>6</v>
      </c>
      <c r="B23" s="22">
        <v>234</v>
      </c>
      <c r="C23" s="14">
        <v>226</v>
      </c>
      <c r="D23" s="18">
        <v>460</v>
      </c>
    </row>
    <row r="24" spans="1:4" ht="18" customHeight="1" x14ac:dyDescent="0.15">
      <c r="A24" s="5">
        <v>15</v>
      </c>
      <c r="B24" s="22">
        <v>18</v>
      </c>
      <c r="C24" s="14">
        <v>12</v>
      </c>
      <c r="D24" s="18">
        <v>30</v>
      </c>
    </row>
    <row r="25" spans="1:4" ht="18" customHeight="1" x14ac:dyDescent="0.15">
      <c r="A25" s="5">
        <v>16</v>
      </c>
      <c r="B25" s="22">
        <v>22</v>
      </c>
      <c r="C25" s="14">
        <v>17</v>
      </c>
      <c r="D25" s="18">
        <v>39</v>
      </c>
    </row>
    <row r="26" spans="1:4" ht="18" customHeight="1" x14ac:dyDescent="0.15">
      <c r="A26" s="5">
        <v>17</v>
      </c>
      <c r="B26" s="22">
        <v>13</v>
      </c>
      <c r="C26" s="14">
        <v>21</v>
      </c>
      <c r="D26" s="18">
        <v>34</v>
      </c>
    </row>
    <row r="27" spans="1:4" ht="18" customHeight="1" x14ac:dyDescent="0.15">
      <c r="A27" s="5">
        <v>18</v>
      </c>
      <c r="B27" s="22">
        <v>13</v>
      </c>
      <c r="C27" s="14">
        <v>21</v>
      </c>
      <c r="D27" s="18">
        <v>34</v>
      </c>
    </row>
    <row r="28" spans="1:4" ht="18" customHeight="1" x14ac:dyDescent="0.15">
      <c r="A28" s="5">
        <v>19</v>
      </c>
      <c r="B28" s="22">
        <v>23</v>
      </c>
      <c r="C28" s="14">
        <v>18</v>
      </c>
      <c r="D28" s="18">
        <v>41</v>
      </c>
    </row>
    <row r="29" spans="1:4" ht="18" customHeight="1" x14ac:dyDescent="0.15">
      <c r="A29" s="5" t="s">
        <v>14</v>
      </c>
      <c r="B29" s="22">
        <v>89</v>
      </c>
      <c r="C29" s="14">
        <v>89</v>
      </c>
      <c r="D29" s="18">
        <v>178</v>
      </c>
    </row>
    <row r="30" spans="1:4" ht="18" customHeight="1" x14ac:dyDescent="0.15">
      <c r="A30" s="5">
        <v>20</v>
      </c>
      <c r="B30" s="22">
        <v>22</v>
      </c>
      <c r="C30" s="14">
        <v>14</v>
      </c>
      <c r="D30" s="18">
        <v>36</v>
      </c>
    </row>
    <row r="31" spans="1:4" ht="18" customHeight="1" x14ac:dyDescent="0.15">
      <c r="A31" s="5">
        <v>21</v>
      </c>
      <c r="B31" s="22">
        <v>26</v>
      </c>
      <c r="C31" s="14">
        <v>13</v>
      </c>
      <c r="D31" s="18">
        <v>39</v>
      </c>
    </row>
    <row r="32" spans="1:4" ht="18" customHeight="1" x14ac:dyDescent="0.15">
      <c r="A32" s="5">
        <v>22</v>
      </c>
      <c r="B32" s="22">
        <v>23</v>
      </c>
      <c r="C32" s="14">
        <v>24</v>
      </c>
      <c r="D32" s="18">
        <v>47</v>
      </c>
    </row>
    <row r="33" spans="1:4" ht="18" customHeight="1" x14ac:dyDescent="0.15">
      <c r="A33" s="5">
        <v>23</v>
      </c>
      <c r="B33" s="22">
        <v>34</v>
      </c>
      <c r="C33" s="14">
        <v>23</v>
      </c>
      <c r="D33" s="18">
        <v>57</v>
      </c>
    </row>
    <row r="34" spans="1:4" ht="18" customHeight="1" x14ac:dyDescent="0.15">
      <c r="A34" s="5">
        <v>24</v>
      </c>
      <c r="B34" s="22">
        <v>39</v>
      </c>
      <c r="C34" s="14">
        <v>20</v>
      </c>
      <c r="D34" s="18">
        <v>59</v>
      </c>
    </row>
    <row r="35" spans="1:4" ht="18" customHeight="1" x14ac:dyDescent="0.15">
      <c r="A35" s="5" t="s">
        <v>9</v>
      </c>
      <c r="B35" s="22">
        <v>144</v>
      </c>
      <c r="C35" s="14">
        <v>94</v>
      </c>
      <c r="D35" s="18">
        <v>238</v>
      </c>
    </row>
    <row r="36" spans="1:4" ht="18" customHeight="1" x14ac:dyDescent="0.15">
      <c r="A36" s="5">
        <v>25</v>
      </c>
      <c r="B36" s="22">
        <v>31</v>
      </c>
      <c r="C36" s="14">
        <v>22</v>
      </c>
      <c r="D36" s="18">
        <v>53</v>
      </c>
    </row>
    <row r="37" spans="1:4" ht="18" customHeight="1" x14ac:dyDescent="0.15">
      <c r="A37" s="5">
        <v>26</v>
      </c>
      <c r="B37" s="22">
        <v>25</v>
      </c>
      <c r="C37" s="14">
        <v>27</v>
      </c>
      <c r="D37" s="18">
        <v>52</v>
      </c>
    </row>
    <row r="38" spans="1:4" ht="18" customHeight="1" x14ac:dyDescent="0.15">
      <c r="A38" s="5">
        <v>27</v>
      </c>
      <c r="B38" s="22">
        <v>36</v>
      </c>
      <c r="C38" s="14">
        <v>21</v>
      </c>
      <c r="D38" s="18">
        <v>57</v>
      </c>
    </row>
    <row r="39" spans="1:4" ht="18" customHeight="1" x14ac:dyDescent="0.15">
      <c r="A39" s="5">
        <v>28</v>
      </c>
      <c r="B39" s="22">
        <v>36</v>
      </c>
      <c r="C39" s="14">
        <v>21</v>
      </c>
      <c r="D39" s="18">
        <v>57</v>
      </c>
    </row>
    <row r="40" spans="1:4" ht="18" customHeight="1" x14ac:dyDescent="0.15">
      <c r="A40" s="5">
        <v>29</v>
      </c>
      <c r="B40" s="22">
        <v>42</v>
      </c>
      <c r="C40" s="14">
        <v>22</v>
      </c>
      <c r="D40" s="18">
        <v>64</v>
      </c>
    </row>
    <row r="41" spans="1:4" ht="18" customHeight="1" x14ac:dyDescent="0.15">
      <c r="A41" s="5" t="s">
        <v>2</v>
      </c>
      <c r="B41" s="22">
        <v>170</v>
      </c>
      <c r="C41" s="14">
        <v>113</v>
      </c>
      <c r="D41" s="18">
        <v>283</v>
      </c>
    </row>
    <row r="42" spans="1:4" ht="18" customHeight="1" x14ac:dyDescent="0.15">
      <c r="A42" s="5">
        <v>30</v>
      </c>
      <c r="B42" s="22">
        <v>23</v>
      </c>
      <c r="C42" s="14">
        <v>22</v>
      </c>
      <c r="D42" s="18">
        <v>45</v>
      </c>
    </row>
    <row r="43" spans="1:4" ht="18" customHeight="1" x14ac:dyDescent="0.15">
      <c r="A43" s="5">
        <v>31</v>
      </c>
      <c r="B43" s="22">
        <v>29</v>
      </c>
      <c r="C43" s="14">
        <v>18</v>
      </c>
      <c r="D43" s="18">
        <v>47</v>
      </c>
    </row>
    <row r="44" spans="1:4" ht="18" customHeight="1" x14ac:dyDescent="0.15">
      <c r="A44" s="5">
        <v>32</v>
      </c>
      <c r="B44" s="22">
        <v>33</v>
      </c>
      <c r="C44" s="14">
        <v>20</v>
      </c>
      <c r="D44" s="18">
        <v>53</v>
      </c>
    </row>
    <row r="45" spans="1:4" ht="18" customHeight="1" x14ac:dyDescent="0.15">
      <c r="A45" s="5">
        <v>33</v>
      </c>
      <c r="B45" s="22">
        <v>18</v>
      </c>
      <c r="C45" s="14">
        <v>23</v>
      </c>
      <c r="D45" s="18">
        <v>41</v>
      </c>
    </row>
    <row r="46" spans="1:4" ht="18" customHeight="1" x14ac:dyDescent="0.15">
      <c r="A46" s="5">
        <v>34</v>
      </c>
      <c r="B46" s="22">
        <v>25</v>
      </c>
      <c r="C46" s="14">
        <v>26</v>
      </c>
      <c r="D46" s="18">
        <v>51</v>
      </c>
    </row>
    <row r="47" spans="1:4" ht="18" customHeight="1" x14ac:dyDescent="0.15">
      <c r="A47" s="5" t="s">
        <v>15</v>
      </c>
      <c r="B47" s="22">
        <v>128</v>
      </c>
      <c r="C47" s="14">
        <v>109</v>
      </c>
      <c r="D47" s="18">
        <v>237</v>
      </c>
    </row>
    <row r="48" spans="1:4" ht="18" customHeight="1" x14ac:dyDescent="0.15">
      <c r="A48" s="5">
        <v>35</v>
      </c>
      <c r="B48" s="22">
        <v>29</v>
      </c>
      <c r="C48" s="14">
        <v>26</v>
      </c>
      <c r="D48" s="18">
        <v>55</v>
      </c>
    </row>
    <row r="49" spans="1:4" ht="18" customHeight="1" x14ac:dyDescent="0.15">
      <c r="A49" s="5">
        <v>36</v>
      </c>
      <c r="B49" s="22">
        <v>31</v>
      </c>
      <c r="C49" s="14">
        <v>24</v>
      </c>
      <c r="D49" s="18">
        <v>55</v>
      </c>
    </row>
    <row r="50" spans="1:4" ht="18" customHeight="1" x14ac:dyDescent="0.15">
      <c r="A50" s="5">
        <v>37</v>
      </c>
      <c r="B50" s="22">
        <v>31</v>
      </c>
      <c r="C50" s="14">
        <v>22</v>
      </c>
      <c r="D50" s="18">
        <v>53</v>
      </c>
    </row>
    <row r="51" spans="1:4" ht="18" customHeight="1" x14ac:dyDescent="0.15">
      <c r="A51" s="5">
        <v>38</v>
      </c>
      <c r="B51" s="22">
        <v>24</v>
      </c>
      <c r="C51" s="14">
        <v>32</v>
      </c>
      <c r="D51" s="18">
        <v>56</v>
      </c>
    </row>
    <row r="52" spans="1:4" ht="18" customHeight="1" x14ac:dyDescent="0.15">
      <c r="A52" s="5">
        <v>39</v>
      </c>
      <c r="B52" s="22">
        <v>32</v>
      </c>
      <c r="C52" s="14">
        <v>32</v>
      </c>
      <c r="D52" s="18">
        <v>64</v>
      </c>
    </row>
    <row r="53" spans="1:4" ht="18" customHeight="1" x14ac:dyDescent="0.15">
      <c r="A53" s="5" t="s">
        <v>18</v>
      </c>
      <c r="B53" s="22">
        <v>147</v>
      </c>
      <c r="C53" s="14">
        <v>136</v>
      </c>
      <c r="D53" s="18">
        <v>283</v>
      </c>
    </row>
    <row r="54" spans="1:4" ht="18" customHeight="1" x14ac:dyDescent="0.15">
      <c r="A54" s="5">
        <v>40</v>
      </c>
      <c r="B54" s="22">
        <v>28</v>
      </c>
      <c r="C54" s="14">
        <v>21</v>
      </c>
      <c r="D54" s="18">
        <v>49</v>
      </c>
    </row>
    <row r="55" spans="1:4" ht="18" customHeight="1" x14ac:dyDescent="0.15">
      <c r="A55" s="5">
        <v>41</v>
      </c>
      <c r="B55" s="22">
        <v>25</v>
      </c>
      <c r="C55" s="14">
        <v>32</v>
      </c>
      <c r="D55" s="18">
        <v>57</v>
      </c>
    </row>
    <row r="56" spans="1:4" ht="18" customHeight="1" x14ac:dyDescent="0.15">
      <c r="A56" s="5">
        <v>42</v>
      </c>
      <c r="B56" s="22">
        <v>35</v>
      </c>
      <c r="C56" s="14">
        <v>19</v>
      </c>
      <c r="D56" s="18">
        <v>54</v>
      </c>
    </row>
    <row r="57" spans="1:4" ht="18" customHeight="1" x14ac:dyDescent="0.15">
      <c r="A57" s="5">
        <v>43</v>
      </c>
      <c r="B57" s="22">
        <v>30</v>
      </c>
      <c r="C57" s="14">
        <v>27</v>
      </c>
      <c r="D57" s="18">
        <v>57</v>
      </c>
    </row>
    <row r="58" spans="1:4" ht="18" customHeight="1" x14ac:dyDescent="0.15">
      <c r="A58" s="5">
        <v>44</v>
      </c>
      <c r="B58" s="22">
        <v>33</v>
      </c>
      <c r="C58" s="14">
        <v>35</v>
      </c>
      <c r="D58" s="18">
        <v>68</v>
      </c>
    </row>
    <row r="59" spans="1:4" ht="18" customHeight="1" x14ac:dyDescent="0.15">
      <c r="A59" s="5" t="s">
        <v>21</v>
      </c>
      <c r="B59" s="22">
        <v>151</v>
      </c>
      <c r="C59" s="14">
        <v>134</v>
      </c>
      <c r="D59" s="18">
        <v>285</v>
      </c>
    </row>
    <row r="60" spans="1:4" ht="18" customHeight="1" x14ac:dyDescent="0.15">
      <c r="A60" s="5">
        <v>45</v>
      </c>
      <c r="B60" s="22">
        <v>31</v>
      </c>
      <c r="C60" s="14">
        <v>31</v>
      </c>
      <c r="D60" s="18">
        <v>62</v>
      </c>
    </row>
    <row r="61" spans="1:4" ht="18" customHeight="1" x14ac:dyDescent="0.15">
      <c r="A61" s="5">
        <v>46</v>
      </c>
      <c r="B61" s="22">
        <v>39</v>
      </c>
      <c r="C61" s="14">
        <v>35</v>
      </c>
      <c r="D61" s="18">
        <v>74</v>
      </c>
    </row>
    <row r="62" spans="1:4" ht="18" customHeight="1" x14ac:dyDescent="0.15">
      <c r="A62" s="5">
        <v>47</v>
      </c>
      <c r="B62" s="22">
        <v>43</v>
      </c>
      <c r="C62" s="14">
        <v>44</v>
      </c>
      <c r="D62" s="18">
        <v>87</v>
      </c>
    </row>
    <row r="63" spans="1:4" ht="18" customHeight="1" x14ac:dyDescent="0.15">
      <c r="A63" s="5">
        <v>48</v>
      </c>
      <c r="B63" s="22">
        <v>39</v>
      </c>
      <c r="C63" s="14">
        <v>27</v>
      </c>
      <c r="D63" s="18">
        <v>66</v>
      </c>
    </row>
    <row r="64" spans="1:4" ht="18" customHeight="1" x14ac:dyDescent="0.15">
      <c r="A64" s="5">
        <v>49</v>
      </c>
      <c r="B64" s="22">
        <v>42</v>
      </c>
      <c r="C64" s="14">
        <v>42</v>
      </c>
      <c r="D64" s="18">
        <v>84</v>
      </c>
    </row>
    <row r="65" spans="1:4" ht="18" customHeight="1" x14ac:dyDescent="0.15">
      <c r="A65" s="5" t="s">
        <v>17</v>
      </c>
      <c r="B65" s="22">
        <v>194</v>
      </c>
      <c r="C65" s="14">
        <v>179</v>
      </c>
      <c r="D65" s="18">
        <v>373</v>
      </c>
    </row>
    <row r="66" spans="1:4" ht="18" customHeight="1" x14ac:dyDescent="0.15">
      <c r="A66" s="5">
        <v>50</v>
      </c>
      <c r="B66" s="22">
        <v>42</v>
      </c>
      <c r="C66" s="14">
        <v>34</v>
      </c>
      <c r="D66" s="18">
        <v>76</v>
      </c>
    </row>
    <row r="67" spans="1:4" ht="18" customHeight="1" x14ac:dyDescent="0.15">
      <c r="A67" s="5">
        <v>51</v>
      </c>
      <c r="B67" s="22">
        <v>33</v>
      </c>
      <c r="C67" s="14">
        <v>44</v>
      </c>
      <c r="D67" s="18">
        <v>77</v>
      </c>
    </row>
    <row r="68" spans="1:4" ht="18" customHeight="1" x14ac:dyDescent="0.15">
      <c r="A68" s="5">
        <v>52</v>
      </c>
      <c r="B68" s="22">
        <v>41</v>
      </c>
      <c r="C68" s="14">
        <v>36</v>
      </c>
      <c r="D68" s="18">
        <v>77</v>
      </c>
    </row>
    <row r="69" spans="1:4" ht="18" customHeight="1" x14ac:dyDescent="0.15">
      <c r="A69" s="5">
        <v>53</v>
      </c>
      <c r="B69" s="22">
        <v>47</v>
      </c>
      <c r="C69" s="14">
        <v>50</v>
      </c>
      <c r="D69" s="18">
        <v>97</v>
      </c>
    </row>
    <row r="70" spans="1:4" ht="18" customHeight="1" x14ac:dyDescent="0.15">
      <c r="A70" s="5">
        <v>54</v>
      </c>
      <c r="B70" s="22">
        <v>57</v>
      </c>
      <c r="C70" s="14">
        <v>41</v>
      </c>
      <c r="D70" s="18">
        <v>98</v>
      </c>
    </row>
    <row r="71" spans="1:4" ht="18" customHeight="1" x14ac:dyDescent="0.15">
      <c r="A71" s="5" t="s">
        <v>22</v>
      </c>
      <c r="B71" s="22">
        <v>220</v>
      </c>
      <c r="C71" s="14">
        <v>205</v>
      </c>
      <c r="D71" s="18">
        <v>425</v>
      </c>
    </row>
    <row r="72" spans="1:4" ht="18" customHeight="1" x14ac:dyDescent="0.15">
      <c r="A72" s="5">
        <v>55</v>
      </c>
      <c r="B72" s="22">
        <v>53</v>
      </c>
      <c r="C72" s="14">
        <v>38</v>
      </c>
      <c r="D72" s="18">
        <v>91</v>
      </c>
    </row>
    <row r="73" spans="1:4" ht="18" customHeight="1" x14ac:dyDescent="0.15">
      <c r="A73" s="5">
        <v>56</v>
      </c>
      <c r="B73" s="22">
        <v>47</v>
      </c>
      <c r="C73" s="14">
        <v>50</v>
      </c>
      <c r="D73" s="18">
        <v>97</v>
      </c>
    </row>
    <row r="74" spans="1:4" ht="18" customHeight="1" x14ac:dyDescent="0.15">
      <c r="A74" s="5">
        <v>57</v>
      </c>
      <c r="B74" s="22">
        <v>50</v>
      </c>
      <c r="C74" s="14">
        <v>31</v>
      </c>
      <c r="D74" s="18">
        <v>81</v>
      </c>
    </row>
    <row r="75" spans="1:4" ht="18" customHeight="1" x14ac:dyDescent="0.15">
      <c r="A75" s="5">
        <v>58</v>
      </c>
      <c r="B75" s="22">
        <v>55</v>
      </c>
      <c r="C75" s="14">
        <v>52</v>
      </c>
      <c r="D75" s="18">
        <v>107</v>
      </c>
    </row>
    <row r="76" spans="1:4" ht="18" customHeight="1" x14ac:dyDescent="0.15">
      <c r="A76" s="5">
        <v>59</v>
      </c>
      <c r="B76" s="22">
        <v>23</v>
      </c>
      <c r="C76" s="14">
        <v>34</v>
      </c>
      <c r="D76" s="18">
        <v>57</v>
      </c>
    </row>
    <row r="77" spans="1:4" ht="18" customHeight="1" x14ac:dyDescent="0.15">
      <c r="A77" s="5" t="s">
        <v>27</v>
      </c>
      <c r="B77" s="22">
        <v>228</v>
      </c>
      <c r="C77" s="14">
        <v>205</v>
      </c>
      <c r="D77" s="18">
        <v>433</v>
      </c>
    </row>
    <row r="78" spans="1:4" ht="18" customHeight="1" x14ac:dyDescent="0.15">
      <c r="A78" s="5">
        <v>60</v>
      </c>
      <c r="B78" s="22">
        <v>47</v>
      </c>
      <c r="C78" s="14">
        <v>62</v>
      </c>
      <c r="D78" s="18">
        <v>109</v>
      </c>
    </row>
    <row r="79" spans="1:4" ht="18" customHeight="1" x14ac:dyDescent="0.15">
      <c r="A79" s="5">
        <v>61</v>
      </c>
      <c r="B79" s="22">
        <v>38</v>
      </c>
      <c r="C79" s="14">
        <v>39</v>
      </c>
      <c r="D79" s="18">
        <v>77</v>
      </c>
    </row>
    <row r="80" spans="1:4" ht="18" customHeight="1" x14ac:dyDescent="0.15">
      <c r="A80" s="5">
        <v>62</v>
      </c>
      <c r="B80" s="22">
        <v>46</v>
      </c>
      <c r="C80" s="14">
        <v>44</v>
      </c>
      <c r="D80" s="18">
        <v>90</v>
      </c>
    </row>
    <row r="81" spans="1:4" ht="18" customHeight="1" x14ac:dyDescent="0.15">
      <c r="A81" s="5">
        <v>63</v>
      </c>
      <c r="B81" s="22">
        <v>46</v>
      </c>
      <c r="C81" s="14">
        <v>37</v>
      </c>
      <c r="D81" s="18">
        <v>83</v>
      </c>
    </row>
    <row r="82" spans="1:4" ht="18" customHeight="1" x14ac:dyDescent="0.15">
      <c r="A82" s="5">
        <v>64</v>
      </c>
      <c r="B82" s="22">
        <v>36</v>
      </c>
      <c r="C82" s="14">
        <v>36</v>
      </c>
      <c r="D82" s="18">
        <v>72</v>
      </c>
    </row>
    <row r="83" spans="1:4" ht="18" customHeight="1" x14ac:dyDescent="0.15">
      <c r="A83" s="5" t="s">
        <v>28</v>
      </c>
      <c r="B83" s="22">
        <v>213</v>
      </c>
      <c r="C83" s="14">
        <v>218</v>
      </c>
      <c r="D83" s="18">
        <v>431</v>
      </c>
    </row>
    <row r="84" spans="1:4" ht="18" customHeight="1" x14ac:dyDescent="0.15">
      <c r="A84" s="5" t="s">
        <v>31</v>
      </c>
      <c r="B84" s="22">
        <v>1684</v>
      </c>
      <c r="C84" s="14">
        <v>1482</v>
      </c>
      <c r="D84" s="18">
        <v>3166</v>
      </c>
    </row>
    <row r="85" spans="1:4" ht="18" customHeight="1" x14ac:dyDescent="0.15">
      <c r="A85" s="5">
        <v>65</v>
      </c>
      <c r="B85" s="22">
        <v>31</v>
      </c>
      <c r="C85" s="14">
        <v>43</v>
      </c>
      <c r="D85" s="18">
        <v>74</v>
      </c>
    </row>
    <row r="86" spans="1:4" ht="18" customHeight="1" x14ac:dyDescent="0.15">
      <c r="A86" s="5">
        <v>66</v>
      </c>
      <c r="B86" s="22">
        <v>44</v>
      </c>
      <c r="C86" s="14">
        <v>36</v>
      </c>
      <c r="D86" s="18">
        <v>80</v>
      </c>
    </row>
    <row r="87" spans="1:4" ht="18" customHeight="1" x14ac:dyDescent="0.15">
      <c r="A87" s="5">
        <v>67</v>
      </c>
      <c r="B87" s="22">
        <v>38</v>
      </c>
      <c r="C87" s="14">
        <v>45</v>
      </c>
      <c r="D87" s="18">
        <v>83</v>
      </c>
    </row>
    <row r="88" spans="1:4" ht="18" customHeight="1" x14ac:dyDescent="0.15">
      <c r="A88" s="5">
        <v>68</v>
      </c>
      <c r="B88" s="22">
        <v>37</v>
      </c>
      <c r="C88" s="14">
        <v>33</v>
      </c>
      <c r="D88" s="18">
        <v>70</v>
      </c>
    </row>
    <row r="89" spans="1:4" ht="18" customHeight="1" x14ac:dyDescent="0.15">
      <c r="A89" s="5">
        <v>69</v>
      </c>
      <c r="B89" s="22">
        <v>38</v>
      </c>
      <c r="C89" s="14">
        <v>45</v>
      </c>
      <c r="D89" s="18">
        <v>83</v>
      </c>
    </row>
    <row r="90" spans="1:4" ht="18" customHeight="1" x14ac:dyDescent="0.15">
      <c r="A90" s="5" t="s">
        <v>20</v>
      </c>
      <c r="B90" s="22">
        <v>188</v>
      </c>
      <c r="C90" s="14">
        <v>202</v>
      </c>
      <c r="D90" s="18">
        <v>390</v>
      </c>
    </row>
    <row r="91" spans="1:4" ht="18" customHeight="1" x14ac:dyDescent="0.15">
      <c r="A91" s="5">
        <v>70</v>
      </c>
      <c r="B91" s="22">
        <v>45</v>
      </c>
      <c r="C91" s="14">
        <v>34</v>
      </c>
      <c r="D91" s="18">
        <v>79</v>
      </c>
    </row>
    <row r="92" spans="1:4" ht="18" customHeight="1" x14ac:dyDescent="0.15">
      <c r="A92" s="5">
        <v>71</v>
      </c>
      <c r="B92" s="22">
        <v>18</v>
      </c>
      <c r="C92" s="14">
        <v>41</v>
      </c>
      <c r="D92" s="18">
        <v>59</v>
      </c>
    </row>
    <row r="93" spans="1:4" ht="18" customHeight="1" x14ac:dyDescent="0.15">
      <c r="A93" s="5">
        <v>72</v>
      </c>
      <c r="B93" s="22">
        <v>29</v>
      </c>
      <c r="C93" s="14">
        <v>37</v>
      </c>
      <c r="D93" s="18">
        <v>66</v>
      </c>
    </row>
    <row r="94" spans="1:4" ht="18" customHeight="1" x14ac:dyDescent="0.15">
      <c r="A94" s="5">
        <v>73</v>
      </c>
      <c r="B94" s="22">
        <v>42</v>
      </c>
      <c r="C94" s="14">
        <v>44</v>
      </c>
      <c r="D94" s="18">
        <v>86</v>
      </c>
    </row>
    <row r="95" spans="1:4" ht="18" customHeight="1" x14ac:dyDescent="0.15">
      <c r="A95" s="5">
        <v>74</v>
      </c>
      <c r="B95" s="22">
        <v>33</v>
      </c>
      <c r="C95" s="14">
        <v>42</v>
      </c>
      <c r="D95" s="18">
        <v>75</v>
      </c>
    </row>
    <row r="96" spans="1:4" ht="18" customHeight="1" x14ac:dyDescent="0.15">
      <c r="A96" s="5" t="s">
        <v>33</v>
      </c>
      <c r="B96" s="22">
        <v>167</v>
      </c>
      <c r="C96" s="14">
        <v>198</v>
      </c>
      <c r="D96" s="18">
        <v>365</v>
      </c>
    </row>
    <row r="97" spans="1:4" ht="18" customHeight="1" x14ac:dyDescent="0.15">
      <c r="A97" s="5">
        <v>75</v>
      </c>
      <c r="B97" s="22">
        <v>34</v>
      </c>
      <c r="C97" s="14">
        <v>48</v>
      </c>
      <c r="D97" s="18">
        <v>82</v>
      </c>
    </row>
    <row r="98" spans="1:4" ht="18" customHeight="1" x14ac:dyDescent="0.15">
      <c r="A98" s="5">
        <v>76</v>
      </c>
      <c r="B98" s="22">
        <v>52</v>
      </c>
      <c r="C98" s="14">
        <v>50</v>
      </c>
      <c r="D98" s="18">
        <v>102</v>
      </c>
    </row>
    <row r="99" spans="1:4" ht="18" customHeight="1" x14ac:dyDescent="0.15">
      <c r="A99" s="5">
        <v>77</v>
      </c>
      <c r="B99" s="22">
        <v>57</v>
      </c>
      <c r="C99" s="14">
        <v>56</v>
      </c>
      <c r="D99" s="18">
        <v>113</v>
      </c>
    </row>
    <row r="100" spans="1:4" ht="18" customHeight="1" x14ac:dyDescent="0.15">
      <c r="A100" s="5">
        <v>78</v>
      </c>
      <c r="B100" s="22">
        <v>48</v>
      </c>
      <c r="C100" s="14">
        <v>70</v>
      </c>
      <c r="D100" s="18">
        <v>118</v>
      </c>
    </row>
    <row r="101" spans="1:4" ht="18" customHeight="1" x14ac:dyDescent="0.15">
      <c r="A101" s="5">
        <v>79</v>
      </c>
      <c r="B101" s="22">
        <v>21</v>
      </c>
      <c r="C101" s="14">
        <v>40</v>
      </c>
      <c r="D101" s="18">
        <v>61</v>
      </c>
    </row>
    <row r="102" spans="1:4" ht="18" customHeight="1" x14ac:dyDescent="0.15">
      <c r="A102" s="5" t="s">
        <v>0</v>
      </c>
      <c r="B102" s="22">
        <v>212</v>
      </c>
      <c r="C102" s="14">
        <v>264</v>
      </c>
      <c r="D102" s="18">
        <v>476</v>
      </c>
    </row>
    <row r="103" spans="1:4" ht="18" customHeight="1" x14ac:dyDescent="0.15">
      <c r="A103" s="5">
        <v>80</v>
      </c>
      <c r="B103" s="22">
        <v>30</v>
      </c>
      <c r="C103" s="14">
        <v>37</v>
      </c>
      <c r="D103" s="18">
        <v>67</v>
      </c>
    </row>
    <row r="104" spans="1:4" ht="18" customHeight="1" x14ac:dyDescent="0.15">
      <c r="A104" s="5">
        <v>81</v>
      </c>
      <c r="B104" s="22">
        <v>32</v>
      </c>
      <c r="C104" s="14">
        <v>47</v>
      </c>
      <c r="D104" s="18">
        <v>79</v>
      </c>
    </row>
    <row r="105" spans="1:4" ht="18" customHeight="1" x14ac:dyDescent="0.15">
      <c r="A105" s="5">
        <v>82</v>
      </c>
      <c r="B105" s="22">
        <v>19</v>
      </c>
      <c r="C105" s="14">
        <v>54</v>
      </c>
      <c r="D105" s="18">
        <v>73</v>
      </c>
    </row>
    <row r="106" spans="1:4" ht="18" customHeight="1" x14ac:dyDescent="0.15">
      <c r="A106" s="5">
        <v>83</v>
      </c>
      <c r="B106" s="22">
        <v>36</v>
      </c>
      <c r="C106" s="14">
        <v>44</v>
      </c>
      <c r="D106" s="18">
        <v>80</v>
      </c>
    </row>
    <row r="107" spans="1:4" ht="18" customHeight="1" x14ac:dyDescent="0.15">
      <c r="A107" s="5">
        <v>84</v>
      </c>
      <c r="B107" s="22">
        <v>27</v>
      </c>
      <c r="C107" s="14">
        <v>48</v>
      </c>
      <c r="D107" s="18">
        <v>75</v>
      </c>
    </row>
    <row r="108" spans="1:4" ht="18" customHeight="1" x14ac:dyDescent="0.15">
      <c r="A108" s="5" t="s">
        <v>35</v>
      </c>
      <c r="B108" s="22">
        <v>144</v>
      </c>
      <c r="C108" s="14">
        <v>230</v>
      </c>
      <c r="D108" s="18">
        <v>374</v>
      </c>
    </row>
    <row r="109" spans="1:4" ht="18" customHeight="1" x14ac:dyDescent="0.15">
      <c r="A109" s="5">
        <v>85</v>
      </c>
      <c r="B109" s="22">
        <v>27</v>
      </c>
      <c r="C109" s="14">
        <v>40</v>
      </c>
      <c r="D109" s="18">
        <v>67</v>
      </c>
    </row>
    <row r="110" spans="1:4" ht="18" customHeight="1" x14ac:dyDescent="0.15">
      <c r="A110" s="5">
        <v>86</v>
      </c>
      <c r="B110" s="22">
        <v>20</v>
      </c>
      <c r="C110" s="14">
        <v>28</v>
      </c>
      <c r="D110" s="18">
        <v>48</v>
      </c>
    </row>
    <row r="111" spans="1:4" ht="18" customHeight="1" x14ac:dyDescent="0.15">
      <c r="A111" s="5">
        <v>87</v>
      </c>
      <c r="B111" s="22">
        <v>10</v>
      </c>
      <c r="C111" s="14">
        <v>34</v>
      </c>
      <c r="D111" s="18">
        <v>44</v>
      </c>
    </row>
    <row r="112" spans="1:4" ht="18" customHeight="1" x14ac:dyDescent="0.15">
      <c r="A112" s="5">
        <v>88</v>
      </c>
      <c r="B112" s="22">
        <v>18</v>
      </c>
      <c r="C112" s="14">
        <v>23</v>
      </c>
      <c r="D112" s="18">
        <v>41</v>
      </c>
    </row>
    <row r="113" spans="1:4" ht="18" customHeight="1" x14ac:dyDescent="0.15">
      <c r="A113" s="5">
        <v>89</v>
      </c>
      <c r="B113" s="22">
        <v>14</v>
      </c>
      <c r="C113" s="14">
        <v>35</v>
      </c>
      <c r="D113" s="18">
        <v>49</v>
      </c>
    </row>
    <row r="114" spans="1:4" ht="18" customHeight="1" x14ac:dyDescent="0.15">
      <c r="A114" s="5" t="s">
        <v>37</v>
      </c>
      <c r="B114" s="22">
        <v>89</v>
      </c>
      <c r="C114" s="14">
        <v>160</v>
      </c>
      <c r="D114" s="18">
        <v>249</v>
      </c>
    </row>
    <row r="115" spans="1:4" ht="18" customHeight="1" x14ac:dyDescent="0.15">
      <c r="A115" s="5">
        <v>90</v>
      </c>
      <c r="B115" s="22">
        <v>16</v>
      </c>
      <c r="C115" s="14">
        <v>28</v>
      </c>
      <c r="D115" s="18">
        <v>44</v>
      </c>
    </row>
    <row r="116" spans="1:4" ht="18" customHeight="1" x14ac:dyDescent="0.15">
      <c r="A116" s="5">
        <v>91</v>
      </c>
      <c r="B116" s="22">
        <v>11</v>
      </c>
      <c r="C116" s="14">
        <v>26</v>
      </c>
      <c r="D116" s="18">
        <v>37</v>
      </c>
    </row>
    <row r="117" spans="1:4" ht="18" customHeight="1" x14ac:dyDescent="0.15">
      <c r="A117" s="5">
        <v>92</v>
      </c>
      <c r="B117" s="22">
        <v>7</v>
      </c>
      <c r="C117" s="14">
        <v>34</v>
      </c>
      <c r="D117" s="18">
        <v>41</v>
      </c>
    </row>
    <row r="118" spans="1:4" ht="18" customHeight="1" x14ac:dyDescent="0.15">
      <c r="A118" s="5">
        <v>93</v>
      </c>
      <c r="B118" s="22">
        <v>4</v>
      </c>
      <c r="C118" s="14">
        <v>14</v>
      </c>
      <c r="D118" s="18">
        <v>18</v>
      </c>
    </row>
    <row r="119" spans="1:4" ht="18" customHeight="1" x14ac:dyDescent="0.15">
      <c r="A119" s="5">
        <v>94</v>
      </c>
      <c r="B119" s="22">
        <v>3</v>
      </c>
      <c r="C119" s="14">
        <v>17</v>
      </c>
      <c r="D119" s="18">
        <v>20</v>
      </c>
    </row>
    <row r="120" spans="1:4" ht="18" customHeight="1" x14ac:dyDescent="0.15">
      <c r="A120" s="5" t="s">
        <v>39</v>
      </c>
      <c r="B120" s="22">
        <v>41</v>
      </c>
      <c r="C120" s="14">
        <v>119</v>
      </c>
      <c r="D120" s="18">
        <v>160</v>
      </c>
    </row>
    <row r="121" spans="1:4" ht="18" customHeight="1" x14ac:dyDescent="0.15">
      <c r="A121" s="5">
        <v>95</v>
      </c>
      <c r="B121" s="22">
        <v>3</v>
      </c>
      <c r="C121" s="14">
        <v>15</v>
      </c>
      <c r="D121" s="18">
        <v>18</v>
      </c>
    </row>
    <row r="122" spans="1:4" ht="18" customHeight="1" x14ac:dyDescent="0.15">
      <c r="A122" s="5">
        <v>96</v>
      </c>
      <c r="B122" s="22">
        <v>1</v>
      </c>
      <c r="C122" s="14">
        <v>15</v>
      </c>
      <c r="D122" s="18">
        <v>16</v>
      </c>
    </row>
    <row r="123" spans="1:4" ht="18" customHeight="1" x14ac:dyDescent="0.15">
      <c r="A123" s="5">
        <v>97</v>
      </c>
      <c r="B123" s="22">
        <v>3</v>
      </c>
      <c r="C123" s="14">
        <v>2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8</v>
      </c>
      <c r="C126" s="14">
        <v>43</v>
      </c>
      <c r="D126" s="18">
        <v>51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8</v>
      </c>
      <c r="D129" s="18">
        <v>10</v>
      </c>
    </row>
    <row r="130" spans="1:4" ht="18" customHeight="1" x14ac:dyDescent="0.15">
      <c r="A130" s="5" t="s">
        <v>46</v>
      </c>
      <c r="B130" s="22">
        <v>851</v>
      </c>
      <c r="C130" s="14">
        <v>1224</v>
      </c>
      <c r="D130" s="18">
        <v>2075</v>
      </c>
    </row>
    <row r="131" spans="1:4" ht="18" customHeight="1" x14ac:dyDescent="0.15">
      <c r="A131" s="7" t="s">
        <v>45</v>
      </c>
      <c r="B131" s="23">
        <v>2769</v>
      </c>
      <c r="C131" s="15">
        <v>2932</v>
      </c>
      <c r="D131" s="19">
        <v>57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0</v>
      </c>
      <c r="D13" s="18">
        <v>2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2</v>
      </c>
      <c r="C16" s="14">
        <v>1</v>
      </c>
      <c r="D16" s="18">
        <v>3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2</v>
      </c>
      <c r="C20" s="14">
        <v>0</v>
      </c>
      <c r="D20" s="18">
        <v>2</v>
      </c>
    </row>
    <row r="21" spans="1:4" ht="18" customHeight="1" x14ac:dyDescent="0.15">
      <c r="A21" s="5">
        <v>14</v>
      </c>
      <c r="B21" s="22">
        <v>2</v>
      </c>
      <c r="C21" s="14">
        <v>2</v>
      </c>
      <c r="D21" s="18">
        <v>4</v>
      </c>
    </row>
    <row r="22" spans="1:4" ht="18" customHeight="1" x14ac:dyDescent="0.15">
      <c r="A22" s="5" t="s">
        <v>12</v>
      </c>
      <c r="B22" s="22">
        <v>5</v>
      </c>
      <c r="C22" s="14">
        <v>4</v>
      </c>
      <c r="D22" s="18">
        <v>9</v>
      </c>
    </row>
    <row r="23" spans="1:4" ht="18" customHeight="1" x14ac:dyDescent="0.15">
      <c r="A23" s="5" t="s">
        <v>6</v>
      </c>
      <c r="B23" s="22">
        <v>7</v>
      </c>
      <c r="C23" s="14">
        <v>5</v>
      </c>
      <c r="D23" s="18">
        <v>12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1</v>
      </c>
      <c r="C25" s="14">
        <v>1</v>
      </c>
      <c r="D25" s="18">
        <v>2</v>
      </c>
    </row>
    <row r="26" spans="1:4" ht="18" customHeight="1" x14ac:dyDescent="0.15">
      <c r="A26" s="5">
        <v>17</v>
      </c>
      <c r="B26" s="22">
        <v>1</v>
      </c>
      <c r="C26" s="14">
        <v>3</v>
      </c>
      <c r="D26" s="18">
        <v>4</v>
      </c>
    </row>
    <row r="27" spans="1:4" ht="18" customHeight="1" x14ac:dyDescent="0.15">
      <c r="A27" s="5">
        <v>18</v>
      </c>
      <c r="B27" s="22">
        <v>2</v>
      </c>
      <c r="C27" s="14">
        <v>1</v>
      </c>
      <c r="D27" s="18">
        <v>3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7</v>
      </c>
      <c r="D29" s="18">
        <v>13</v>
      </c>
    </row>
    <row r="30" spans="1:4" ht="18" customHeight="1" x14ac:dyDescent="0.15">
      <c r="A30" s="5">
        <v>20</v>
      </c>
      <c r="B30" s="22">
        <v>1</v>
      </c>
      <c r="C30" s="14">
        <v>3</v>
      </c>
      <c r="D30" s="18">
        <v>4</v>
      </c>
    </row>
    <row r="31" spans="1:4" ht="18" customHeight="1" x14ac:dyDescent="0.15">
      <c r="A31" s="5">
        <v>21</v>
      </c>
      <c r="B31" s="22">
        <v>4</v>
      </c>
      <c r="C31" s="14">
        <v>1</v>
      </c>
      <c r="D31" s="18">
        <v>5</v>
      </c>
    </row>
    <row r="32" spans="1:4" ht="18" customHeight="1" x14ac:dyDescent="0.15">
      <c r="A32" s="5">
        <v>22</v>
      </c>
      <c r="B32" s="22">
        <v>2</v>
      </c>
      <c r="C32" s="14">
        <v>0</v>
      </c>
      <c r="D32" s="18">
        <v>2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10</v>
      </c>
      <c r="C35" s="14">
        <v>6</v>
      </c>
      <c r="D35" s="18">
        <v>16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0</v>
      </c>
      <c r="C39" s="14">
        <v>1</v>
      </c>
      <c r="D39" s="18">
        <v>1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7</v>
      </c>
      <c r="C41" s="14">
        <v>6</v>
      </c>
      <c r="D41" s="18">
        <v>13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1</v>
      </c>
      <c r="C43" s="14">
        <v>2</v>
      </c>
      <c r="D43" s="18">
        <v>3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0</v>
      </c>
      <c r="C45" s="14">
        <v>1</v>
      </c>
      <c r="D45" s="18">
        <v>1</v>
      </c>
    </row>
    <row r="46" spans="1:4" ht="18" customHeight="1" x14ac:dyDescent="0.15">
      <c r="A46" s="5">
        <v>34</v>
      </c>
      <c r="B46" s="22">
        <v>2</v>
      </c>
      <c r="C46" s="14">
        <v>1</v>
      </c>
      <c r="D46" s="18">
        <v>3</v>
      </c>
    </row>
    <row r="47" spans="1:4" ht="18" customHeight="1" x14ac:dyDescent="0.15">
      <c r="A47" s="5" t="s">
        <v>15</v>
      </c>
      <c r="B47" s="22">
        <v>6</v>
      </c>
      <c r="C47" s="14">
        <v>5</v>
      </c>
      <c r="D47" s="18">
        <v>11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1</v>
      </c>
      <c r="D49" s="18">
        <v>2</v>
      </c>
    </row>
    <row r="50" spans="1:4" ht="18" customHeight="1" x14ac:dyDescent="0.15">
      <c r="A50" s="5">
        <v>37</v>
      </c>
      <c r="B50" s="22">
        <v>3</v>
      </c>
      <c r="C50" s="14">
        <v>0</v>
      </c>
      <c r="D50" s="18">
        <v>3</v>
      </c>
    </row>
    <row r="51" spans="1:4" ht="18" customHeight="1" x14ac:dyDescent="0.15">
      <c r="A51" s="5">
        <v>38</v>
      </c>
      <c r="B51" s="22">
        <v>0</v>
      </c>
      <c r="C51" s="14">
        <v>2</v>
      </c>
      <c r="D51" s="18">
        <v>2</v>
      </c>
    </row>
    <row r="52" spans="1:4" ht="18" customHeight="1" x14ac:dyDescent="0.15">
      <c r="A52" s="5">
        <v>39</v>
      </c>
      <c r="B52" s="22">
        <v>4</v>
      </c>
      <c r="C52" s="14">
        <v>2</v>
      </c>
      <c r="D52" s="18">
        <v>6</v>
      </c>
    </row>
    <row r="53" spans="1:4" ht="18" customHeight="1" x14ac:dyDescent="0.15">
      <c r="A53" s="5" t="s">
        <v>18</v>
      </c>
      <c r="B53" s="22">
        <v>9</v>
      </c>
      <c r="C53" s="14">
        <v>5</v>
      </c>
      <c r="D53" s="18">
        <v>14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4</v>
      </c>
      <c r="C55" s="14">
        <v>0</v>
      </c>
      <c r="D55" s="18">
        <v>4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2</v>
      </c>
      <c r="C57" s="14">
        <v>2</v>
      </c>
      <c r="D57" s="18">
        <v>4</v>
      </c>
    </row>
    <row r="58" spans="1:4" ht="18" customHeight="1" x14ac:dyDescent="0.15">
      <c r="A58" s="5">
        <v>44</v>
      </c>
      <c r="B58" s="22">
        <v>2</v>
      </c>
      <c r="C58" s="14">
        <v>0</v>
      </c>
      <c r="D58" s="18">
        <v>2</v>
      </c>
    </row>
    <row r="59" spans="1:4" ht="18" customHeight="1" x14ac:dyDescent="0.15">
      <c r="A59" s="5" t="s">
        <v>21</v>
      </c>
      <c r="B59" s="22">
        <v>11</v>
      </c>
      <c r="C59" s="14">
        <v>4</v>
      </c>
      <c r="D59" s="18">
        <v>15</v>
      </c>
    </row>
    <row r="60" spans="1:4" ht="18" customHeight="1" x14ac:dyDescent="0.15">
      <c r="A60" s="5">
        <v>45</v>
      </c>
      <c r="B60" s="22">
        <v>6</v>
      </c>
      <c r="C60" s="14">
        <v>3</v>
      </c>
      <c r="D60" s="18">
        <v>9</v>
      </c>
    </row>
    <row r="61" spans="1:4" ht="18" customHeight="1" x14ac:dyDescent="0.15">
      <c r="A61" s="5">
        <v>46</v>
      </c>
      <c r="B61" s="22">
        <v>2</v>
      </c>
      <c r="C61" s="14">
        <v>1</v>
      </c>
      <c r="D61" s="18">
        <v>3</v>
      </c>
    </row>
    <row r="62" spans="1:4" ht="18" customHeight="1" x14ac:dyDescent="0.15">
      <c r="A62" s="5">
        <v>47</v>
      </c>
      <c r="B62" s="22">
        <v>3</v>
      </c>
      <c r="C62" s="14">
        <v>4</v>
      </c>
      <c r="D62" s="18">
        <v>7</v>
      </c>
    </row>
    <row r="63" spans="1:4" ht="18" customHeight="1" x14ac:dyDescent="0.15">
      <c r="A63" s="5">
        <v>48</v>
      </c>
      <c r="B63" s="22">
        <v>3</v>
      </c>
      <c r="C63" s="14">
        <v>4</v>
      </c>
      <c r="D63" s="18">
        <v>7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8</v>
      </c>
      <c r="C65" s="14">
        <v>14</v>
      </c>
      <c r="D65" s="18">
        <v>32</v>
      </c>
    </row>
    <row r="66" spans="1:4" ht="18" customHeight="1" x14ac:dyDescent="0.15">
      <c r="A66" s="5">
        <v>50</v>
      </c>
      <c r="B66" s="22">
        <v>7</v>
      </c>
      <c r="C66" s="14">
        <v>3</v>
      </c>
      <c r="D66" s="18">
        <v>10</v>
      </c>
    </row>
    <row r="67" spans="1:4" ht="18" customHeight="1" x14ac:dyDescent="0.15">
      <c r="A67" s="5">
        <v>51</v>
      </c>
      <c r="B67" s="22">
        <v>6</v>
      </c>
      <c r="C67" s="14">
        <v>6</v>
      </c>
      <c r="D67" s="18">
        <v>12</v>
      </c>
    </row>
    <row r="68" spans="1:4" ht="18" customHeight="1" x14ac:dyDescent="0.15">
      <c r="A68" s="5">
        <v>52</v>
      </c>
      <c r="B68" s="22">
        <v>5</v>
      </c>
      <c r="C68" s="14">
        <v>4</v>
      </c>
      <c r="D68" s="18">
        <v>9</v>
      </c>
    </row>
    <row r="69" spans="1:4" ht="18" customHeight="1" x14ac:dyDescent="0.15">
      <c r="A69" s="5">
        <v>53</v>
      </c>
      <c r="B69" s="22">
        <v>4</v>
      </c>
      <c r="C69" s="14">
        <v>1</v>
      </c>
      <c r="D69" s="18">
        <v>5</v>
      </c>
    </row>
    <row r="70" spans="1:4" ht="18" customHeight="1" x14ac:dyDescent="0.15">
      <c r="A70" s="5">
        <v>54</v>
      </c>
      <c r="B70" s="22">
        <v>3</v>
      </c>
      <c r="C70" s="14">
        <v>3</v>
      </c>
      <c r="D70" s="18">
        <v>6</v>
      </c>
    </row>
    <row r="71" spans="1:4" ht="18" customHeight="1" x14ac:dyDescent="0.15">
      <c r="A71" s="5" t="s">
        <v>22</v>
      </c>
      <c r="B71" s="22">
        <v>25</v>
      </c>
      <c r="C71" s="14">
        <v>17</v>
      </c>
      <c r="D71" s="18">
        <v>42</v>
      </c>
    </row>
    <row r="72" spans="1:4" ht="18" customHeight="1" x14ac:dyDescent="0.15">
      <c r="A72" s="5">
        <v>55</v>
      </c>
      <c r="B72" s="22">
        <v>2</v>
      </c>
      <c r="C72" s="14">
        <v>0</v>
      </c>
      <c r="D72" s="18">
        <v>2</v>
      </c>
    </row>
    <row r="73" spans="1:4" ht="18" customHeight="1" x14ac:dyDescent="0.15">
      <c r="A73" s="5">
        <v>56</v>
      </c>
      <c r="B73" s="22">
        <v>6</v>
      </c>
      <c r="C73" s="14">
        <v>3</v>
      </c>
      <c r="D73" s="18">
        <v>9</v>
      </c>
    </row>
    <row r="74" spans="1:4" ht="18" customHeight="1" x14ac:dyDescent="0.15">
      <c r="A74" s="5">
        <v>57</v>
      </c>
      <c r="B74" s="22">
        <v>2</v>
      </c>
      <c r="C74" s="14">
        <v>4</v>
      </c>
      <c r="D74" s="18">
        <v>6</v>
      </c>
    </row>
    <row r="75" spans="1:4" ht="18" customHeight="1" x14ac:dyDescent="0.15">
      <c r="A75" s="5">
        <v>58</v>
      </c>
      <c r="B75" s="22">
        <v>4</v>
      </c>
      <c r="C75" s="14">
        <v>3</v>
      </c>
      <c r="D75" s="18">
        <v>7</v>
      </c>
    </row>
    <row r="76" spans="1:4" ht="18" customHeight="1" x14ac:dyDescent="0.15">
      <c r="A76" s="5">
        <v>59</v>
      </c>
      <c r="B76" s="22">
        <v>0</v>
      </c>
      <c r="C76" s="14">
        <v>3</v>
      </c>
      <c r="D76" s="18">
        <v>3</v>
      </c>
    </row>
    <row r="77" spans="1:4" ht="18" customHeight="1" x14ac:dyDescent="0.15">
      <c r="A77" s="5" t="s">
        <v>27</v>
      </c>
      <c r="B77" s="22">
        <v>14</v>
      </c>
      <c r="C77" s="14">
        <v>13</v>
      </c>
      <c r="D77" s="18">
        <v>27</v>
      </c>
    </row>
    <row r="78" spans="1:4" ht="18" customHeight="1" x14ac:dyDescent="0.15">
      <c r="A78" s="5">
        <v>60</v>
      </c>
      <c r="B78" s="22">
        <v>4</v>
      </c>
      <c r="C78" s="14">
        <v>3</v>
      </c>
      <c r="D78" s="18">
        <v>7</v>
      </c>
    </row>
    <row r="79" spans="1:4" ht="18" customHeight="1" x14ac:dyDescent="0.15">
      <c r="A79" s="5">
        <v>61</v>
      </c>
      <c r="B79" s="22">
        <v>5</v>
      </c>
      <c r="C79" s="14">
        <v>5</v>
      </c>
      <c r="D79" s="18">
        <v>10</v>
      </c>
    </row>
    <row r="80" spans="1:4" ht="18" customHeight="1" x14ac:dyDescent="0.15">
      <c r="A80" s="5">
        <v>62</v>
      </c>
      <c r="B80" s="22">
        <v>3</v>
      </c>
      <c r="C80" s="14">
        <v>4</v>
      </c>
      <c r="D80" s="18">
        <v>7</v>
      </c>
    </row>
    <row r="81" spans="1:4" ht="18" customHeight="1" x14ac:dyDescent="0.15">
      <c r="A81" s="5">
        <v>63</v>
      </c>
      <c r="B81" s="22">
        <v>2</v>
      </c>
      <c r="C81" s="14">
        <v>3</v>
      </c>
      <c r="D81" s="18">
        <v>5</v>
      </c>
    </row>
    <row r="82" spans="1:4" ht="18" customHeight="1" x14ac:dyDescent="0.15">
      <c r="A82" s="5">
        <v>64</v>
      </c>
      <c r="B82" s="22">
        <v>6</v>
      </c>
      <c r="C82" s="14">
        <v>6</v>
      </c>
      <c r="D82" s="18">
        <v>12</v>
      </c>
    </row>
    <row r="83" spans="1:4" ht="18" customHeight="1" x14ac:dyDescent="0.15">
      <c r="A83" s="5" t="s">
        <v>28</v>
      </c>
      <c r="B83" s="22">
        <v>20</v>
      </c>
      <c r="C83" s="14">
        <v>21</v>
      </c>
      <c r="D83" s="18">
        <v>41</v>
      </c>
    </row>
    <row r="84" spans="1:4" ht="18" customHeight="1" x14ac:dyDescent="0.15">
      <c r="A84" s="5" t="s">
        <v>31</v>
      </c>
      <c r="B84" s="22">
        <v>126</v>
      </c>
      <c r="C84" s="14">
        <v>98</v>
      </c>
      <c r="D84" s="18">
        <v>224</v>
      </c>
    </row>
    <row r="85" spans="1:4" ht="18" customHeight="1" x14ac:dyDescent="0.15">
      <c r="A85" s="5">
        <v>65</v>
      </c>
      <c r="B85" s="22">
        <v>4</v>
      </c>
      <c r="C85" s="14">
        <v>5</v>
      </c>
      <c r="D85" s="18">
        <v>9</v>
      </c>
    </row>
    <row r="86" spans="1:4" ht="18" customHeight="1" x14ac:dyDescent="0.15">
      <c r="A86" s="5">
        <v>66</v>
      </c>
      <c r="B86" s="22">
        <v>3</v>
      </c>
      <c r="C86" s="14">
        <v>1</v>
      </c>
      <c r="D86" s="18">
        <v>4</v>
      </c>
    </row>
    <row r="87" spans="1:4" ht="18" customHeight="1" x14ac:dyDescent="0.15">
      <c r="A87" s="5">
        <v>67</v>
      </c>
      <c r="B87" s="22">
        <v>8</v>
      </c>
      <c r="C87" s="14">
        <v>9</v>
      </c>
      <c r="D87" s="18">
        <v>17</v>
      </c>
    </row>
    <row r="88" spans="1:4" ht="18" customHeight="1" x14ac:dyDescent="0.15">
      <c r="A88" s="5">
        <v>68</v>
      </c>
      <c r="B88" s="22">
        <v>10</v>
      </c>
      <c r="C88" s="14">
        <v>3</v>
      </c>
      <c r="D88" s="18">
        <v>13</v>
      </c>
    </row>
    <row r="89" spans="1:4" ht="18" customHeight="1" x14ac:dyDescent="0.15">
      <c r="A89" s="5">
        <v>69</v>
      </c>
      <c r="B89" s="22">
        <v>5</v>
      </c>
      <c r="C89" s="14">
        <v>7</v>
      </c>
      <c r="D89" s="18">
        <v>12</v>
      </c>
    </row>
    <row r="90" spans="1:4" ht="18" customHeight="1" x14ac:dyDescent="0.15">
      <c r="A90" s="5" t="s">
        <v>20</v>
      </c>
      <c r="B90" s="22">
        <v>30</v>
      </c>
      <c r="C90" s="14">
        <v>25</v>
      </c>
      <c r="D90" s="18">
        <v>55</v>
      </c>
    </row>
    <row r="91" spans="1:4" ht="18" customHeight="1" x14ac:dyDescent="0.15">
      <c r="A91" s="5">
        <v>70</v>
      </c>
      <c r="B91" s="22">
        <v>3</v>
      </c>
      <c r="C91" s="14">
        <v>10</v>
      </c>
      <c r="D91" s="18">
        <v>13</v>
      </c>
    </row>
    <row r="92" spans="1:4" ht="18" customHeight="1" x14ac:dyDescent="0.15">
      <c r="A92" s="5">
        <v>71</v>
      </c>
      <c r="B92" s="22">
        <v>10</v>
      </c>
      <c r="C92" s="14">
        <v>9</v>
      </c>
      <c r="D92" s="18">
        <v>19</v>
      </c>
    </row>
    <row r="93" spans="1:4" ht="18" customHeight="1" x14ac:dyDescent="0.15">
      <c r="A93" s="5">
        <v>72</v>
      </c>
      <c r="B93" s="22">
        <v>10</v>
      </c>
      <c r="C93" s="14">
        <v>10</v>
      </c>
      <c r="D93" s="18">
        <v>20</v>
      </c>
    </row>
    <row r="94" spans="1:4" ht="18" customHeight="1" x14ac:dyDescent="0.15">
      <c r="A94" s="5">
        <v>73</v>
      </c>
      <c r="B94" s="22">
        <v>10</v>
      </c>
      <c r="C94" s="14">
        <v>6</v>
      </c>
      <c r="D94" s="18">
        <v>16</v>
      </c>
    </row>
    <row r="95" spans="1:4" ht="18" customHeight="1" x14ac:dyDescent="0.15">
      <c r="A95" s="5">
        <v>74</v>
      </c>
      <c r="B95" s="22">
        <v>8</v>
      </c>
      <c r="C95" s="14">
        <v>4</v>
      </c>
      <c r="D95" s="18">
        <v>12</v>
      </c>
    </row>
    <row r="96" spans="1:4" ht="18" customHeight="1" x14ac:dyDescent="0.15">
      <c r="A96" s="5" t="s">
        <v>33</v>
      </c>
      <c r="B96" s="22">
        <v>41</v>
      </c>
      <c r="C96" s="14">
        <v>39</v>
      </c>
      <c r="D96" s="18">
        <v>80</v>
      </c>
    </row>
    <row r="97" spans="1:4" ht="18" customHeight="1" x14ac:dyDescent="0.15">
      <c r="A97" s="5">
        <v>75</v>
      </c>
      <c r="B97" s="22">
        <v>13</v>
      </c>
      <c r="C97" s="14">
        <v>5</v>
      </c>
      <c r="D97" s="18">
        <v>18</v>
      </c>
    </row>
    <row r="98" spans="1:4" ht="18" customHeight="1" x14ac:dyDescent="0.15">
      <c r="A98" s="5">
        <v>76</v>
      </c>
      <c r="B98" s="22">
        <v>9</v>
      </c>
      <c r="C98" s="14">
        <v>11</v>
      </c>
      <c r="D98" s="18">
        <v>20</v>
      </c>
    </row>
    <row r="99" spans="1:4" ht="18" customHeight="1" x14ac:dyDescent="0.15">
      <c r="A99" s="5">
        <v>77</v>
      </c>
      <c r="B99" s="22">
        <v>4</v>
      </c>
      <c r="C99" s="14">
        <v>10</v>
      </c>
      <c r="D99" s="18">
        <v>14</v>
      </c>
    </row>
    <row r="100" spans="1:4" ht="18" customHeight="1" x14ac:dyDescent="0.15">
      <c r="A100" s="5">
        <v>78</v>
      </c>
      <c r="B100" s="22">
        <v>6</v>
      </c>
      <c r="C100" s="14">
        <v>4</v>
      </c>
      <c r="D100" s="18">
        <v>10</v>
      </c>
    </row>
    <row r="101" spans="1:4" ht="18" customHeight="1" x14ac:dyDescent="0.15">
      <c r="A101" s="5">
        <v>79</v>
      </c>
      <c r="B101" s="22">
        <v>5</v>
      </c>
      <c r="C101" s="14">
        <v>8</v>
      </c>
      <c r="D101" s="18">
        <v>13</v>
      </c>
    </row>
    <row r="102" spans="1:4" ht="18" customHeight="1" x14ac:dyDescent="0.15">
      <c r="A102" s="5" t="s">
        <v>0</v>
      </c>
      <c r="B102" s="22">
        <v>37</v>
      </c>
      <c r="C102" s="14">
        <v>38</v>
      </c>
      <c r="D102" s="18">
        <v>75</v>
      </c>
    </row>
    <row r="103" spans="1:4" ht="18" customHeight="1" x14ac:dyDescent="0.15">
      <c r="A103" s="5">
        <v>80</v>
      </c>
      <c r="B103" s="22">
        <v>2</v>
      </c>
      <c r="C103" s="14">
        <v>3</v>
      </c>
      <c r="D103" s="18">
        <v>5</v>
      </c>
    </row>
    <row r="104" spans="1:4" ht="18" customHeight="1" x14ac:dyDescent="0.15">
      <c r="A104" s="5">
        <v>81</v>
      </c>
      <c r="B104" s="22">
        <v>4</v>
      </c>
      <c r="C104" s="14">
        <v>4</v>
      </c>
      <c r="D104" s="18">
        <v>8</v>
      </c>
    </row>
    <row r="105" spans="1:4" ht="18" customHeight="1" x14ac:dyDescent="0.15">
      <c r="A105" s="5">
        <v>82</v>
      </c>
      <c r="B105" s="22">
        <v>6</v>
      </c>
      <c r="C105" s="14">
        <v>6</v>
      </c>
      <c r="D105" s="18">
        <v>12</v>
      </c>
    </row>
    <row r="106" spans="1:4" ht="18" customHeight="1" x14ac:dyDescent="0.15">
      <c r="A106" s="5">
        <v>83</v>
      </c>
      <c r="B106" s="22">
        <v>3</v>
      </c>
      <c r="C106" s="14">
        <v>1</v>
      </c>
      <c r="D106" s="18">
        <v>4</v>
      </c>
    </row>
    <row r="107" spans="1:4" ht="18" customHeight="1" x14ac:dyDescent="0.15">
      <c r="A107" s="5">
        <v>84</v>
      </c>
      <c r="B107" s="22">
        <v>3</v>
      </c>
      <c r="C107" s="14">
        <v>8</v>
      </c>
      <c r="D107" s="18">
        <v>11</v>
      </c>
    </row>
    <row r="108" spans="1:4" ht="18" customHeight="1" x14ac:dyDescent="0.15">
      <c r="A108" s="5" t="s">
        <v>35</v>
      </c>
      <c r="B108" s="22">
        <v>18</v>
      </c>
      <c r="C108" s="14">
        <v>22</v>
      </c>
      <c r="D108" s="18">
        <v>40</v>
      </c>
    </row>
    <row r="109" spans="1:4" ht="18" customHeight="1" x14ac:dyDescent="0.15">
      <c r="A109" s="5">
        <v>85</v>
      </c>
      <c r="B109" s="22">
        <v>4</v>
      </c>
      <c r="C109" s="14">
        <v>4</v>
      </c>
      <c r="D109" s="18">
        <v>8</v>
      </c>
    </row>
    <row r="110" spans="1:4" ht="18" customHeight="1" x14ac:dyDescent="0.15">
      <c r="A110" s="5">
        <v>86</v>
      </c>
      <c r="B110" s="22">
        <v>4</v>
      </c>
      <c r="C110" s="14">
        <v>3</v>
      </c>
      <c r="D110" s="18">
        <v>7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2</v>
      </c>
      <c r="D112" s="18">
        <v>3</v>
      </c>
    </row>
    <row r="113" spans="1:4" ht="18" customHeight="1" x14ac:dyDescent="0.15">
      <c r="A113" s="5">
        <v>89</v>
      </c>
      <c r="B113" s="22">
        <v>1</v>
      </c>
      <c r="C113" s="14">
        <v>4</v>
      </c>
      <c r="D113" s="18">
        <v>5</v>
      </c>
    </row>
    <row r="114" spans="1:4" ht="18" customHeight="1" x14ac:dyDescent="0.15">
      <c r="A114" s="5" t="s">
        <v>37</v>
      </c>
      <c r="B114" s="22">
        <v>12</v>
      </c>
      <c r="C114" s="14">
        <v>18</v>
      </c>
      <c r="D114" s="18">
        <v>30</v>
      </c>
    </row>
    <row r="115" spans="1:4" ht="18" customHeight="1" x14ac:dyDescent="0.15">
      <c r="A115" s="5">
        <v>90</v>
      </c>
      <c r="B115" s="22">
        <v>0</v>
      </c>
      <c r="C115" s="14">
        <v>4</v>
      </c>
      <c r="D115" s="18">
        <v>4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1</v>
      </c>
      <c r="C117" s="14">
        <v>1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2</v>
      </c>
      <c r="C120" s="14">
        <v>15</v>
      </c>
      <c r="D120" s="18">
        <v>17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10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41</v>
      </c>
      <c r="C130" s="14">
        <v>170</v>
      </c>
      <c r="D130" s="18">
        <v>311</v>
      </c>
    </row>
    <row r="131" spans="1:4" ht="18" customHeight="1" x14ac:dyDescent="0.15">
      <c r="A131" s="7" t="s">
        <v>45</v>
      </c>
      <c r="B131" s="23">
        <v>274</v>
      </c>
      <c r="C131" s="15">
        <v>273</v>
      </c>
      <c r="D131" s="19">
        <v>5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0</v>
      </c>
      <c r="C22" s="14">
        <v>3</v>
      </c>
      <c r="D22" s="18">
        <v>3</v>
      </c>
    </row>
    <row r="23" spans="1:4" ht="18" customHeight="1" x14ac:dyDescent="0.15">
      <c r="A23" s="5" t="s">
        <v>6</v>
      </c>
      <c r="B23" s="22">
        <v>0</v>
      </c>
      <c r="C23" s="14">
        <v>3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1</v>
      </c>
      <c r="D34" s="18">
        <v>1</v>
      </c>
    </row>
    <row r="35" spans="1:4" ht="18" customHeight="1" x14ac:dyDescent="0.15">
      <c r="A35" s="5" t="s">
        <v>9</v>
      </c>
      <c r="B35" s="22">
        <v>1</v>
      </c>
      <c r="C35" s="14">
        <v>1</v>
      </c>
      <c r="D35" s="18">
        <v>2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0</v>
      </c>
      <c r="C46" s="14">
        <v>1</v>
      </c>
      <c r="D46" s="18">
        <v>1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2</v>
      </c>
      <c r="C53" s="14">
        <v>2</v>
      </c>
      <c r="D53" s="18">
        <v>4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1</v>
      </c>
      <c r="D56" s="18">
        <v>1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1</v>
      </c>
      <c r="D58" s="18">
        <v>1</v>
      </c>
    </row>
    <row r="59" spans="1:4" ht="18" customHeight="1" x14ac:dyDescent="0.15">
      <c r="A59" s="5" t="s">
        <v>21</v>
      </c>
      <c r="B59" s="22">
        <v>3</v>
      </c>
      <c r="C59" s="14">
        <v>2</v>
      </c>
      <c r="D59" s="18">
        <v>5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1</v>
      </c>
      <c r="C61" s="14">
        <v>0</v>
      </c>
      <c r="D61" s="18">
        <v>1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1</v>
      </c>
      <c r="D64" s="18">
        <v>1</v>
      </c>
    </row>
    <row r="65" spans="1:4" ht="18" customHeight="1" x14ac:dyDescent="0.15">
      <c r="A65" s="5" t="s">
        <v>17</v>
      </c>
      <c r="B65" s="22">
        <v>3</v>
      </c>
      <c r="C65" s="14">
        <v>1</v>
      </c>
      <c r="D65" s="18">
        <v>4</v>
      </c>
    </row>
    <row r="66" spans="1:4" ht="18" customHeight="1" x14ac:dyDescent="0.15">
      <c r="A66" s="5">
        <v>50</v>
      </c>
      <c r="B66" s="22">
        <v>0</v>
      </c>
      <c r="C66" s="14">
        <v>0</v>
      </c>
      <c r="D66" s="18">
        <v>0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0</v>
      </c>
      <c r="C71" s="14">
        <v>0</v>
      </c>
      <c r="D71" s="18">
        <v>0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1</v>
      </c>
      <c r="C75" s="14">
        <v>0</v>
      </c>
      <c r="D75" s="18">
        <v>1</v>
      </c>
    </row>
    <row r="76" spans="1:4" ht="18" customHeight="1" x14ac:dyDescent="0.15">
      <c r="A76" s="5">
        <v>59</v>
      </c>
      <c r="B76" s="22">
        <v>1</v>
      </c>
      <c r="C76" s="14">
        <v>2</v>
      </c>
      <c r="D76" s="18">
        <v>3</v>
      </c>
    </row>
    <row r="77" spans="1:4" ht="18" customHeight="1" x14ac:dyDescent="0.15">
      <c r="A77" s="5" t="s">
        <v>27</v>
      </c>
      <c r="B77" s="22">
        <v>2</v>
      </c>
      <c r="C77" s="14">
        <v>4</v>
      </c>
      <c r="D77" s="18">
        <v>6</v>
      </c>
    </row>
    <row r="78" spans="1:4" ht="18" customHeight="1" x14ac:dyDescent="0.15">
      <c r="A78" s="5">
        <v>60</v>
      </c>
      <c r="B78" s="22">
        <v>1</v>
      </c>
      <c r="C78" s="14">
        <v>1</v>
      </c>
      <c r="D78" s="18">
        <v>2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0</v>
      </c>
      <c r="D81" s="18">
        <v>1</v>
      </c>
    </row>
    <row r="82" spans="1:4" ht="18" customHeight="1" x14ac:dyDescent="0.15">
      <c r="A82" s="5">
        <v>64</v>
      </c>
      <c r="B82" s="22">
        <v>2</v>
      </c>
      <c r="C82" s="14">
        <v>1</v>
      </c>
      <c r="D82" s="18">
        <v>3</v>
      </c>
    </row>
    <row r="83" spans="1:4" ht="18" customHeight="1" x14ac:dyDescent="0.15">
      <c r="A83" s="5" t="s">
        <v>28</v>
      </c>
      <c r="B83" s="22">
        <v>5</v>
      </c>
      <c r="C83" s="14">
        <v>4</v>
      </c>
      <c r="D83" s="18">
        <v>9</v>
      </c>
    </row>
    <row r="84" spans="1:4" ht="18" customHeight="1" x14ac:dyDescent="0.15">
      <c r="A84" s="5" t="s">
        <v>31</v>
      </c>
      <c r="B84" s="22">
        <v>18</v>
      </c>
      <c r="C84" s="14">
        <v>15</v>
      </c>
      <c r="D84" s="18">
        <v>33</v>
      </c>
    </row>
    <row r="85" spans="1:4" ht="18" customHeight="1" x14ac:dyDescent="0.15">
      <c r="A85" s="5">
        <v>65</v>
      </c>
      <c r="B85" s="22">
        <v>1</v>
      </c>
      <c r="C85" s="14">
        <v>1</v>
      </c>
      <c r="D85" s="18">
        <v>2</v>
      </c>
    </row>
    <row r="86" spans="1:4" ht="18" customHeight="1" x14ac:dyDescent="0.15">
      <c r="A86" s="5">
        <v>66</v>
      </c>
      <c r="B86" s="22">
        <v>2</v>
      </c>
      <c r="C86" s="14">
        <v>0</v>
      </c>
      <c r="D86" s="18">
        <v>2</v>
      </c>
    </row>
    <row r="87" spans="1:4" ht="18" customHeight="1" x14ac:dyDescent="0.15">
      <c r="A87" s="5">
        <v>67</v>
      </c>
      <c r="B87" s="22">
        <v>1</v>
      </c>
      <c r="C87" s="14">
        <v>1</v>
      </c>
      <c r="D87" s="18">
        <v>2</v>
      </c>
    </row>
    <row r="88" spans="1:4" ht="18" customHeight="1" x14ac:dyDescent="0.15">
      <c r="A88" s="5">
        <v>68</v>
      </c>
      <c r="B88" s="22">
        <v>2</v>
      </c>
      <c r="C88" s="14">
        <v>2</v>
      </c>
      <c r="D88" s="18">
        <v>4</v>
      </c>
    </row>
    <row r="89" spans="1:4" ht="18" customHeight="1" x14ac:dyDescent="0.15">
      <c r="A89" s="5">
        <v>69</v>
      </c>
      <c r="B89" s="22">
        <v>0</v>
      </c>
      <c r="C89" s="14">
        <v>5</v>
      </c>
      <c r="D89" s="18">
        <v>5</v>
      </c>
    </row>
    <row r="90" spans="1:4" ht="18" customHeight="1" x14ac:dyDescent="0.15">
      <c r="A90" s="5" t="s">
        <v>20</v>
      </c>
      <c r="B90" s="22">
        <v>6</v>
      </c>
      <c r="C90" s="14">
        <v>9</v>
      </c>
      <c r="D90" s="18">
        <v>15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1</v>
      </c>
      <c r="C92" s="14">
        <v>1</v>
      </c>
      <c r="D92" s="18">
        <v>2</v>
      </c>
    </row>
    <row r="93" spans="1:4" ht="18" customHeight="1" x14ac:dyDescent="0.15">
      <c r="A93" s="5">
        <v>72</v>
      </c>
      <c r="B93" s="22">
        <v>1</v>
      </c>
      <c r="C93" s="14">
        <v>0</v>
      </c>
      <c r="D93" s="18">
        <v>1</v>
      </c>
    </row>
    <row r="94" spans="1:4" ht="18" customHeight="1" x14ac:dyDescent="0.15">
      <c r="A94" s="5">
        <v>73</v>
      </c>
      <c r="B94" s="22">
        <v>2</v>
      </c>
      <c r="C94" s="14">
        <v>1</v>
      </c>
      <c r="D94" s="18">
        <v>3</v>
      </c>
    </row>
    <row r="95" spans="1:4" ht="18" customHeight="1" x14ac:dyDescent="0.15">
      <c r="A95" s="5">
        <v>74</v>
      </c>
      <c r="B95" s="22">
        <v>3</v>
      </c>
      <c r="C95" s="14">
        <v>1</v>
      </c>
      <c r="D95" s="18">
        <v>4</v>
      </c>
    </row>
    <row r="96" spans="1:4" ht="18" customHeight="1" x14ac:dyDescent="0.15">
      <c r="A96" s="5" t="s">
        <v>33</v>
      </c>
      <c r="B96" s="22">
        <v>7</v>
      </c>
      <c r="C96" s="14">
        <v>7</v>
      </c>
      <c r="D96" s="18">
        <v>14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5</v>
      </c>
      <c r="C98" s="14">
        <v>0</v>
      </c>
      <c r="D98" s="18">
        <v>5</v>
      </c>
    </row>
    <row r="99" spans="1:4" ht="18" customHeight="1" x14ac:dyDescent="0.15">
      <c r="A99" s="5">
        <v>77</v>
      </c>
      <c r="B99" s="22">
        <v>3</v>
      </c>
      <c r="C99" s="14">
        <v>2</v>
      </c>
      <c r="D99" s="18">
        <v>5</v>
      </c>
    </row>
    <row r="100" spans="1:4" ht="18" customHeight="1" x14ac:dyDescent="0.15">
      <c r="A100" s="5">
        <v>78</v>
      </c>
      <c r="B100" s="22">
        <v>2</v>
      </c>
      <c r="C100" s="14">
        <v>3</v>
      </c>
      <c r="D100" s="18">
        <v>5</v>
      </c>
    </row>
    <row r="101" spans="1:4" ht="18" customHeight="1" x14ac:dyDescent="0.15">
      <c r="A101" s="5">
        <v>79</v>
      </c>
      <c r="B101" s="22">
        <v>0</v>
      </c>
      <c r="C101" s="14">
        <v>1</v>
      </c>
      <c r="D101" s="18">
        <v>1</v>
      </c>
    </row>
    <row r="102" spans="1:4" ht="18" customHeight="1" x14ac:dyDescent="0.15">
      <c r="A102" s="5" t="s">
        <v>0</v>
      </c>
      <c r="B102" s="22">
        <v>10</v>
      </c>
      <c r="C102" s="14">
        <v>6</v>
      </c>
      <c r="D102" s="18">
        <v>16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2</v>
      </c>
      <c r="C104" s="14">
        <v>1</v>
      </c>
      <c r="D104" s="18">
        <v>3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5</v>
      </c>
      <c r="D108" s="18">
        <v>8</v>
      </c>
    </row>
    <row r="109" spans="1:4" ht="18" customHeight="1" x14ac:dyDescent="0.15">
      <c r="A109" s="5">
        <v>85</v>
      </c>
      <c r="B109" s="22">
        <v>0</v>
      </c>
      <c r="C109" s="14">
        <v>2</v>
      </c>
      <c r="D109" s="18">
        <v>2</v>
      </c>
    </row>
    <row r="110" spans="1:4" ht="18" customHeight="1" x14ac:dyDescent="0.15">
      <c r="A110" s="5">
        <v>86</v>
      </c>
      <c r="B110" s="22">
        <v>1</v>
      </c>
      <c r="C110" s="14">
        <v>3</v>
      </c>
      <c r="D110" s="18">
        <v>4</v>
      </c>
    </row>
    <row r="111" spans="1:4" ht="18" customHeight="1" x14ac:dyDescent="0.15">
      <c r="A111" s="5">
        <v>87</v>
      </c>
      <c r="B111" s="22">
        <v>2</v>
      </c>
      <c r="C111" s="14">
        <v>2</v>
      </c>
      <c r="D111" s="18">
        <v>4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3</v>
      </c>
      <c r="C113" s="14">
        <v>2</v>
      </c>
      <c r="D113" s="18">
        <v>5</v>
      </c>
    </row>
    <row r="114" spans="1:4" ht="18" customHeight="1" x14ac:dyDescent="0.15">
      <c r="A114" s="5" t="s">
        <v>37</v>
      </c>
      <c r="B114" s="22">
        <v>7</v>
      </c>
      <c r="C114" s="14">
        <v>12</v>
      </c>
      <c r="D114" s="18">
        <v>19</v>
      </c>
    </row>
    <row r="115" spans="1:4" ht="18" customHeight="1" x14ac:dyDescent="0.15">
      <c r="A115" s="5">
        <v>90</v>
      </c>
      <c r="B115" s="22">
        <v>0</v>
      </c>
      <c r="C115" s="14">
        <v>2</v>
      </c>
      <c r="D115" s="18">
        <v>2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1</v>
      </c>
      <c r="C118" s="14">
        <v>0</v>
      </c>
      <c r="D118" s="18">
        <v>1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4</v>
      </c>
      <c r="D120" s="18">
        <v>5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34</v>
      </c>
      <c r="C130" s="14">
        <v>46</v>
      </c>
      <c r="D130" s="18">
        <v>80</v>
      </c>
    </row>
    <row r="131" spans="1:4" ht="18" customHeight="1" x14ac:dyDescent="0.15">
      <c r="A131" s="7" t="s">
        <v>45</v>
      </c>
      <c r="B131" s="23">
        <v>52</v>
      </c>
      <c r="C131" s="15">
        <v>64</v>
      </c>
      <c r="D131" s="19">
        <v>1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1</v>
      </c>
      <c r="C16" s="14">
        <v>0</v>
      </c>
      <c r="D16" s="18">
        <v>1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1</v>
      </c>
      <c r="C18" s="14">
        <v>0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1</v>
      </c>
      <c r="C21" s="14">
        <v>0</v>
      </c>
      <c r="D21" s="18">
        <v>1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0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0</v>
      </c>
      <c r="C35" s="14">
        <v>0</v>
      </c>
      <c r="D35" s="18">
        <v>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</v>
      </c>
      <c r="C47" s="14">
        <v>0</v>
      </c>
      <c r="D47" s="18">
        <v>1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1</v>
      </c>
      <c r="C53" s="14">
        <v>0</v>
      </c>
      <c r="D53" s="18">
        <v>1</v>
      </c>
    </row>
    <row r="54" spans="1:4" ht="18" customHeight="1" x14ac:dyDescent="0.15">
      <c r="A54" s="5">
        <v>40</v>
      </c>
      <c r="B54" s="22">
        <v>0</v>
      </c>
      <c r="C54" s="14">
        <v>0</v>
      </c>
      <c r="D54" s="18">
        <v>0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0</v>
      </c>
      <c r="D56" s="18">
        <v>0</v>
      </c>
    </row>
    <row r="57" spans="1:4" ht="18" customHeight="1" x14ac:dyDescent="0.15">
      <c r="A57" s="5">
        <v>43</v>
      </c>
      <c r="B57" s="22">
        <v>2</v>
      </c>
      <c r="C57" s="14">
        <v>0</v>
      </c>
      <c r="D57" s="18">
        <v>2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2</v>
      </c>
      <c r="C59" s="14">
        <v>0</v>
      </c>
      <c r="D59" s="18">
        <v>2</v>
      </c>
    </row>
    <row r="60" spans="1:4" ht="18" customHeight="1" x14ac:dyDescent="0.15">
      <c r="A60" s="5">
        <v>45</v>
      </c>
      <c r="B60" s="22">
        <v>0</v>
      </c>
      <c r="C60" s="14">
        <v>0</v>
      </c>
      <c r="D60" s="18">
        <v>0</v>
      </c>
    </row>
    <row r="61" spans="1:4" ht="18" customHeight="1" x14ac:dyDescent="0.15">
      <c r="A61" s="5">
        <v>46</v>
      </c>
      <c r="B61" s="22">
        <v>0</v>
      </c>
      <c r="C61" s="14">
        <v>0</v>
      </c>
      <c r="D61" s="18">
        <v>0</v>
      </c>
    </row>
    <row r="62" spans="1:4" ht="18" customHeight="1" x14ac:dyDescent="0.15">
      <c r="A62" s="5">
        <v>47</v>
      </c>
      <c r="B62" s="22">
        <v>0</v>
      </c>
      <c r="C62" s="14">
        <v>0</v>
      </c>
      <c r="D62" s="18">
        <v>0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0</v>
      </c>
      <c r="C65" s="14">
        <v>0</v>
      </c>
      <c r="D65" s="18">
        <v>0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1</v>
      </c>
      <c r="C68" s="14">
        <v>0</v>
      </c>
      <c r="D68" s="18">
        <v>1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1</v>
      </c>
      <c r="C70" s="14">
        <v>0</v>
      </c>
      <c r="D70" s="18">
        <v>1</v>
      </c>
    </row>
    <row r="71" spans="1:4" ht="18" customHeight="1" x14ac:dyDescent="0.15">
      <c r="A71" s="5" t="s">
        <v>22</v>
      </c>
      <c r="B71" s="22">
        <v>2</v>
      </c>
      <c r="C71" s="14">
        <v>1</v>
      </c>
      <c r="D71" s="18">
        <v>3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0</v>
      </c>
      <c r="D74" s="18">
        <v>0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1</v>
      </c>
      <c r="C77" s="14">
        <v>1</v>
      </c>
      <c r="D77" s="18">
        <v>2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0</v>
      </c>
      <c r="C79" s="14">
        <v>0</v>
      </c>
      <c r="D79" s="18">
        <v>0</v>
      </c>
    </row>
    <row r="80" spans="1:4" ht="18" customHeight="1" x14ac:dyDescent="0.15">
      <c r="A80" s="5">
        <v>62</v>
      </c>
      <c r="B80" s="22">
        <v>0</v>
      </c>
      <c r="C80" s="14">
        <v>0</v>
      </c>
      <c r="D80" s="18">
        <v>0</v>
      </c>
    </row>
    <row r="81" spans="1:4" ht="18" customHeight="1" x14ac:dyDescent="0.15">
      <c r="A81" s="5">
        <v>63</v>
      </c>
      <c r="B81" s="22">
        <v>0</v>
      </c>
      <c r="C81" s="14">
        <v>0</v>
      </c>
      <c r="D81" s="18">
        <v>0</v>
      </c>
    </row>
    <row r="82" spans="1:4" ht="18" customHeight="1" x14ac:dyDescent="0.15">
      <c r="A82" s="5">
        <v>64</v>
      </c>
      <c r="B82" s="22">
        <v>0</v>
      </c>
      <c r="C82" s="14">
        <v>0</v>
      </c>
      <c r="D82" s="18">
        <v>0</v>
      </c>
    </row>
    <row r="83" spans="1:4" ht="18" customHeight="1" x14ac:dyDescent="0.15">
      <c r="A83" s="5" t="s">
        <v>28</v>
      </c>
      <c r="B83" s="22">
        <v>0</v>
      </c>
      <c r="C83" s="14">
        <v>1</v>
      </c>
      <c r="D83" s="18">
        <v>1</v>
      </c>
    </row>
    <row r="84" spans="1:4" ht="18" customHeight="1" x14ac:dyDescent="0.15">
      <c r="A84" s="5" t="s">
        <v>31</v>
      </c>
      <c r="B84" s="22">
        <v>7</v>
      </c>
      <c r="C84" s="14">
        <v>3</v>
      </c>
      <c r="D84" s="18">
        <v>10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0</v>
      </c>
      <c r="C87" s="14">
        <v>2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0</v>
      </c>
      <c r="D89" s="18">
        <v>1</v>
      </c>
    </row>
    <row r="90" spans="1:4" ht="18" customHeight="1" x14ac:dyDescent="0.15">
      <c r="A90" s="5" t="s">
        <v>20</v>
      </c>
      <c r="B90" s="22">
        <v>3</v>
      </c>
      <c r="C90" s="14">
        <v>2</v>
      </c>
      <c r="D90" s="18">
        <v>5</v>
      </c>
    </row>
    <row r="91" spans="1:4" ht="18" customHeight="1" x14ac:dyDescent="0.15">
      <c r="A91" s="5">
        <v>70</v>
      </c>
      <c r="B91" s="22">
        <v>1</v>
      </c>
      <c r="C91" s="14">
        <v>0</v>
      </c>
      <c r="D91" s="18">
        <v>1</v>
      </c>
    </row>
    <row r="92" spans="1:4" ht="18" customHeight="1" x14ac:dyDescent="0.15">
      <c r="A92" s="5">
        <v>71</v>
      </c>
      <c r="B92" s="22">
        <v>0</v>
      </c>
      <c r="C92" s="14">
        <v>0</v>
      </c>
      <c r="D92" s="18">
        <v>0</v>
      </c>
    </row>
    <row r="93" spans="1:4" ht="18" customHeight="1" x14ac:dyDescent="0.15">
      <c r="A93" s="5">
        <v>72</v>
      </c>
      <c r="B93" s="22">
        <v>2</v>
      </c>
      <c r="C93" s="14">
        <v>0</v>
      </c>
      <c r="D93" s="18">
        <v>2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1</v>
      </c>
      <c r="C95" s="14">
        <v>0</v>
      </c>
      <c r="D95" s="18">
        <v>1</v>
      </c>
    </row>
    <row r="96" spans="1:4" ht="18" customHeight="1" x14ac:dyDescent="0.15">
      <c r="A96" s="5" t="s">
        <v>33</v>
      </c>
      <c r="B96" s="22">
        <v>5</v>
      </c>
      <c r="C96" s="14">
        <v>0</v>
      </c>
      <c r="D96" s="18">
        <v>5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0</v>
      </c>
      <c r="C98" s="14">
        <v>1</v>
      </c>
      <c r="D98" s="18">
        <v>1</v>
      </c>
    </row>
    <row r="99" spans="1:4" ht="18" customHeight="1" x14ac:dyDescent="0.15">
      <c r="A99" s="5">
        <v>77</v>
      </c>
      <c r="B99" s="22">
        <v>0</v>
      </c>
      <c r="C99" s="14">
        <v>0</v>
      </c>
      <c r="D99" s="18">
        <v>0</v>
      </c>
    </row>
    <row r="100" spans="1:4" ht="18" customHeight="1" x14ac:dyDescent="0.15">
      <c r="A100" s="5">
        <v>78</v>
      </c>
      <c r="B100" s="22">
        <v>1</v>
      </c>
      <c r="C100" s="14">
        <v>0</v>
      </c>
      <c r="D100" s="18">
        <v>1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2</v>
      </c>
      <c r="C102" s="14">
        <v>2</v>
      </c>
      <c r="D102" s="18">
        <v>4</v>
      </c>
    </row>
    <row r="103" spans="1:4" ht="18" customHeight="1" x14ac:dyDescent="0.15">
      <c r="A103" s="5">
        <v>80</v>
      </c>
      <c r="B103" s="22">
        <v>0</v>
      </c>
      <c r="C103" s="14">
        <v>0</v>
      </c>
      <c r="D103" s="18">
        <v>0</v>
      </c>
    </row>
    <row r="104" spans="1:4" ht="18" customHeight="1" x14ac:dyDescent="0.15">
      <c r="A104" s="5">
        <v>81</v>
      </c>
      <c r="B104" s="22">
        <v>0</v>
      </c>
      <c r="C104" s="14">
        <v>0</v>
      </c>
      <c r="D104" s="18">
        <v>0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1</v>
      </c>
      <c r="C106" s="14">
        <v>0</v>
      </c>
      <c r="D106" s="18">
        <v>1</v>
      </c>
    </row>
    <row r="107" spans="1:4" ht="18" customHeight="1" x14ac:dyDescent="0.15">
      <c r="A107" s="5">
        <v>84</v>
      </c>
      <c r="B107" s="22">
        <v>0</v>
      </c>
      <c r="C107" s="14">
        <v>0</v>
      </c>
      <c r="D107" s="18">
        <v>0</v>
      </c>
    </row>
    <row r="108" spans="1:4" ht="18" customHeight="1" x14ac:dyDescent="0.15">
      <c r="A108" s="5" t="s">
        <v>35</v>
      </c>
      <c r="B108" s="22">
        <v>1</v>
      </c>
      <c r="C108" s="14">
        <v>0</v>
      </c>
      <c r="D108" s="18">
        <v>1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1</v>
      </c>
      <c r="C110" s="14">
        <v>1</v>
      </c>
      <c r="D110" s="18">
        <v>2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2</v>
      </c>
      <c r="D112" s="18">
        <v>2</v>
      </c>
    </row>
    <row r="113" spans="1:4" ht="18" customHeight="1" x14ac:dyDescent="0.15">
      <c r="A113" s="5">
        <v>89</v>
      </c>
      <c r="B113" s="22">
        <v>1</v>
      </c>
      <c r="C113" s="14">
        <v>0</v>
      </c>
      <c r="D113" s="18">
        <v>1</v>
      </c>
    </row>
    <row r="114" spans="1:4" ht="18" customHeight="1" x14ac:dyDescent="0.15">
      <c r="A114" s="5" t="s">
        <v>37</v>
      </c>
      <c r="B114" s="22">
        <v>3</v>
      </c>
      <c r="C114" s="14">
        <v>4</v>
      </c>
      <c r="D114" s="18">
        <v>7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2</v>
      </c>
      <c r="D120" s="18">
        <v>4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0</v>
      </c>
      <c r="D126" s="18">
        <v>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6</v>
      </c>
      <c r="C130" s="14">
        <v>10</v>
      </c>
      <c r="D130" s="18">
        <v>26</v>
      </c>
    </row>
    <row r="131" spans="1:4" ht="18" customHeight="1" x14ac:dyDescent="0.15">
      <c r="A131" s="7" t="s">
        <v>45</v>
      </c>
      <c r="B131" s="23">
        <v>26</v>
      </c>
      <c r="C131" s="15">
        <v>13</v>
      </c>
      <c r="D131" s="19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1</v>
      </c>
      <c r="C5" s="29">
        <v>17</v>
      </c>
      <c r="D5" s="31">
        <v>38</v>
      </c>
    </row>
    <row r="6" spans="1:4" ht="18" customHeight="1" x14ac:dyDescent="0.15">
      <c r="A6" s="5">
        <v>1</v>
      </c>
      <c r="B6" s="27">
        <v>29</v>
      </c>
      <c r="C6" s="14">
        <v>32</v>
      </c>
      <c r="D6" s="18">
        <v>61</v>
      </c>
    </row>
    <row r="7" spans="1:4" ht="18" customHeight="1" x14ac:dyDescent="0.15">
      <c r="A7" s="5">
        <v>2</v>
      </c>
      <c r="B7" s="27">
        <v>35</v>
      </c>
      <c r="C7" s="14">
        <v>23</v>
      </c>
      <c r="D7" s="18">
        <v>58</v>
      </c>
    </row>
    <row r="8" spans="1:4" ht="18" customHeight="1" x14ac:dyDescent="0.15">
      <c r="A8" s="5">
        <v>3</v>
      </c>
      <c r="B8" s="27">
        <v>34</v>
      </c>
      <c r="C8" s="14">
        <v>29</v>
      </c>
      <c r="D8" s="18">
        <v>63</v>
      </c>
    </row>
    <row r="9" spans="1:4" ht="18" customHeight="1" x14ac:dyDescent="0.15">
      <c r="A9" s="5">
        <v>4</v>
      </c>
      <c r="B9" s="28">
        <v>41</v>
      </c>
      <c r="C9" s="30">
        <v>32</v>
      </c>
      <c r="D9" s="32">
        <v>73</v>
      </c>
    </row>
    <row r="10" spans="1:4" ht="18" customHeight="1" x14ac:dyDescent="0.15">
      <c r="A10" s="5" t="s">
        <v>7</v>
      </c>
      <c r="B10" s="22">
        <v>160</v>
      </c>
      <c r="C10" s="14">
        <v>133</v>
      </c>
      <c r="D10" s="18">
        <v>293</v>
      </c>
    </row>
    <row r="11" spans="1:4" ht="18" customHeight="1" x14ac:dyDescent="0.15">
      <c r="A11" s="5">
        <v>5</v>
      </c>
      <c r="B11" s="27">
        <v>35</v>
      </c>
      <c r="C11" s="14">
        <v>45</v>
      </c>
      <c r="D11" s="18">
        <v>80</v>
      </c>
    </row>
    <row r="12" spans="1:4" ht="18" customHeight="1" x14ac:dyDescent="0.15">
      <c r="A12" s="5">
        <v>6</v>
      </c>
      <c r="B12" s="27">
        <v>47</v>
      </c>
      <c r="C12" s="14">
        <v>50</v>
      </c>
      <c r="D12" s="18">
        <v>97</v>
      </c>
    </row>
    <row r="13" spans="1:4" ht="18" customHeight="1" x14ac:dyDescent="0.15">
      <c r="A13" s="5">
        <v>7</v>
      </c>
      <c r="B13" s="27">
        <v>39</v>
      </c>
      <c r="C13" s="14">
        <v>54</v>
      </c>
      <c r="D13" s="18">
        <v>93</v>
      </c>
    </row>
    <row r="14" spans="1:4" ht="18" customHeight="1" x14ac:dyDescent="0.15">
      <c r="A14" s="5">
        <v>8</v>
      </c>
      <c r="B14" s="27">
        <v>49</v>
      </c>
      <c r="C14" s="14">
        <v>62</v>
      </c>
      <c r="D14" s="18">
        <v>111</v>
      </c>
    </row>
    <row r="15" spans="1:4" ht="18" customHeight="1" x14ac:dyDescent="0.15">
      <c r="A15" s="5">
        <v>9</v>
      </c>
      <c r="B15" s="27">
        <v>51</v>
      </c>
      <c r="C15" s="14">
        <v>62</v>
      </c>
      <c r="D15" s="18">
        <v>113</v>
      </c>
    </row>
    <row r="16" spans="1:4" ht="18" customHeight="1" x14ac:dyDescent="0.15">
      <c r="A16" s="5" t="s">
        <v>11</v>
      </c>
      <c r="B16" s="22">
        <v>221</v>
      </c>
      <c r="C16" s="14">
        <v>273</v>
      </c>
      <c r="D16" s="18">
        <v>494</v>
      </c>
    </row>
    <row r="17" spans="1:4" ht="18" customHeight="1" x14ac:dyDescent="0.15">
      <c r="A17" s="5">
        <v>10</v>
      </c>
      <c r="B17" s="22">
        <v>54</v>
      </c>
      <c r="C17" s="14">
        <v>59</v>
      </c>
      <c r="D17" s="18">
        <v>113</v>
      </c>
    </row>
    <row r="18" spans="1:4" ht="18" customHeight="1" x14ac:dyDescent="0.15">
      <c r="A18" s="5">
        <v>11</v>
      </c>
      <c r="B18" s="22">
        <v>63</v>
      </c>
      <c r="C18" s="14">
        <v>69</v>
      </c>
      <c r="D18" s="18">
        <v>132</v>
      </c>
    </row>
    <row r="19" spans="1:4" ht="18" customHeight="1" x14ac:dyDescent="0.15">
      <c r="A19" s="5">
        <v>12</v>
      </c>
      <c r="B19" s="22">
        <v>72</v>
      </c>
      <c r="C19" s="14">
        <v>59</v>
      </c>
      <c r="D19" s="18">
        <v>131</v>
      </c>
    </row>
    <row r="20" spans="1:4" ht="18" customHeight="1" x14ac:dyDescent="0.15">
      <c r="A20" s="5">
        <v>13</v>
      </c>
      <c r="B20" s="22">
        <v>63</v>
      </c>
      <c r="C20" s="14">
        <v>61</v>
      </c>
      <c r="D20" s="18">
        <v>124</v>
      </c>
    </row>
    <row r="21" spans="1:4" ht="18" customHeight="1" x14ac:dyDescent="0.15">
      <c r="A21" s="5">
        <v>14</v>
      </c>
      <c r="B21" s="22">
        <v>61</v>
      </c>
      <c r="C21" s="14">
        <v>61</v>
      </c>
      <c r="D21" s="18">
        <v>122</v>
      </c>
    </row>
    <row r="22" spans="1:4" ht="18" customHeight="1" x14ac:dyDescent="0.15">
      <c r="A22" s="5" t="s">
        <v>12</v>
      </c>
      <c r="B22" s="22">
        <v>313</v>
      </c>
      <c r="C22" s="14">
        <v>309</v>
      </c>
      <c r="D22" s="18">
        <v>622</v>
      </c>
    </row>
    <row r="23" spans="1:4" ht="18" customHeight="1" x14ac:dyDescent="0.15">
      <c r="A23" s="5" t="s">
        <v>6</v>
      </c>
      <c r="B23" s="22">
        <v>694</v>
      </c>
      <c r="C23" s="14">
        <v>715</v>
      </c>
      <c r="D23" s="18">
        <v>1409</v>
      </c>
    </row>
    <row r="24" spans="1:4" ht="18" customHeight="1" x14ac:dyDescent="0.15">
      <c r="A24" s="5">
        <v>15</v>
      </c>
      <c r="B24" s="22">
        <v>55</v>
      </c>
      <c r="C24" s="14">
        <v>75</v>
      </c>
      <c r="D24" s="18">
        <v>130</v>
      </c>
    </row>
    <row r="25" spans="1:4" ht="18" customHeight="1" x14ac:dyDescent="0.15">
      <c r="A25" s="5">
        <v>16</v>
      </c>
      <c r="B25" s="22">
        <v>83</v>
      </c>
      <c r="C25" s="14">
        <v>77</v>
      </c>
      <c r="D25" s="18">
        <v>160</v>
      </c>
    </row>
    <row r="26" spans="1:4" ht="18" customHeight="1" x14ac:dyDescent="0.15">
      <c r="A26" s="5">
        <v>17</v>
      </c>
      <c r="B26" s="22">
        <v>83</v>
      </c>
      <c r="C26" s="14">
        <v>86</v>
      </c>
      <c r="D26" s="18">
        <v>169</v>
      </c>
    </row>
    <row r="27" spans="1:4" ht="18" customHeight="1" x14ac:dyDescent="0.15">
      <c r="A27" s="5">
        <v>18</v>
      </c>
      <c r="B27" s="22">
        <v>72</v>
      </c>
      <c r="C27" s="14">
        <v>60</v>
      </c>
      <c r="D27" s="18">
        <v>132</v>
      </c>
    </row>
    <row r="28" spans="1:4" ht="18" customHeight="1" x14ac:dyDescent="0.15">
      <c r="A28" s="5">
        <v>19</v>
      </c>
      <c r="B28" s="22">
        <v>91</v>
      </c>
      <c r="C28" s="14">
        <v>84</v>
      </c>
      <c r="D28" s="18">
        <v>175</v>
      </c>
    </row>
    <row r="29" spans="1:4" ht="18" customHeight="1" x14ac:dyDescent="0.15">
      <c r="A29" s="5" t="s">
        <v>14</v>
      </c>
      <c r="B29" s="22">
        <v>384</v>
      </c>
      <c r="C29" s="14">
        <v>382</v>
      </c>
      <c r="D29" s="18">
        <v>766</v>
      </c>
    </row>
    <row r="30" spans="1:4" ht="18" customHeight="1" x14ac:dyDescent="0.15">
      <c r="A30" s="5">
        <v>20</v>
      </c>
      <c r="B30" s="22">
        <v>71</v>
      </c>
      <c r="C30" s="14">
        <v>80</v>
      </c>
      <c r="D30" s="18">
        <v>151</v>
      </c>
    </row>
    <row r="31" spans="1:4" ht="18" customHeight="1" x14ac:dyDescent="0.15">
      <c r="A31" s="5">
        <v>21</v>
      </c>
      <c r="B31" s="22">
        <v>93</v>
      </c>
      <c r="C31" s="14">
        <v>87</v>
      </c>
      <c r="D31" s="18">
        <v>180</v>
      </c>
    </row>
    <row r="32" spans="1:4" ht="18" customHeight="1" x14ac:dyDescent="0.15">
      <c r="A32" s="5">
        <v>22</v>
      </c>
      <c r="B32" s="22">
        <v>73</v>
      </c>
      <c r="C32" s="14">
        <v>79</v>
      </c>
      <c r="D32" s="18">
        <v>152</v>
      </c>
    </row>
    <row r="33" spans="1:4" ht="18" customHeight="1" x14ac:dyDescent="0.15">
      <c r="A33" s="5">
        <v>23</v>
      </c>
      <c r="B33" s="22">
        <v>101</v>
      </c>
      <c r="C33" s="14">
        <v>80</v>
      </c>
      <c r="D33" s="18">
        <v>181</v>
      </c>
    </row>
    <row r="34" spans="1:4" ht="18" customHeight="1" x14ac:dyDescent="0.15">
      <c r="A34" s="5">
        <v>24</v>
      </c>
      <c r="B34" s="22">
        <v>92</v>
      </c>
      <c r="C34" s="14">
        <v>70</v>
      </c>
      <c r="D34" s="18">
        <v>162</v>
      </c>
    </row>
    <row r="35" spans="1:4" ht="18" customHeight="1" x14ac:dyDescent="0.15">
      <c r="A35" s="5" t="s">
        <v>9</v>
      </c>
      <c r="B35" s="22">
        <v>430</v>
      </c>
      <c r="C35" s="14">
        <v>396</v>
      </c>
      <c r="D35" s="18">
        <v>826</v>
      </c>
    </row>
    <row r="36" spans="1:4" ht="18" customHeight="1" x14ac:dyDescent="0.15">
      <c r="A36" s="5">
        <v>25</v>
      </c>
      <c r="B36" s="22">
        <v>88</v>
      </c>
      <c r="C36" s="14">
        <v>82</v>
      </c>
      <c r="D36" s="18">
        <v>170</v>
      </c>
    </row>
    <row r="37" spans="1:4" ht="18" customHeight="1" x14ac:dyDescent="0.15">
      <c r="A37" s="5">
        <v>26</v>
      </c>
      <c r="B37" s="22">
        <v>95</v>
      </c>
      <c r="C37" s="14">
        <v>75</v>
      </c>
      <c r="D37" s="18">
        <v>170</v>
      </c>
    </row>
    <row r="38" spans="1:4" ht="18" customHeight="1" x14ac:dyDescent="0.15">
      <c r="A38" s="5">
        <v>27</v>
      </c>
      <c r="B38" s="22">
        <v>104</v>
      </c>
      <c r="C38" s="14">
        <v>64</v>
      </c>
      <c r="D38" s="18">
        <v>168</v>
      </c>
    </row>
    <row r="39" spans="1:4" ht="18" customHeight="1" x14ac:dyDescent="0.15">
      <c r="A39" s="5">
        <v>28</v>
      </c>
      <c r="B39" s="22">
        <v>83</v>
      </c>
      <c r="C39" s="14">
        <v>58</v>
      </c>
      <c r="D39" s="18">
        <v>141</v>
      </c>
    </row>
    <row r="40" spans="1:4" ht="18" customHeight="1" x14ac:dyDescent="0.15">
      <c r="A40" s="5">
        <v>29</v>
      </c>
      <c r="B40" s="22">
        <v>75</v>
      </c>
      <c r="C40" s="14">
        <v>63</v>
      </c>
      <c r="D40" s="18">
        <v>138</v>
      </c>
    </row>
    <row r="41" spans="1:4" ht="18" customHeight="1" x14ac:dyDescent="0.15">
      <c r="A41" s="5" t="s">
        <v>2</v>
      </c>
      <c r="B41" s="22">
        <v>445</v>
      </c>
      <c r="C41" s="14">
        <v>342</v>
      </c>
      <c r="D41" s="18">
        <v>787</v>
      </c>
    </row>
    <row r="42" spans="1:4" ht="18" customHeight="1" x14ac:dyDescent="0.15">
      <c r="A42" s="5">
        <v>30</v>
      </c>
      <c r="B42" s="22">
        <v>63</v>
      </c>
      <c r="C42" s="14">
        <v>53</v>
      </c>
      <c r="D42" s="18">
        <v>116</v>
      </c>
    </row>
    <row r="43" spans="1:4" ht="18" customHeight="1" x14ac:dyDescent="0.15">
      <c r="A43" s="5">
        <v>31</v>
      </c>
      <c r="B43" s="22">
        <v>76</v>
      </c>
      <c r="C43" s="14">
        <v>45</v>
      </c>
      <c r="D43" s="18">
        <v>121</v>
      </c>
    </row>
    <row r="44" spans="1:4" ht="18" customHeight="1" x14ac:dyDescent="0.15">
      <c r="A44" s="5">
        <v>32</v>
      </c>
      <c r="B44" s="22">
        <v>63</v>
      </c>
      <c r="C44" s="14">
        <v>43</v>
      </c>
      <c r="D44" s="18">
        <v>106</v>
      </c>
    </row>
    <row r="45" spans="1:4" ht="18" customHeight="1" x14ac:dyDescent="0.15">
      <c r="A45" s="5">
        <v>33</v>
      </c>
      <c r="B45" s="22">
        <v>70</v>
      </c>
      <c r="C45" s="14">
        <v>57</v>
      </c>
      <c r="D45" s="18">
        <v>127</v>
      </c>
    </row>
    <row r="46" spans="1:4" ht="18" customHeight="1" x14ac:dyDescent="0.15">
      <c r="A46" s="5">
        <v>34</v>
      </c>
      <c r="B46" s="22">
        <v>71</v>
      </c>
      <c r="C46" s="14">
        <v>56</v>
      </c>
      <c r="D46" s="18">
        <v>127</v>
      </c>
    </row>
    <row r="47" spans="1:4" ht="18" customHeight="1" x14ac:dyDescent="0.15">
      <c r="A47" s="5" t="s">
        <v>15</v>
      </c>
      <c r="B47" s="22">
        <v>343</v>
      </c>
      <c r="C47" s="14">
        <v>254</v>
      </c>
      <c r="D47" s="18">
        <v>597</v>
      </c>
    </row>
    <row r="48" spans="1:4" ht="18" customHeight="1" x14ac:dyDescent="0.15">
      <c r="A48" s="5">
        <v>35</v>
      </c>
      <c r="B48" s="22">
        <v>56</v>
      </c>
      <c r="C48" s="14">
        <v>44</v>
      </c>
      <c r="D48" s="18">
        <v>100</v>
      </c>
    </row>
    <row r="49" spans="1:4" ht="18" customHeight="1" x14ac:dyDescent="0.15">
      <c r="A49" s="5">
        <v>36</v>
      </c>
      <c r="B49" s="22">
        <v>77</v>
      </c>
      <c r="C49" s="14">
        <v>75</v>
      </c>
      <c r="D49" s="18">
        <v>152</v>
      </c>
    </row>
    <row r="50" spans="1:4" ht="18" customHeight="1" x14ac:dyDescent="0.15">
      <c r="A50" s="5">
        <v>37</v>
      </c>
      <c r="B50" s="22">
        <v>85</v>
      </c>
      <c r="C50" s="14">
        <v>67</v>
      </c>
      <c r="D50" s="18">
        <v>152</v>
      </c>
    </row>
    <row r="51" spans="1:4" ht="18" customHeight="1" x14ac:dyDescent="0.15">
      <c r="A51" s="5">
        <v>38</v>
      </c>
      <c r="B51" s="22">
        <v>66</v>
      </c>
      <c r="C51" s="14">
        <v>71</v>
      </c>
      <c r="D51" s="18">
        <v>137</v>
      </c>
    </row>
    <row r="52" spans="1:4" ht="18" customHeight="1" x14ac:dyDescent="0.15">
      <c r="A52" s="5">
        <v>39</v>
      </c>
      <c r="B52" s="22">
        <v>78</v>
      </c>
      <c r="C52" s="14">
        <v>65</v>
      </c>
      <c r="D52" s="18">
        <v>143</v>
      </c>
    </row>
    <row r="53" spans="1:4" ht="18" customHeight="1" x14ac:dyDescent="0.15">
      <c r="A53" s="5" t="s">
        <v>18</v>
      </c>
      <c r="B53" s="22">
        <v>362</v>
      </c>
      <c r="C53" s="14">
        <v>322</v>
      </c>
      <c r="D53" s="18">
        <v>684</v>
      </c>
    </row>
    <row r="54" spans="1:4" ht="18" customHeight="1" x14ac:dyDescent="0.15">
      <c r="A54" s="5">
        <v>40</v>
      </c>
      <c r="B54" s="22">
        <v>79</v>
      </c>
      <c r="C54" s="14">
        <v>85</v>
      </c>
      <c r="D54" s="18">
        <v>164</v>
      </c>
    </row>
    <row r="55" spans="1:4" ht="18" customHeight="1" x14ac:dyDescent="0.15">
      <c r="A55" s="5">
        <v>41</v>
      </c>
      <c r="B55" s="22">
        <v>89</v>
      </c>
      <c r="C55" s="14">
        <v>80</v>
      </c>
      <c r="D55" s="18">
        <v>169</v>
      </c>
    </row>
    <row r="56" spans="1:4" ht="18" customHeight="1" x14ac:dyDescent="0.15">
      <c r="A56" s="5">
        <v>42</v>
      </c>
      <c r="B56" s="22">
        <v>78</v>
      </c>
      <c r="C56" s="14">
        <v>87</v>
      </c>
      <c r="D56" s="18">
        <v>165</v>
      </c>
    </row>
    <row r="57" spans="1:4" ht="18" customHeight="1" x14ac:dyDescent="0.15">
      <c r="A57" s="5">
        <v>43</v>
      </c>
      <c r="B57" s="22">
        <v>94</v>
      </c>
      <c r="C57" s="14">
        <v>97</v>
      </c>
      <c r="D57" s="18">
        <v>191</v>
      </c>
    </row>
    <row r="58" spans="1:4" ht="18" customHeight="1" x14ac:dyDescent="0.15">
      <c r="A58" s="5">
        <v>44</v>
      </c>
      <c r="B58" s="22">
        <v>120</v>
      </c>
      <c r="C58" s="14">
        <v>94</v>
      </c>
      <c r="D58" s="18">
        <v>214</v>
      </c>
    </row>
    <row r="59" spans="1:4" ht="18" customHeight="1" x14ac:dyDescent="0.15">
      <c r="A59" s="5" t="s">
        <v>21</v>
      </c>
      <c r="B59" s="22">
        <v>460</v>
      </c>
      <c r="C59" s="14">
        <v>443</v>
      </c>
      <c r="D59" s="18">
        <v>903</v>
      </c>
    </row>
    <row r="60" spans="1:4" ht="18" customHeight="1" x14ac:dyDescent="0.15">
      <c r="A60" s="5">
        <v>45</v>
      </c>
      <c r="B60" s="22">
        <v>112</v>
      </c>
      <c r="C60" s="14">
        <v>85</v>
      </c>
      <c r="D60" s="18">
        <v>197</v>
      </c>
    </row>
    <row r="61" spans="1:4" ht="18" customHeight="1" x14ac:dyDescent="0.15">
      <c r="A61" s="5">
        <v>46</v>
      </c>
      <c r="B61" s="22">
        <v>114</v>
      </c>
      <c r="C61" s="14">
        <v>104</v>
      </c>
      <c r="D61" s="18">
        <v>218</v>
      </c>
    </row>
    <row r="62" spans="1:4" ht="18" customHeight="1" x14ac:dyDescent="0.15">
      <c r="A62" s="5">
        <v>47</v>
      </c>
      <c r="B62" s="22">
        <v>107</v>
      </c>
      <c r="C62" s="14">
        <v>123</v>
      </c>
      <c r="D62" s="18">
        <v>230</v>
      </c>
    </row>
    <row r="63" spans="1:4" ht="18" customHeight="1" x14ac:dyDescent="0.15">
      <c r="A63" s="5">
        <v>48</v>
      </c>
      <c r="B63" s="22">
        <v>116</v>
      </c>
      <c r="C63" s="14">
        <v>97</v>
      </c>
      <c r="D63" s="18">
        <v>213</v>
      </c>
    </row>
    <row r="64" spans="1:4" ht="18" customHeight="1" x14ac:dyDescent="0.15">
      <c r="A64" s="5">
        <v>49</v>
      </c>
      <c r="B64" s="22">
        <v>122</v>
      </c>
      <c r="C64" s="14">
        <v>126</v>
      </c>
      <c r="D64" s="18">
        <v>248</v>
      </c>
    </row>
    <row r="65" spans="1:4" ht="18" customHeight="1" x14ac:dyDescent="0.15">
      <c r="A65" s="5" t="s">
        <v>17</v>
      </c>
      <c r="B65" s="22">
        <v>571</v>
      </c>
      <c r="C65" s="14">
        <v>535</v>
      </c>
      <c r="D65" s="18">
        <v>1106</v>
      </c>
    </row>
    <row r="66" spans="1:4" ht="18" customHeight="1" x14ac:dyDescent="0.15">
      <c r="A66" s="5">
        <v>50</v>
      </c>
      <c r="B66" s="22">
        <v>138</v>
      </c>
      <c r="C66" s="14">
        <v>129</v>
      </c>
      <c r="D66" s="18">
        <v>267</v>
      </c>
    </row>
    <row r="67" spans="1:4" ht="18" customHeight="1" x14ac:dyDescent="0.15">
      <c r="A67" s="5">
        <v>51</v>
      </c>
      <c r="B67" s="22">
        <v>137</v>
      </c>
      <c r="C67" s="14">
        <v>130</v>
      </c>
      <c r="D67" s="18">
        <v>267</v>
      </c>
    </row>
    <row r="68" spans="1:4" ht="18" customHeight="1" x14ac:dyDescent="0.15">
      <c r="A68" s="5">
        <v>52</v>
      </c>
      <c r="B68" s="22">
        <v>149</v>
      </c>
      <c r="C68" s="14">
        <v>131</v>
      </c>
      <c r="D68" s="18">
        <v>280</v>
      </c>
    </row>
    <row r="69" spans="1:4" ht="18" customHeight="1" x14ac:dyDescent="0.15">
      <c r="A69" s="5">
        <v>53</v>
      </c>
      <c r="B69" s="22">
        <v>139</v>
      </c>
      <c r="C69" s="14">
        <v>137</v>
      </c>
      <c r="D69" s="18">
        <v>276</v>
      </c>
    </row>
    <row r="70" spans="1:4" ht="18" customHeight="1" x14ac:dyDescent="0.15">
      <c r="A70" s="5">
        <v>54</v>
      </c>
      <c r="B70" s="22">
        <v>136</v>
      </c>
      <c r="C70" s="14">
        <v>125</v>
      </c>
      <c r="D70" s="18">
        <v>261</v>
      </c>
    </row>
    <row r="71" spans="1:4" ht="18" customHeight="1" x14ac:dyDescent="0.15">
      <c r="A71" s="5" t="s">
        <v>22</v>
      </c>
      <c r="B71" s="22">
        <v>699</v>
      </c>
      <c r="C71" s="14">
        <v>652</v>
      </c>
      <c r="D71" s="18">
        <v>1351</v>
      </c>
    </row>
    <row r="72" spans="1:4" ht="18" customHeight="1" x14ac:dyDescent="0.15">
      <c r="A72" s="5">
        <v>55</v>
      </c>
      <c r="B72" s="22">
        <v>152</v>
      </c>
      <c r="C72" s="14">
        <v>127</v>
      </c>
      <c r="D72" s="18">
        <v>279</v>
      </c>
    </row>
    <row r="73" spans="1:4" ht="18" customHeight="1" x14ac:dyDescent="0.15">
      <c r="A73" s="5">
        <v>56</v>
      </c>
      <c r="B73" s="22">
        <v>126</v>
      </c>
      <c r="C73" s="14">
        <v>115</v>
      </c>
      <c r="D73" s="18">
        <v>241</v>
      </c>
    </row>
    <row r="74" spans="1:4" ht="18" customHeight="1" x14ac:dyDescent="0.15">
      <c r="A74" s="5">
        <v>57</v>
      </c>
      <c r="B74" s="22">
        <v>111</v>
      </c>
      <c r="C74" s="14">
        <v>126</v>
      </c>
      <c r="D74" s="18">
        <v>237</v>
      </c>
    </row>
    <row r="75" spans="1:4" ht="18" customHeight="1" x14ac:dyDescent="0.15">
      <c r="A75" s="5">
        <v>58</v>
      </c>
      <c r="B75" s="22">
        <v>121</v>
      </c>
      <c r="C75" s="14">
        <v>131</v>
      </c>
      <c r="D75" s="18">
        <v>252</v>
      </c>
    </row>
    <row r="76" spans="1:4" ht="18" customHeight="1" x14ac:dyDescent="0.15">
      <c r="A76" s="5">
        <v>59</v>
      </c>
      <c r="B76" s="22">
        <v>79</v>
      </c>
      <c r="C76" s="14">
        <v>80</v>
      </c>
      <c r="D76" s="18">
        <v>159</v>
      </c>
    </row>
    <row r="77" spans="1:4" ht="18" customHeight="1" x14ac:dyDescent="0.15">
      <c r="A77" s="5" t="s">
        <v>27</v>
      </c>
      <c r="B77" s="22">
        <v>589</v>
      </c>
      <c r="C77" s="14">
        <v>579</v>
      </c>
      <c r="D77" s="18">
        <v>1168</v>
      </c>
    </row>
    <row r="78" spans="1:4" ht="18" customHeight="1" x14ac:dyDescent="0.15">
      <c r="A78" s="5">
        <v>60</v>
      </c>
      <c r="B78" s="22">
        <v>131</v>
      </c>
      <c r="C78" s="14">
        <v>110</v>
      </c>
      <c r="D78" s="18">
        <v>241</v>
      </c>
    </row>
    <row r="79" spans="1:4" ht="18" customHeight="1" x14ac:dyDescent="0.15">
      <c r="A79" s="5">
        <v>61</v>
      </c>
      <c r="B79" s="22">
        <v>133</v>
      </c>
      <c r="C79" s="14">
        <v>116</v>
      </c>
      <c r="D79" s="18">
        <v>249</v>
      </c>
    </row>
    <row r="80" spans="1:4" ht="18" customHeight="1" x14ac:dyDescent="0.15">
      <c r="A80" s="5">
        <v>62</v>
      </c>
      <c r="B80" s="22">
        <v>106</v>
      </c>
      <c r="C80" s="14">
        <v>116</v>
      </c>
      <c r="D80" s="18">
        <v>222</v>
      </c>
    </row>
    <row r="81" spans="1:4" ht="18" customHeight="1" x14ac:dyDescent="0.15">
      <c r="A81" s="5">
        <v>63</v>
      </c>
      <c r="B81" s="22">
        <v>108</v>
      </c>
      <c r="C81" s="14">
        <v>97</v>
      </c>
      <c r="D81" s="18">
        <v>205</v>
      </c>
    </row>
    <row r="82" spans="1:4" ht="18" customHeight="1" x14ac:dyDescent="0.15">
      <c r="A82" s="5">
        <v>64</v>
      </c>
      <c r="B82" s="22">
        <v>114</v>
      </c>
      <c r="C82" s="14">
        <v>113</v>
      </c>
      <c r="D82" s="18">
        <v>227</v>
      </c>
    </row>
    <row r="83" spans="1:4" ht="18" customHeight="1" x14ac:dyDescent="0.15">
      <c r="A83" s="5" t="s">
        <v>28</v>
      </c>
      <c r="B83" s="22">
        <v>592</v>
      </c>
      <c r="C83" s="14">
        <v>552</v>
      </c>
      <c r="D83" s="18">
        <v>1144</v>
      </c>
    </row>
    <row r="84" spans="1:4" ht="18" customHeight="1" x14ac:dyDescent="0.15">
      <c r="A84" s="5" t="s">
        <v>31</v>
      </c>
      <c r="B84" s="22">
        <v>4875</v>
      </c>
      <c r="C84" s="14">
        <v>4457</v>
      </c>
      <c r="D84" s="18">
        <v>9332</v>
      </c>
    </row>
    <row r="85" spans="1:4" ht="18" customHeight="1" x14ac:dyDescent="0.15">
      <c r="A85" s="5">
        <v>65</v>
      </c>
      <c r="B85" s="22">
        <v>126</v>
      </c>
      <c r="C85" s="14">
        <v>119</v>
      </c>
      <c r="D85" s="18">
        <v>245</v>
      </c>
    </row>
    <row r="86" spans="1:4" ht="18" customHeight="1" x14ac:dyDescent="0.15">
      <c r="A86" s="5">
        <v>66</v>
      </c>
      <c r="B86" s="22">
        <v>108</v>
      </c>
      <c r="C86" s="14">
        <v>114</v>
      </c>
      <c r="D86" s="18">
        <v>222</v>
      </c>
    </row>
    <row r="87" spans="1:4" ht="18" customHeight="1" x14ac:dyDescent="0.15">
      <c r="A87" s="5">
        <v>67</v>
      </c>
      <c r="B87" s="22">
        <v>123</v>
      </c>
      <c r="C87" s="14">
        <v>128</v>
      </c>
      <c r="D87" s="18">
        <v>251</v>
      </c>
    </row>
    <row r="88" spans="1:4" ht="18" customHeight="1" x14ac:dyDescent="0.15">
      <c r="A88" s="5">
        <v>68</v>
      </c>
      <c r="B88" s="22">
        <v>134</v>
      </c>
      <c r="C88" s="14">
        <v>117</v>
      </c>
      <c r="D88" s="18">
        <v>251</v>
      </c>
    </row>
    <row r="89" spans="1:4" ht="18" customHeight="1" x14ac:dyDescent="0.15">
      <c r="A89" s="5">
        <v>69</v>
      </c>
      <c r="B89" s="22">
        <v>120</v>
      </c>
      <c r="C89" s="14">
        <v>133</v>
      </c>
      <c r="D89" s="18">
        <v>253</v>
      </c>
    </row>
    <row r="90" spans="1:4" ht="18" customHeight="1" x14ac:dyDescent="0.15">
      <c r="A90" s="5" t="s">
        <v>20</v>
      </c>
      <c r="B90" s="22">
        <v>611</v>
      </c>
      <c r="C90" s="14">
        <v>611</v>
      </c>
      <c r="D90" s="18">
        <v>1222</v>
      </c>
    </row>
    <row r="91" spans="1:4" ht="18" customHeight="1" x14ac:dyDescent="0.15">
      <c r="A91" s="5">
        <v>70</v>
      </c>
      <c r="B91" s="22">
        <v>128</v>
      </c>
      <c r="C91" s="14">
        <v>143</v>
      </c>
      <c r="D91" s="18">
        <v>271</v>
      </c>
    </row>
    <row r="92" spans="1:4" ht="18" customHeight="1" x14ac:dyDescent="0.15">
      <c r="A92" s="5">
        <v>71</v>
      </c>
      <c r="B92" s="22">
        <v>165</v>
      </c>
      <c r="C92" s="14">
        <v>147</v>
      </c>
      <c r="D92" s="18">
        <v>312</v>
      </c>
    </row>
    <row r="93" spans="1:4" ht="18" customHeight="1" x14ac:dyDescent="0.15">
      <c r="A93" s="5">
        <v>72</v>
      </c>
      <c r="B93" s="22">
        <v>152</v>
      </c>
      <c r="C93" s="14">
        <v>148</v>
      </c>
      <c r="D93" s="18">
        <v>300</v>
      </c>
    </row>
    <row r="94" spans="1:4" ht="18" customHeight="1" x14ac:dyDescent="0.15">
      <c r="A94" s="5">
        <v>73</v>
      </c>
      <c r="B94" s="22">
        <v>151</v>
      </c>
      <c r="C94" s="14">
        <v>141</v>
      </c>
      <c r="D94" s="18">
        <v>292</v>
      </c>
    </row>
    <row r="95" spans="1:4" ht="18" customHeight="1" x14ac:dyDescent="0.15">
      <c r="A95" s="5">
        <v>74</v>
      </c>
      <c r="B95" s="22">
        <v>147</v>
      </c>
      <c r="C95" s="14">
        <v>181</v>
      </c>
      <c r="D95" s="18">
        <v>328</v>
      </c>
    </row>
    <row r="96" spans="1:4" ht="18" customHeight="1" x14ac:dyDescent="0.15">
      <c r="A96" s="5" t="s">
        <v>33</v>
      </c>
      <c r="B96" s="22">
        <v>743</v>
      </c>
      <c r="C96" s="14">
        <v>760</v>
      </c>
      <c r="D96" s="18">
        <v>1503</v>
      </c>
    </row>
    <row r="97" spans="1:4" ht="18" customHeight="1" x14ac:dyDescent="0.15">
      <c r="A97" s="5">
        <v>75</v>
      </c>
      <c r="B97" s="22">
        <v>164</v>
      </c>
      <c r="C97" s="14">
        <v>162</v>
      </c>
      <c r="D97" s="18">
        <v>326</v>
      </c>
    </row>
    <row r="98" spans="1:4" ht="18" customHeight="1" x14ac:dyDescent="0.15">
      <c r="A98" s="5">
        <v>76</v>
      </c>
      <c r="B98" s="22">
        <v>182</v>
      </c>
      <c r="C98" s="14">
        <v>188</v>
      </c>
      <c r="D98" s="18">
        <v>370</v>
      </c>
    </row>
    <row r="99" spans="1:4" ht="18" customHeight="1" x14ac:dyDescent="0.15">
      <c r="A99" s="5">
        <v>77</v>
      </c>
      <c r="B99" s="22">
        <v>185</v>
      </c>
      <c r="C99" s="14">
        <v>186</v>
      </c>
      <c r="D99" s="18">
        <v>371</v>
      </c>
    </row>
    <row r="100" spans="1:4" ht="18" customHeight="1" x14ac:dyDescent="0.15">
      <c r="A100" s="5">
        <v>78</v>
      </c>
      <c r="B100" s="22">
        <v>171</v>
      </c>
      <c r="C100" s="14">
        <v>195</v>
      </c>
      <c r="D100" s="18">
        <v>366</v>
      </c>
    </row>
    <row r="101" spans="1:4" ht="18" customHeight="1" x14ac:dyDescent="0.15">
      <c r="A101" s="5">
        <v>79</v>
      </c>
      <c r="B101" s="22">
        <v>99</v>
      </c>
      <c r="C101" s="14">
        <v>116</v>
      </c>
      <c r="D101" s="18">
        <v>215</v>
      </c>
    </row>
    <row r="102" spans="1:4" ht="18" customHeight="1" x14ac:dyDescent="0.15">
      <c r="A102" s="5" t="s">
        <v>0</v>
      </c>
      <c r="B102" s="22">
        <v>801</v>
      </c>
      <c r="C102" s="14">
        <v>847</v>
      </c>
      <c r="D102" s="18">
        <v>1648</v>
      </c>
    </row>
    <row r="103" spans="1:4" ht="18" customHeight="1" x14ac:dyDescent="0.15">
      <c r="A103" s="5">
        <v>80</v>
      </c>
      <c r="B103" s="22">
        <v>72</v>
      </c>
      <c r="C103" s="14">
        <v>78</v>
      </c>
      <c r="D103" s="18">
        <v>150</v>
      </c>
    </row>
    <row r="104" spans="1:4" ht="18" customHeight="1" x14ac:dyDescent="0.15">
      <c r="A104" s="5">
        <v>81</v>
      </c>
      <c r="B104" s="22">
        <v>92</v>
      </c>
      <c r="C104" s="14">
        <v>131</v>
      </c>
      <c r="D104" s="18">
        <v>223</v>
      </c>
    </row>
    <row r="105" spans="1:4" ht="18" customHeight="1" x14ac:dyDescent="0.15">
      <c r="A105" s="5">
        <v>82</v>
      </c>
      <c r="B105" s="22">
        <v>104</v>
      </c>
      <c r="C105" s="14">
        <v>106</v>
      </c>
      <c r="D105" s="18">
        <v>210</v>
      </c>
    </row>
    <row r="106" spans="1:4" ht="18" customHeight="1" x14ac:dyDescent="0.15">
      <c r="A106" s="5">
        <v>83</v>
      </c>
      <c r="B106" s="22">
        <v>82</v>
      </c>
      <c r="C106" s="14">
        <v>103</v>
      </c>
      <c r="D106" s="18">
        <v>185</v>
      </c>
    </row>
    <row r="107" spans="1:4" ht="18" customHeight="1" x14ac:dyDescent="0.15">
      <c r="A107" s="5">
        <v>84</v>
      </c>
      <c r="B107" s="22">
        <v>91</v>
      </c>
      <c r="C107" s="14">
        <v>118</v>
      </c>
      <c r="D107" s="18">
        <v>209</v>
      </c>
    </row>
    <row r="108" spans="1:4" ht="18" customHeight="1" x14ac:dyDescent="0.15">
      <c r="A108" s="5" t="s">
        <v>35</v>
      </c>
      <c r="B108" s="22">
        <v>441</v>
      </c>
      <c r="C108" s="14">
        <v>536</v>
      </c>
      <c r="D108" s="18">
        <v>977</v>
      </c>
    </row>
    <row r="109" spans="1:4" ht="18" customHeight="1" x14ac:dyDescent="0.15">
      <c r="A109" s="5">
        <v>85</v>
      </c>
      <c r="B109" s="22">
        <v>58</v>
      </c>
      <c r="C109" s="14">
        <v>88</v>
      </c>
      <c r="D109" s="18">
        <v>146</v>
      </c>
    </row>
    <row r="110" spans="1:4" ht="18" customHeight="1" x14ac:dyDescent="0.15">
      <c r="A110" s="5">
        <v>86</v>
      </c>
      <c r="B110" s="22">
        <v>50</v>
      </c>
      <c r="C110" s="14">
        <v>85</v>
      </c>
      <c r="D110" s="18">
        <v>135</v>
      </c>
    </row>
    <row r="111" spans="1:4" ht="18" customHeight="1" x14ac:dyDescent="0.15">
      <c r="A111" s="5">
        <v>87</v>
      </c>
      <c r="B111" s="22">
        <v>42</v>
      </c>
      <c r="C111" s="14">
        <v>84</v>
      </c>
      <c r="D111" s="18">
        <v>126</v>
      </c>
    </row>
    <row r="112" spans="1:4" ht="18" customHeight="1" x14ac:dyDescent="0.15">
      <c r="A112" s="5">
        <v>88</v>
      </c>
      <c r="B112" s="22">
        <v>41</v>
      </c>
      <c r="C112" s="14">
        <v>93</v>
      </c>
      <c r="D112" s="18">
        <v>134</v>
      </c>
    </row>
    <row r="113" spans="1:4" ht="18" customHeight="1" x14ac:dyDescent="0.15">
      <c r="A113" s="5">
        <v>89</v>
      </c>
      <c r="B113" s="22">
        <v>48</v>
      </c>
      <c r="C113" s="14">
        <v>87</v>
      </c>
      <c r="D113" s="18">
        <v>135</v>
      </c>
    </row>
    <row r="114" spans="1:4" ht="18" customHeight="1" x14ac:dyDescent="0.15">
      <c r="A114" s="5" t="s">
        <v>37</v>
      </c>
      <c r="B114" s="22">
        <v>239</v>
      </c>
      <c r="C114" s="14">
        <v>437</v>
      </c>
      <c r="D114" s="18">
        <v>676</v>
      </c>
    </row>
    <row r="115" spans="1:4" ht="18" customHeight="1" x14ac:dyDescent="0.15">
      <c r="A115" s="5">
        <v>90</v>
      </c>
      <c r="B115" s="22">
        <v>34</v>
      </c>
      <c r="C115" s="14">
        <v>75</v>
      </c>
      <c r="D115" s="18">
        <v>109</v>
      </c>
    </row>
    <row r="116" spans="1:4" ht="18" customHeight="1" x14ac:dyDescent="0.15">
      <c r="A116" s="5">
        <v>91</v>
      </c>
      <c r="B116" s="22">
        <v>26</v>
      </c>
      <c r="C116" s="14">
        <v>71</v>
      </c>
      <c r="D116" s="18">
        <v>97</v>
      </c>
    </row>
    <row r="117" spans="1:4" ht="18" customHeight="1" x14ac:dyDescent="0.15">
      <c r="A117" s="5">
        <v>92</v>
      </c>
      <c r="B117" s="22">
        <v>19</v>
      </c>
      <c r="C117" s="14">
        <v>61</v>
      </c>
      <c r="D117" s="18">
        <v>80</v>
      </c>
    </row>
    <row r="118" spans="1:4" ht="18" customHeight="1" x14ac:dyDescent="0.15">
      <c r="A118" s="5">
        <v>93</v>
      </c>
      <c r="B118" s="22">
        <v>21</v>
      </c>
      <c r="C118" s="14">
        <v>69</v>
      </c>
      <c r="D118" s="18">
        <v>90</v>
      </c>
    </row>
    <row r="119" spans="1:4" ht="18" customHeight="1" x14ac:dyDescent="0.15">
      <c r="A119" s="5">
        <v>94</v>
      </c>
      <c r="B119" s="22">
        <v>9</v>
      </c>
      <c r="C119" s="14">
        <v>44</v>
      </c>
      <c r="D119" s="18">
        <v>53</v>
      </c>
    </row>
    <row r="120" spans="1:4" ht="18" customHeight="1" x14ac:dyDescent="0.15">
      <c r="A120" s="5" t="s">
        <v>39</v>
      </c>
      <c r="B120" s="22">
        <v>109</v>
      </c>
      <c r="C120" s="14">
        <v>320</v>
      </c>
      <c r="D120" s="18">
        <v>429</v>
      </c>
    </row>
    <row r="121" spans="1:4" ht="18" customHeight="1" x14ac:dyDescent="0.15">
      <c r="A121" s="5">
        <v>95</v>
      </c>
      <c r="B121" s="22">
        <v>11</v>
      </c>
      <c r="C121" s="14">
        <v>35</v>
      </c>
      <c r="D121" s="18">
        <v>46</v>
      </c>
    </row>
    <row r="122" spans="1:4" ht="18" customHeight="1" x14ac:dyDescent="0.15">
      <c r="A122" s="5">
        <v>96</v>
      </c>
      <c r="B122" s="22">
        <v>5</v>
      </c>
      <c r="C122" s="14">
        <v>36</v>
      </c>
      <c r="D122" s="18">
        <v>41</v>
      </c>
    </row>
    <row r="123" spans="1:4" ht="18" customHeight="1" x14ac:dyDescent="0.15">
      <c r="A123" s="5">
        <v>97</v>
      </c>
      <c r="B123" s="22">
        <v>9</v>
      </c>
      <c r="C123" s="14">
        <v>20</v>
      </c>
      <c r="D123" s="18">
        <v>29</v>
      </c>
    </row>
    <row r="124" spans="1:4" ht="18" customHeight="1" x14ac:dyDescent="0.15">
      <c r="A124" s="5">
        <v>98</v>
      </c>
      <c r="B124" s="22">
        <v>1</v>
      </c>
      <c r="C124" s="14">
        <v>18</v>
      </c>
      <c r="D124" s="18">
        <v>19</v>
      </c>
    </row>
    <row r="125" spans="1:4" ht="18" customHeight="1" x14ac:dyDescent="0.15">
      <c r="A125" s="5">
        <v>99</v>
      </c>
      <c r="B125" s="22">
        <v>4</v>
      </c>
      <c r="C125" s="14">
        <v>11</v>
      </c>
      <c r="D125" s="18">
        <v>15</v>
      </c>
    </row>
    <row r="126" spans="1:4" ht="18" customHeight="1" x14ac:dyDescent="0.15">
      <c r="A126" s="5" t="s">
        <v>40</v>
      </c>
      <c r="B126" s="22">
        <v>30</v>
      </c>
      <c r="C126" s="14">
        <v>120</v>
      </c>
      <c r="D126" s="18">
        <v>150</v>
      </c>
    </row>
    <row r="127" spans="1:4" ht="18" customHeight="1" x14ac:dyDescent="0.15">
      <c r="A127" s="5">
        <v>100</v>
      </c>
      <c r="B127" s="22">
        <v>0</v>
      </c>
      <c r="C127" s="14">
        <v>11</v>
      </c>
      <c r="D127" s="18">
        <v>11</v>
      </c>
    </row>
    <row r="128" spans="1:4" ht="18" customHeight="1" x14ac:dyDescent="0.15">
      <c r="A128" s="6" t="s">
        <v>43</v>
      </c>
      <c r="B128" s="22">
        <v>1</v>
      </c>
      <c r="C128" s="14">
        <v>13</v>
      </c>
      <c r="D128" s="18">
        <v>14</v>
      </c>
    </row>
    <row r="129" spans="1:4" ht="18" customHeight="1" x14ac:dyDescent="0.15">
      <c r="A129" s="5" t="s">
        <v>44</v>
      </c>
      <c r="B129" s="22">
        <v>1</v>
      </c>
      <c r="C129" s="14">
        <v>24</v>
      </c>
      <c r="D129" s="18">
        <v>25</v>
      </c>
    </row>
    <row r="130" spans="1:4" ht="18" customHeight="1" x14ac:dyDescent="0.15">
      <c r="A130" s="5" t="s">
        <v>46</v>
      </c>
      <c r="B130" s="22">
        <v>2975</v>
      </c>
      <c r="C130" s="14">
        <v>3655</v>
      </c>
      <c r="D130" s="18">
        <v>6630</v>
      </c>
    </row>
    <row r="131" spans="1:4" ht="18" customHeight="1" x14ac:dyDescent="0.15">
      <c r="A131" s="7" t="s">
        <v>45</v>
      </c>
      <c r="B131" s="23">
        <v>8544</v>
      </c>
      <c r="C131" s="15">
        <v>8827</v>
      </c>
      <c r="D131" s="19">
        <v>173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0</v>
      </c>
      <c r="C5" s="29">
        <v>20</v>
      </c>
      <c r="D5" s="31">
        <v>40</v>
      </c>
    </row>
    <row r="6" spans="1:4" ht="18" customHeight="1" x14ac:dyDescent="0.15">
      <c r="A6" s="5">
        <v>1</v>
      </c>
      <c r="B6" s="27">
        <v>27</v>
      </c>
      <c r="C6" s="14">
        <v>30</v>
      </c>
      <c r="D6" s="18">
        <v>57</v>
      </c>
    </row>
    <row r="7" spans="1:4" ht="18" customHeight="1" x14ac:dyDescent="0.15">
      <c r="A7" s="5">
        <v>2</v>
      </c>
      <c r="B7" s="27">
        <v>29</v>
      </c>
      <c r="C7" s="14">
        <v>26</v>
      </c>
      <c r="D7" s="18">
        <v>55</v>
      </c>
    </row>
    <row r="8" spans="1:4" ht="18" customHeight="1" x14ac:dyDescent="0.15">
      <c r="A8" s="5">
        <v>3</v>
      </c>
      <c r="B8" s="27">
        <v>42</v>
      </c>
      <c r="C8" s="14">
        <v>36</v>
      </c>
      <c r="D8" s="18">
        <v>78</v>
      </c>
    </row>
    <row r="9" spans="1:4" ht="18" customHeight="1" x14ac:dyDescent="0.15">
      <c r="A9" s="5">
        <v>4</v>
      </c>
      <c r="B9" s="28">
        <v>36</v>
      </c>
      <c r="C9" s="30">
        <v>33</v>
      </c>
      <c r="D9" s="32">
        <v>69</v>
      </c>
    </row>
    <row r="10" spans="1:4" ht="18" customHeight="1" x14ac:dyDescent="0.15">
      <c r="A10" s="5" t="s">
        <v>7</v>
      </c>
      <c r="B10" s="22">
        <v>154</v>
      </c>
      <c r="C10" s="14">
        <v>145</v>
      </c>
      <c r="D10" s="18">
        <v>299</v>
      </c>
    </row>
    <row r="11" spans="1:4" ht="18" customHeight="1" x14ac:dyDescent="0.15">
      <c r="A11" s="5">
        <v>5</v>
      </c>
      <c r="B11" s="27">
        <v>54</v>
      </c>
      <c r="C11" s="14">
        <v>47</v>
      </c>
      <c r="D11" s="18">
        <v>101</v>
      </c>
    </row>
    <row r="12" spans="1:4" ht="18" customHeight="1" x14ac:dyDescent="0.15">
      <c r="A12" s="5">
        <v>6</v>
      </c>
      <c r="B12" s="27">
        <v>32</v>
      </c>
      <c r="C12" s="14">
        <v>39</v>
      </c>
      <c r="D12" s="18">
        <v>71</v>
      </c>
    </row>
    <row r="13" spans="1:4" ht="18" customHeight="1" x14ac:dyDescent="0.15">
      <c r="A13" s="5">
        <v>7</v>
      </c>
      <c r="B13" s="27">
        <v>53</v>
      </c>
      <c r="C13" s="14">
        <v>44</v>
      </c>
      <c r="D13" s="18">
        <v>97</v>
      </c>
    </row>
    <row r="14" spans="1:4" ht="18" customHeight="1" x14ac:dyDescent="0.15">
      <c r="A14" s="5">
        <v>8</v>
      </c>
      <c r="B14" s="27">
        <v>48</v>
      </c>
      <c r="C14" s="14">
        <v>47</v>
      </c>
      <c r="D14" s="18">
        <v>95</v>
      </c>
    </row>
    <row r="15" spans="1:4" ht="18" customHeight="1" x14ac:dyDescent="0.15">
      <c r="A15" s="5">
        <v>9</v>
      </c>
      <c r="B15" s="27">
        <v>62</v>
      </c>
      <c r="C15" s="14">
        <v>47</v>
      </c>
      <c r="D15" s="18">
        <v>109</v>
      </c>
    </row>
    <row r="16" spans="1:4" ht="18" customHeight="1" x14ac:dyDescent="0.15">
      <c r="A16" s="5" t="s">
        <v>11</v>
      </c>
      <c r="B16" s="22">
        <v>249</v>
      </c>
      <c r="C16" s="14">
        <v>224</v>
      </c>
      <c r="D16" s="18">
        <v>473</v>
      </c>
    </row>
    <row r="17" spans="1:4" ht="18" customHeight="1" x14ac:dyDescent="0.15">
      <c r="A17" s="5">
        <v>10</v>
      </c>
      <c r="B17" s="22">
        <v>46</v>
      </c>
      <c r="C17" s="14">
        <v>41</v>
      </c>
      <c r="D17" s="18">
        <v>87</v>
      </c>
    </row>
    <row r="18" spans="1:4" ht="18" customHeight="1" x14ac:dyDescent="0.15">
      <c r="A18" s="5">
        <v>11</v>
      </c>
      <c r="B18" s="22">
        <v>49</v>
      </c>
      <c r="C18" s="14">
        <v>43</v>
      </c>
      <c r="D18" s="18">
        <v>92</v>
      </c>
    </row>
    <row r="19" spans="1:4" ht="18" customHeight="1" x14ac:dyDescent="0.15">
      <c r="A19" s="5">
        <v>12</v>
      </c>
      <c r="B19" s="22">
        <v>56</v>
      </c>
      <c r="C19" s="14">
        <v>59</v>
      </c>
      <c r="D19" s="18">
        <v>115</v>
      </c>
    </row>
    <row r="20" spans="1:4" ht="18" customHeight="1" x14ac:dyDescent="0.15">
      <c r="A20" s="5">
        <v>13</v>
      </c>
      <c r="B20" s="22">
        <v>54</v>
      </c>
      <c r="C20" s="14">
        <v>59</v>
      </c>
      <c r="D20" s="18">
        <v>113</v>
      </c>
    </row>
    <row r="21" spans="1:4" ht="18" customHeight="1" x14ac:dyDescent="0.15">
      <c r="A21" s="5">
        <v>14</v>
      </c>
      <c r="B21" s="22">
        <v>69</v>
      </c>
      <c r="C21" s="14">
        <v>62</v>
      </c>
      <c r="D21" s="18">
        <v>131</v>
      </c>
    </row>
    <row r="22" spans="1:4" ht="18" customHeight="1" x14ac:dyDescent="0.15">
      <c r="A22" s="5" t="s">
        <v>12</v>
      </c>
      <c r="B22" s="22">
        <v>274</v>
      </c>
      <c r="C22" s="14">
        <v>264</v>
      </c>
      <c r="D22" s="18">
        <v>538</v>
      </c>
    </row>
    <row r="23" spans="1:4" ht="18" customHeight="1" x14ac:dyDescent="0.15">
      <c r="A23" s="5" t="s">
        <v>6</v>
      </c>
      <c r="B23" s="22">
        <v>677</v>
      </c>
      <c r="C23" s="14">
        <v>633</v>
      </c>
      <c r="D23" s="18">
        <v>1310</v>
      </c>
    </row>
    <row r="24" spans="1:4" ht="18" customHeight="1" x14ac:dyDescent="0.15">
      <c r="A24" s="5">
        <v>15</v>
      </c>
      <c r="B24" s="22">
        <v>61</v>
      </c>
      <c r="C24" s="14">
        <v>64</v>
      </c>
      <c r="D24" s="18">
        <v>125</v>
      </c>
    </row>
    <row r="25" spans="1:4" ht="18" customHeight="1" x14ac:dyDescent="0.15">
      <c r="A25" s="5">
        <v>16</v>
      </c>
      <c r="B25" s="22">
        <v>69</v>
      </c>
      <c r="C25" s="14">
        <v>73</v>
      </c>
      <c r="D25" s="18">
        <v>142</v>
      </c>
    </row>
    <row r="26" spans="1:4" ht="18" customHeight="1" x14ac:dyDescent="0.15">
      <c r="A26" s="5">
        <v>17</v>
      </c>
      <c r="B26" s="22">
        <v>89</v>
      </c>
      <c r="C26" s="14">
        <v>78</v>
      </c>
      <c r="D26" s="18">
        <v>167</v>
      </c>
    </row>
    <row r="27" spans="1:4" ht="18" customHeight="1" x14ac:dyDescent="0.15">
      <c r="A27" s="5">
        <v>18</v>
      </c>
      <c r="B27" s="22">
        <v>89</v>
      </c>
      <c r="C27" s="14">
        <v>86</v>
      </c>
      <c r="D27" s="18">
        <v>175</v>
      </c>
    </row>
    <row r="28" spans="1:4" ht="18" customHeight="1" x14ac:dyDescent="0.15">
      <c r="A28" s="5">
        <v>19</v>
      </c>
      <c r="B28" s="22">
        <v>82</v>
      </c>
      <c r="C28" s="14">
        <v>91</v>
      </c>
      <c r="D28" s="18">
        <v>173</v>
      </c>
    </row>
    <row r="29" spans="1:4" ht="18" customHeight="1" x14ac:dyDescent="0.15">
      <c r="A29" s="5" t="s">
        <v>14</v>
      </c>
      <c r="B29" s="22">
        <v>390</v>
      </c>
      <c r="C29" s="14">
        <v>392</v>
      </c>
      <c r="D29" s="18">
        <v>782</v>
      </c>
    </row>
    <row r="30" spans="1:4" ht="18" customHeight="1" x14ac:dyDescent="0.15">
      <c r="A30" s="5">
        <v>20</v>
      </c>
      <c r="B30" s="22">
        <v>78</v>
      </c>
      <c r="C30" s="14">
        <v>78</v>
      </c>
      <c r="D30" s="18">
        <v>156</v>
      </c>
    </row>
    <row r="31" spans="1:4" ht="18" customHeight="1" x14ac:dyDescent="0.15">
      <c r="A31" s="5">
        <v>21</v>
      </c>
      <c r="B31" s="22">
        <v>80</v>
      </c>
      <c r="C31" s="14">
        <v>90</v>
      </c>
      <c r="D31" s="18">
        <v>170</v>
      </c>
    </row>
    <row r="32" spans="1:4" ht="18" customHeight="1" x14ac:dyDescent="0.15">
      <c r="A32" s="5">
        <v>22</v>
      </c>
      <c r="B32" s="22">
        <v>88</v>
      </c>
      <c r="C32" s="14">
        <v>67</v>
      </c>
      <c r="D32" s="18">
        <v>155</v>
      </c>
    </row>
    <row r="33" spans="1:4" ht="18" customHeight="1" x14ac:dyDescent="0.15">
      <c r="A33" s="5">
        <v>23</v>
      </c>
      <c r="B33" s="22">
        <v>65</v>
      </c>
      <c r="C33" s="14">
        <v>68</v>
      </c>
      <c r="D33" s="18">
        <v>133</v>
      </c>
    </row>
    <row r="34" spans="1:4" ht="18" customHeight="1" x14ac:dyDescent="0.15">
      <c r="A34" s="5">
        <v>24</v>
      </c>
      <c r="B34" s="22">
        <v>69</v>
      </c>
      <c r="C34" s="14">
        <v>60</v>
      </c>
      <c r="D34" s="18">
        <v>129</v>
      </c>
    </row>
    <row r="35" spans="1:4" ht="18" customHeight="1" x14ac:dyDescent="0.15">
      <c r="A35" s="5" t="s">
        <v>9</v>
      </c>
      <c r="B35" s="22">
        <v>380</v>
      </c>
      <c r="C35" s="14">
        <v>363</v>
      </c>
      <c r="D35" s="18">
        <v>743</v>
      </c>
    </row>
    <row r="36" spans="1:4" ht="18" customHeight="1" x14ac:dyDescent="0.15">
      <c r="A36" s="5">
        <v>25</v>
      </c>
      <c r="B36" s="22">
        <v>91</v>
      </c>
      <c r="C36" s="14">
        <v>53</v>
      </c>
      <c r="D36" s="18">
        <v>144</v>
      </c>
    </row>
    <row r="37" spans="1:4" ht="18" customHeight="1" x14ac:dyDescent="0.15">
      <c r="A37" s="5">
        <v>26</v>
      </c>
      <c r="B37" s="22">
        <v>75</v>
      </c>
      <c r="C37" s="14">
        <v>76</v>
      </c>
      <c r="D37" s="18">
        <v>151</v>
      </c>
    </row>
    <row r="38" spans="1:4" ht="18" customHeight="1" x14ac:dyDescent="0.15">
      <c r="A38" s="5">
        <v>27</v>
      </c>
      <c r="B38" s="22">
        <v>67</v>
      </c>
      <c r="C38" s="14">
        <v>58</v>
      </c>
      <c r="D38" s="18">
        <v>125</v>
      </c>
    </row>
    <row r="39" spans="1:4" ht="18" customHeight="1" x14ac:dyDescent="0.15">
      <c r="A39" s="5">
        <v>28</v>
      </c>
      <c r="B39" s="22">
        <v>74</v>
      </c>
      <c r="C39" s="14">
        <v>45</v>
      </c>
      <c r="D39" s="18">
        <v>119</v>
      </c>
    </row>
    <row r="40" spans="1:4" ht="18" customHeight="1" x14ac:dyDescent="0.15">
      <c r="A40" s="5">
        <v>29</v>
      </c>
      <c r="B40" s="22">
        <v>70</v>
      </c>
      <c r="C40" s="14">
        <v>56</v>
      </c>
      <c r="D40" s="18">
        <v>126</v>
      </c>
    </row>
    <row r="41" spans="1:4" ht="18" customHeight="1" x14ac:dyDescent="0.15">
      <c r="A41" s="5" t="s">
        <v>2</v>
      </c>
      <c r="B41" s="22">
        <v>377</v>
      </c>
      <c r="C41" s="14">
        <v>288</v>
      </c>
      <c r="D41" s="18">
        <v>665</v>
      </c>
    </row>
    <row r="42" spans="1:4" ht="18" customHeight="1" x14ac:dyDescent="0.15">
      <c r="A42" s="5">
        <v>30</v>
      </c>
      <c r="B42" s="22">
        <v>65</v>
      </c>
      <c r="C42" s="14">
        <v>49</v>
      </c>
      <c r="D42" s="18">
        <v>114</v>
      </c>
    </row>
    <row r="43" spans="1:4" ht="18" customHeight="1" x14ac:dyDescent="0.15">
      <c r="A43" s="5">
        <v>31</v>
      </c>
      <c r="B43" s="22">
        <v>58</v>
      </c>
      <c r="C43" s="14">
        <v>59</v>
      </c>
      <c r="D43" s="18">
        <v>117</v>
      </c>
    </row>
    <row r="44" spans="1:4" ht="18" customHeight="1" x14ac:dyDescent="0.15">
      <c r="A44" s="5">
        <v>32</v>
      </c>
      <c r="B44" s="22">
        <v>55</v>
      </c>
      <c r="C44" s="14">
        <v>59</v>
      </c>
      <c r="D44" s="18">
        <v>114</v>
      </c>
    </row>
    <row r="45" spans="1:4" ht="18" customHeight="1" x14ac:dyDescent="0.15">
      <c r="A45" s="5">
        <v>33</v>
      </c>
      <c r="B45" s="22">
        <v>58</v>
      </c>
      <c r="C45" s="14">
        <v>47</v>
      </c>
      <c r="D45" s="18">
        <v>105</v>
      </c>
    </row>
    <row r="46" spans="1:4" ht="18" customHeight="1" x14ac:dyDescent="0.15">
      <c r="A46" s="5">
        <v>34</v>
      </c>
      <c r="B46" s="22">
        <v>64</v>
      </c>
      <c r="C46" s="14">
        <v>34</v>
      </c>
      <c r="D46" s="18">
        <v>98</v>
      </c>
    </row>
    <row r="47" spans="1:4" ht="18" customHeight="1" x14ac:dyDescent="0.15">
      <c r="A47" s="5" t="s">
        <v>15</v>
      </c>
      <c r="B47" s="22">
        <v>300</v>
      </c>
      <c r="C47" s="14">
        <v>248</v>
      </c>
      <c r="D47" s="18">
        <v>548</v>
      </c>
    </row>
    <row r="48" spans="1:4" ht="18" customHeight="1" x14ac:dyDescent="0.15">
      <c r="A48" s="5">
        <v>35</v>
      </c>
      <c r="B48" s="22">
        <v>67</v>
      </c>
      <c r="C48" s="14">
        <v>50</v>
      </c>
      <c r="D48" s="18">
        <v>117</v>
      </c>
    </row>
    <row r="49" spans="1:4" ht="18" customHeight="1" x14ac:dyDescent="0.15">
      <c r="A49" s="5">
        <v>36</v>
      </c>
      <c r="B49" s="22">
        <v>53</v>
      </c>
      <c r="C49" s="14">
        <v>58</v>
      </c>
      <c r="D49" s="18">
        <v>111</v>
      </c>
    </row>
    <row r="50" spans="1:4" ht="18" customHeight="1" x14ac:dyDescent="0.15">
      <c r="A50" s="5">
        <v>37</v>
      </c>
      <c r="B50" s="22">
        <v>52</v>
      </c>
      <c r="C50" s="14">
        <v>45</v>
      </c>
      <c r="D50" s="18">
        <v>97</v>
      </c>
    </row>
    <row r="51" spans="1:4" ht="18" customHeight="1" x14ac:dyDescent="0.15">
      <c r="A51" s="5">
        <v>38</v>
      </c>
      <c r="B51" s="22">
        <v>67</v>
      </c>
      <c r="C51" s="14">
        <v>71</v>
      </c>
      <c r="D51" s="18">
        <v>138</v>
      </c>
    </row>
    <row r="52" spans="1:4" ht="18" customHeight="1" x14ac:dyDescent="0.15">
      <c r="A52" s="5">
        <v>39</v>
      </c>
      <c r="B52" s="22">
        <v>78</v>
      </c>
      <c r="C52" s="14">
        <v>70</v>
      </c>
      <c r="D52" s="18">
        <v>148</v>
      </c>
    </row>
    <row r="53" spans="1:4" ht="18" customHeight="1" x14ac:dyDescent="0.15">
      <c r="A53" s="5" t="s">
        <v>18</v>
      </c>
      <c r="B53" s="22">
        <v>317</v>
      </c>
      <c r="C53" s="14">
        <v>294</v>
      </c>
      <c r="D53" s="18">
        <v>611</v>
      </c>
    </row>
    <row r="54" spans="1:4" ht="18" customHeight="1" x14ac:dyDescent="0.15">
      <c r="A54" s="5">
        <v>40</v>
      </c>
      <c r="B54" s="22">
        <v>72</v>
      </c>
      <c r="C54" s="14">
        <v>65</v>
      </c>
      <c r="D54" s="18">
        <v>137</v>
      </c>
    </row>
    <row r="55" spans="1:4" ht="18" customHeight="1" x14ac:dyDescent="0.15">
      <c r="A55" s="5">
        <v>41</v>
      </c>
      <c r="B55" s="22">
        <v>80</v>
      </c>
      <c r="C55" s="14">
        <v>82</v>
      </c>
      <c r="D55" s="18">
        <v>162</v>
      </c>
    </row>
    <row r="56" spans="1:4" ht="18" customHeight="1" x14ac:dyDescent="0.15">
      <c r="A56" s="5">
        <v>42</v>
      </c>
      <c r="B56" s="22">
        <v>58</v>
      </c>
      <c r="C56" s="14">
        <v>62</v>
      </c>
      <c r="D56" s="18">
        <v>120</v>
      </c>
    </row>
    <row r="57" spans="1:4" ht="18" customHeight="1" x14ac:dyDescent="0.15">
      <c r="A57" s="5">
        <v>43</v>
      </c>
      <c r="B57" s="22">
        <v>72</v>
      </c>
      <c r="C57" s="14">
        <v>73</v>
      </c>
      <c r="D57" s="18">
        <v>145</v>
      </c>
    </row>
    <row r="58" spans="1:4" ht="18" customHeight="1" x14ac:dyDescent="0.15">
      <c r="A58" s="5">
        <v>44</v>
      </c>
      <c r="B58" s="22">
        <v>73</v>
      </c>
      <c r="C58" s="14">
        <v>71</v>
      </c>
      <c r="D58" s="18">
        <v>144</v>
      </c>
    </row>
    <row r="59" spans="1:4" ht="18" customHeight="1" x14ac:dyDescent="0.15">
      <c r="A59" s="5" t="s">
        <v>21</v>
      </c>
      <c r="B59" s="22">
        <v>355</v>
      </c>
      <c r="C59" s="14">
        <v>353</v>
      </c>
      <c r="D59" s="18">
        <v>708</v>
      </c>
    </row>
    <row r="60" spans="1:4" ht="18" customHeight="1" x14ac:dyDescent="0.15">
      <c r="A60" s="5">
        <v>45</v>
      </c>
      <c r="B60" s="22">
        <v>78</v>
      </c>
      <c r="C60" s="14">
        <v>89</v>
      </c>
      <c r="D60" s="18">
        <v>167</v>
      </c>
    </row>
    <row r="61" spans="1:4" ht="18" customHeight="1" x14ac:dyDescent="0.15">
      <c r="A61" s="5">
        <v>46</v>
      </c>
      <c r="B61" s="22">
        <v>75</v>
      </c>
      <c r="C61" s="14">
        <v>92</v>
      </c>
      <c r="D61" s="18">
        <v>167</v>
      </c>
    </row>
    <row r="62" spans="1:4" ht="18" customHeight="1" x14ac:dyDescent="0.15">
      <c r="A62" s="5">
        <v>47</v>
      </c>
      <c r="B62" s="22">
        <v>91</v>
      </c>
      <c r="C62" s="14">
        <v>84</v>
      </c>
      <c r="D62" s="18">
        <v>175</v>
      </c>
    </row>
    <row r="63" spans="1:4" ht="18" customHeight="1" x14ac:dyDescent="0.15">
      <c r="A63" s="5">
        <v>48</v>
      </c>
      <c r="B63" s="22">
        <v>109</v>
      </c>
      <c r="C63" s="14">
        <v>96</v>
      </c>
      <c r="D63" s="18">
        <v>205</v>
      </c>
    </row>
    <row r="64" spans="1:4" ht="18" customHeight="1" x14ac:dyDescent="0.15">
      <c r="A64" s="5">
        <v>49</v>
      </c>
      <c r="B64" s="22">
        <v>104</v>
      </c>
      <c r="C64" s="14">
        <v>116</v>
      </c>
      <c r="D64" s="18">
        <v>220</v>
      </c>
    </row>
    <row r="65" spans="1:4" ht="18" customHeight="1" x14ac:dyDescent="0.15">
      <c r="A65" s="5" t="s">
        <v>17</v>
      </c>
      <c r="B65" s="22">
        <v>457</v>
      </c>
      <c r="C65" s="14">
        <v>477</v>
      </c>
      <c r="D65" s="18">
        <v>934</v>
      </c>
    </row>
    <row r="66" spans="1:4" ht="18" customHeight="1" x14ac:dyDescent="0.15">
      <c r="A66" s="5">
        <v>50</v>
      </c>
      <c r="B66" s="22">
        <v>118</v>
      </c>
      <c r="C66" s="14">
        <v>109</v>
      </c>
      <c r="D66" s="18">
        <v>227</v>
      </c>
    </row>
    <row r="67" spans="1:4" ht="18" customHeight="1" x14ac:dyDescent="0.15">
      <c r="A67" s="5">
        <v>51</v>
      </c>
      <c r="B67" s="22">
        <v>110</v>
      </c>
      <c r="C67" s="14">
        <v>112</v>
      </c>
      <c r="D67" s="18">
        <v>222</v>
      </c>
    </row>
    <row r="68" spans="1:4" ht="18" customHeight="1" x14ac:dyDescent="0.15">
      <c r="A68" s="5">
        <v>52</v>
      </c>
      <c r="B68" s="22">
        <v>123</v>
      </c>
      <c r="C68" s="14">
        <v>131</v>
      </c>
      <c r="D68" s="18">
        <v>254</v>
      </c>
    </row>
    <row r="69" spans="1:4" ht="18" customHeight="1" x14ac:dyDescent="0.15">
      <c r="A69" s="5">
        <v>53</v>
      </c>
      <c r="B69" s="22">
        <v>125</v>
      </c>
      <c r="C69" s="14">
        <v>118</v>
      </c>
      <c r="D69" s="18">
        <v>243</v>
      </c>
    </row>
    <row r="70" spans="1:4" ht="18" customHeight="1" x14ac:dyDescent="0.15">
      <c r="A70" s="5">
        <v>54</v>
      </c>
      <c r="B70" s="22">
        <v>104</v>
      </c>
      <c r="C70" s="14">
        <v>106</v>
      </c>
      <c r="D70" s="18">
        <v>210</v>
      </c>
    </row>
    <row r="71" spans="1:4" ht="18" customHeight="1" x14ac:dyDescent="0.15">
      <c r="A71" s="5" t="s">
        <v>22</v>
      </c>
      <c r="B71" s="22">
        <v>580</v>
      </c>
      <c r="C71" s="14">
        <v>576</v>
      </c>
      <c r="D71" s="18">
        <v>1156</v>
      </c>
    </row>
    <row r="72" spans="1:4" ht="18" customHeight="1" x14ac:dyDescent="0.15">
      <c r="A72" s="5">
        <v>55</v>
      </c>
      <c r="B72" s="22">
        <v>131</v>
      </c>
      <c r="C72" s="14">
        <v>89</v>
      </c>
      <c r="D72" s="18">
        <v>220</v>
      </c>
    </row>
    <row r="73" spans="1:4" ht="18" customHeight="1" x14ac:dyDescent="0.15">
      <c r="A73" s="5">
        <v>56</v>
      </c>
      <c r="B73" s="22">
        <v>100</v>
      </c>
      <c r="C73" s="14">
        <v>83</v>
      </c>
      <c r="D73" s="18">
        <v>183</v>
      </c>
    </row>
    <row r="74" spans="1:4" ht="18" customHeight="1" x14ac:dyDescent="0.15">
      <c r="A74" s="5">
        <v>57</v>
      </c>
      <c r="B74" s="22">
        <v>102</v>
      </c>
      <c r="C74" s="14">
        <v>95</v>
      </c>
      <c r="D74" s="18">
        <v>197</v>
      </c>
    </row>
    <row r="75" spans="1:4" ht="18" customHeight="1" x14ac:dyDescent="0.15">
      <c r="A75" s="5">
        <v>58</v>
      </c>
      <c r="B75" s="22">
        <v>73</v>
      </c>
      <c r="C75" s="14">
        <v>93</v>
      </c>
      <c r="D75" s="18">
        <v>166</v>
      </c>
    </row>
    <row r="76" spans="1:4" ht="18" customHeight="1" x14ac:dyDescent="0.15">
      <c r="A76" s="5">
        <v>59</v>
      </c>
      <c r="B76" s="22">
        <v>63</v>
      </c>
      <c r="C76" s="14">
        <v>64</v>
      </c>
      <c r="D76" s="18">
        <v>127</v>
      </c>
    </row>
    <row r="77" spans="1:4" ht="18" customHeight="1" x14ac:dyDescent="0.15">
      <c r="A77" s="5" t="s">
        <v>27</v>
      </c>
      <c r="B77" s="22">
        <v>469</v>
      </c>
      <c r="C77" s="14">
        <v>424</v>
      </c>
      <c r="D77" s="18">
        <v>893</v>
      </c>
    </row>
    <row r="78" spans="1:4" ht="18" customHeight="1" x14ac:dyDescent="0.15">
      <c r="A78" s="5">
        <v>60</v>
      </c>
      <c r="B78" s="22">
        <v>62</v>
      </c>
      <c r="C78" s="14">
        <v>79</v>
      </c>
      <c r="D78" s="18">
        <v>141</v>
      </c>
    </row>
    <row r="79" spans="1:4" ht="18" customHeight="1" x14ac:dyDescent="0.15">
      <c r="A79" s="5">
        <v>61</v>
      </c>
      <c r="B79" s="22">
        <v>74</v>
      </c>
      <c r="C79" s="14">
        <v>88</v>
      </c>
      <c r="D79" s="18">
        <v>162</v>
      </c>
    </row>
    <row r="80" spans="1:4" ht="18" customHeight="1" x14ac:dyDescent="0.15">
      <c r="A80" s="5">
        <v>62</v>
      </c>
      <c r="B80" s="22">
        <v>64</v>
      </c>
      <c r="C80" s="14">
        <v>70</v>
      </c>
      <c r="D80" s="18">
        <v>134</v>
      </c>
    </row>
    <row r="81" spans="1:4" ht="18" customHeight="1" x14ac:dyDescent="0.15">
      <c r="A81" s="5">
        <v>63</v>
      </c>
      <c r="B81" s="22">
        <v>69</v>
      </c>
      <c r="C81" s="14">
        <v>72</v>
      </c>
      <c r="D81" s="18">
        <v>141</v>
      </c>
    </row>
    <row r="82" spans="1:4" ht="18" customHeight="1" x14ac:dyDescent="0.15">
      <c r="A82" s="5">
        <v>64</v>
      </c>
      <c r="B82" s="22">
        <v>69</v>
      </c>
      <c r="C82" s="14">
        <v>53</v>
      </c>
      <c r="D82" s="18">
        <v>122</v>
      </c>
    </row>
    <row r="83" spans="1:4" ht="18" customHeight="1" x14ac:dyDescent="0.15">
      <c r="A83" s="5" t="s">
        <v>28</v>
      </c>
      <c r="B83" s="22">
        <v>338</v>
      </c>
      <c r="C83" s="14">
        <v>362</v>
      </c>
      <c r="D83" s="18">
        <v>700</v>
      </c>
    </row>
    <row r="84" spans="1:4" ht="18" customHeight="1" x14ac:dyDescent="0.15">
      <c r="A84" s="5" t="s">
        <v>31</v>
      </c>
      <c r="B84" s="22">
        <v>3963</v>
      </c>
      <c r="C84" s="14">
        <v>3777</v>
      </c>
      <c r="D84" s="18">
        <v>7740</v>
      </c>
    </row>
    <row r="85" spans="1:4" ht="18" customHeight="1" x14ac:dyDescent="0.15">
      <c r="A85" s="5">
        <v>65</v>
      </c>
      <c r="B85" s="22">
        <v>58</v>
      </c>
      <c r="C85" s="14">
        <v>65</v>
      </c>
      <c r="D85" s="18">
        <v>123</v>
      </c>
    </row>
    <row r="86" spans="1:4" ht="18" customHeight="1" x14ac:dyDescent="0.15">
      <c r="A86" s="5">
        <v>66</v>
      </c>
      <c r="B86" s="22">
        <v>46</v>
      </c>
      <c r="C86" s="14">
        <v>71</v>
      </c>
      <c r="D86" s="18">
        <v>117</v>
      </c>
    </row>
    <row r="87" spans="1:4" ht="18" customHeight="1" x14ac:dyDescent="0.15">
      <c r="A87" s="5">
        <v>67</v>
      </c>
      <c r="B87" s="22">
        <v>59</v>
      </c>
      <c r="C87" s="14">
        <v>57</v>
      </c>
      <c r="D87" s="18">
        <v>116</v>
      </c>
    </row>
    <row r="88" spans="1:4" ht="18" customHeight="1" x14ac:dyDescent="0.15">
      <c r="A88" s="5">
        <v>68</v>
      </c>
      <c r="B88" s="22">
        <v>53</v>
      </c>
      <c r="C88" s="14">
        <v>52</v>
      </c>
      <c r="D88" s="18">
        <v>105</v>
      </c>
    </row>
    <row r="89" spans="1:4" ht="18" customHeight="1" x14ac:dyDescent="0.15">
      <c r="A89" s="5">
        <v>69</v>
      </c>
      <c r="B89" s="22">
        <v>49</v>
      </c>
      <c r="C89" s="14">
        <v>56</v>
      </c>
      <c r="D89" s="18">
        <v>105</v>
      </c>
    </row>
    <row r="90" spans="1:4" ht="18" customHeight="1" x14ac:dyDescent="0.15">
      <c r="A90" s="5" t="s">
        <v>20</v>
      </c>
      <c r="B90" s="22">
        <v>265</v>
      </c>
      <c r="C90" s="14">
        <v>301</v>
      </c>
      <c r="D90" s="18">
        <v>566</v>
      </c>
    </row>
    <row r="91" spans="1:4" ht="18" customHeight="1" x14ac:dyDescent="0.15">
      <c r="A91" s="5">
        <v>70</v>
      </c>
      <c r="B91" s="22">
        <v>53</v>
      </c>
      <c r="C91" s="14">
        <v>65</v>
      </c>
      <c r="D91" s="18">
        <v>118</v>
      </c>
    </row>
    <row r="92" spans="1:4" ht="18" customHeight="1" x14ac:dyDescent="0.15">
      <c r="A92" s="5">
        <v>71</v>
      </c>
      <c r="B92" s="22">
        <v>64</v>
      </c>
      <c r="C92" s="14">
        <v>60</v>
      </c>
      <c r="D92" s="18">
        <v>124</v>
      </c>
    </row>
    <row r="93" spans="1:4" ht="18" customHeight="1" x14ac:dyDescent="0.15">
      <c r="A93" s="5">
        <v>72</v>
      </c>
      <c r="B93" s="22">
        <v>69</v>
      </c>
      <c r="C93" s="14">
        <v>67</v>
      </c>
      <c r="D93" s="18">
        <v>136</v>
      </c>
    </row>
    <row r="94" spans="1:4" ht="18" customHeight="1" x14ac:dyDescent="0.15">
      <c r="A94" s="5">
        <v>73</v>
      </c>
      <c r="B94" s="22">
        <v>63</v>
      </c>
      <c r="C94" s="14">
        <v>65</v>
      </c>
      <c r="D94" s="18">
        <v>128</v>
      </c>
    </row>
    <row r="95" spans="1:4" ht="18" customHeight="1" x14ac:dyDescent="0.15">
      <c r="A95" s="5">
        <v>74</v>
      </c>
      <c r="B95" s="22">
        <v>57</v>
      </c>
      <c r="C95" s="14">
        <v>62</v>
      </c>
      <c r="D95" s="18">
        <v>119</v>
      </c>
    </row>
    <row r="96" spans="1:4" ht="18" customHeight="1" x14ac:dyDescent="0.15">
      <c r="A96" s="5" t="s">
        <v>33</v>
      </c>
      <c r="B96" s="22">
        <v>306</v>
      </c>
      <c r="C96" s="14">
        <v>319</v>
      </c>
      <c r="D96" s="18">
        <v>625</v>
      </c>
    </row>
    <row r="97" spans="1:4" ht="18" customHeight="1" x14ac:dyDescent="0.15">
      <c r="A97" s="5">
        <v>75</v>
      </c>
      <c r="B97" s="22">
        <v>66</v>
      </c>
      <c r="C97" s="14">
        <v>70</v>
      </c>
      <c r="D97" s="18">
        <v>136</v>
      </c>
    </row>
    <row r="98" spans="1:4" ht="18" customHeight="1" x14ac:dyDescent="0.15">
      <c r="A98" s="5">
        <v>76</v>
      </c>
      <c r="B98" s="22">
        <v>59</v>
      </c>
      <c r="C98" s="14">
        <v>67</v>
      </c>
      <c r="D98" s="18">
        <v>126</v>
      </c>
    </row>
    <row r="99" spans="1:4" ht="18" customHeight="1" x14ac:dyDescent="0.15">
      <c r="A99" s="5">
        <v>77</v>
      </c>
      <c r="B99" s="22">
        <v>85</v>
      </c>
      <c r="C99" s="14">
        <v>85</v>
      </c>
      <c r="D99" s="18">
        <v>170</v>
      </c>
    </row>
    <row r="100" spans="1:4" ht="18" customHeight="1" x14ac:dyDescent="0.15">
      <c r="A100" s="5">
        <v>78</v>
      </c>
      <c r="B100" s="22">
        <v>62</v>
      </c>
      <c r="C100" s="14">
        <v>94</v>
      </c>
      <c r="D100" s="18">
        <v>156</v>
      </c>
    </row>
    <row r="101" spans="1:4" ht="18" customHeight="1" x14ac:dyDescent="0.15">
      <c r="A101" s="5">
        <v>79</v>
      </c>
      <c r="B101" s="22">
        <v>29</v>
      </c>
      <c r="C101" s="14">
        <v>50</v>
      </c>
      <c r="D101" s="18">
        <v>79</v>
      </c>
    </row>
    <row r="102" spans="1:4" ht="18" customHeight="1" x14ac:dyDescent="0.15">
      <c r="A102" s="5" t="s">
        <v>0</v>
      </c>
      <c r="B102" s="22">
        <v>301</v>
      </c>
      <c r="C102" s="14">
        <v>366</v>
      </c>
      <c r="D102" s="18">
        <v>667</v>
      </c>
    </row>
    <row r="103" spans="1:4" ht="18" customHeight="1" x14ac:dyDescent="0.15">
      <c r="A103" s="5">
        <v>80</v>
      </c>
      <c r="B103" s="22">
        <v>28</v>
      </c>
      <c r="C103" s="14">
        <v>31</v>
      </c>
      <c r="D103" s="18">
        <v>59</v>
      </c>
    </row>
    <row r="104" spans="1:4" ht="18" customHeight="1" x14ac:dyDescent="0.15">
      <c r="A104" s="5">
        <v>81</v>
      </c>
      <c r="B104" s="22">
        <v>38</v>
      </c>
      <c r="C104" s="14">
        <v>45</v>
      </c>
      <c r="D104" s="18">
        <v>83</v>
      </c>
    </row>
    <row r="105" spans="1:4" ht="18" customHeight="1" x14ac:dyDescent="0.15">
      <c r="A105" s="5">
        <v>82</v>
      </c>
      <c r="B105" s="22">
        <v>33</v>
      </c>
      <c r="C105" s="14">
        <v>46</v>
      </c>
      <c r="D105" s="18">
        <v>79</v>
      </c>
    </row>
    <row r="106" spans="1:4" ht="18" customHeight="1" x14ac:dyDescent="0.15">
      <c r="A106" s="5">
        <v>83</v>
      </c>
      <c r="B106" s="22">
        <v>35</v>
      </c>
      <c r="C106" s="14">
        <v>36</v>
      </c>
      <c r="D106" s="18">
        <v>71</v>
      </c>
    </row>
    <row r="107" spans="1:4" ht="18" customHeight="1" x14ac:dyDescent="0.15">
      <c r="A107" s="5">
        <v>84</v>
      </c>
      <c r="B107" s="22">
        <v>32</v>
      </c>
      <c r="C107" s="14">
        <v>45</v>
      </c>
      <c r="D107" s="18">
        <v>77</v>
      </c>
    </row>
    <row r="108" spans="1:4" ht="18" customHeight="1" x14ac:dyDescent="0.15">
      <c r="A108" s="5" t="s">
        <v>35</v>
      </c>
      <c r="B108" s="22">
        <v>166</v>
      </c>
      <c r="C108" s="14">
        <v>203</v>
      </c>
      <c r="D108" s="18">
        <v>369</v>
      </c>
    </row>
    <row r="109" spans="1:4" ht="18" customHeight="1" x14ac:dyDescent="0.15">
      <c r="A109" s="5">
        <v>85</v>
      </c>
      <c r="B109" s="22">
        <v>25</v>
      </c>
      <c r="C109" s="14">
        <v>45</v>
      </c>
      <c r="D109" s="18">
        <v>70</v>
      </c>
    </row>
    <row r="110" spans="1:4" ht="18" customHeight="1" x14ac:dyDescent="0.15">
      <c r="A110" s="5">
        <v>86</v>
      </c>
      <c r="B110" s="22">
        <v>21</v>
      </c>
      <c r="C110" s="14">
        <v>34</v>
      </c>
      <c r="D110" s="18">
        <v>55</v>
      </c>
    </row>
    <row r="111" spans="1:4" ht="18" customHeight="1" x14ac:dyDescent="0.15">
      <c r="A111" s="5">
        <v>87</v>
      </c>
      <c r="B111" s="22">
        <v>20</v>
      </c>
      <c r="C111" s="14">
        <v>23</v>
      </c>
      <c r="D111" s="18">
        <v>43</v>
      </c>
    </row>
    <row r="112" spans="1:4" ht="18" customHeight="1" x14ac:dyDescent="0.15">
      <c r="A112" s="5">
        <v>88</v>
      </c>
      <c r="B112" s="22">
        <v>8</v>
      </c>
      <c r="C112" s="14">
        <v>20</v>
      </c>
      <c r="D112" s="18">
        <v>28</v>
      </c>
    </row>
    <row r="113" spans="1:4" ht="18" customHeight="1" x14ac:dyDescent="0.15">
      <c r="A113" s="5">
        <v>89</v>
      </c>
      <c r="B113" s="22">
        <v>13</v>
      </c>
      <c r="C113" s="14">
        <v>25</v>
      </c>
      <c r="D113" s="18">
        <v>38</v>
      </c>
    </row>
    <row r="114" spans="1:4" ht="18" customHeight="1" x14ac:dyDescent="0.15">
      <c r="A114" s="5" t="s">
        <v>37</v>
      </c>
      <c r="B114" s="22">
        <v>87</v>
      </c>
      <c r="C114" s="14">
        <v>147</v>
      </c>
      <c r="D114" s="18">
        <v>234</v>
      </c>
    </row>
    <row r="115" spans="1:4" ht="18" customHeight="1" x14ac:dyDescent="0.15">
      <c r="A115" s="5">
        <v>90</v>
      </c>
      <c r="B115" s="22">
        <v>13</v>
      </c>
      <c r="C115" s="14">
        <v>29</v>
      </c>
      <c r="D115" s="18">
        <v>42</v>
      </c>
    </row>
    <row r="116" spans="1:4" ht="18" customHeight="1" x14ac:dyDescent="0.15">
      <c r="A116" s="5">
        <v>91</v>
      </c>
      <c r="B116" s="22">
        <v>6</v>
      </c>
      <c r="C116" s="14">
        <v>24</v>
      </c>
      <c r="D116" s="18">
        <v>30</v>
      </c>
    </row>
    <row r="117" spans="1:4" ht="18" customHeight="1" x14ac:dyDescent="0.15">
      <c r="A117" s="5">
        <v>92</v>
      </c>
      <c r="B117" s="22">
        <v>7</v>
      </c>
      <c r="C117" s="14">
        <v>18</v>
      </c>
      <c r="D117" s="18">
        <v>25</v>
      </c>
    </row>
    <row r="118" spans="1:4" ht="18" customHeight="1" x14ac:dyDescent="0.15">
      <c r="A118" s="5">
        <v>93</v>
      </c>
      <c r="B118" s="22">
        <v>2</v>
      </c>
      <c r="C118" s="14">
        <v>25</v>
      </c>
      <c r="D118" s="18">
        <v>27</v>
      </c>
    </row>
    <row r="119" spans="1:4" ht="18" customHeight="1" x14ac:dyDescent="0.15">
      <c r="A119" s="5">
        <v>94</v>
      </c>
      <c r="B119" s="22">
        <v>10</v>
      </c>
      <c r="C119" s="14">
        <v>13</v>
      </c>
      <c r="D119" s="18">
        <v>23</v>
      </c>
    </row>
    <row r="120" spans="1:4" ht="18" customHeight="1" x14ac:dyDescent="0.15">
      <c r="A120" s="5" t="s">
        <v>39</v>
      </c>
      <c r="B120" s="22">
        <v>38</v>
      </c>
      <c r="C120" s="14">
        <v>109</v>
      </c>
      <c r="D120" s="18">
        <v>147</v>
      </c>
    </row>
    <row r="121" spans="1:4" ht="18" customHeight="1" x14ac:dyDescent="0.15">
      <c r="A121" s="5">
        <v>95</v>
      </c>
      <c r="B121" s="22">
        <v>3</v>
      </c>
      <c r="C121" s="14">
        <v>18</v>
      </c>
      <c r="D121" s="18">
        <v>21</v>
      </c>
    </row>
    <row r="122" spans="1:4" ht="18" customHeight="1" x14ac:dyDescent="0.15">
      <c r="A122" s="5">
        <v>96</v>
      </c>
      <c r="B122" s="22">
        <v>3</v>
      </c>
      <c r="C122" s="14">
        <v>9</v>
      </c>
      <c r="D122" s="18">
        <v>12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1</v>
      </c>
      <c r="C126" s="14">
        <v>38</v>
      </c>
      <c r="D126" s="18">
        <v>49</v>
      </c>
    </row>
    <row r="127" spans="1:4" ht="18" customHeight="1" x14ac:dyDescent="0.15">
      <c r="A127" s="5">
        <v>100</v>
      </c>
      <c r="B127" s="22">
        <v>1</v>
      </c>
      <c r="C127" s="14">
        <v>1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2</v>
      </c>
      <c r="C129" s="14">
        <v>3</v>
      </c>
      <c r="D129" s="18">
        <v>5</v>
      </c>
    </row>
    <row r="130" spans="1:4" ht="18" customHeight="1" x14ac:dyDescent="0.15">
      <c r="A130" s="5" t="s">
        <v>46</v>
      </c>
      <c r="B130" s="22">
        <v>1176</v>
      </c>
      <c r="C130" s="14">
        <v>1486</v>
      </c>
      <c r="D130" s="18">
        <v>2662</v>
      </c>
    </row>
    <row r="131" spans="1:4" ht="18" customHeight="1" x14ac:dyDescent="0.15">
      <c r="A131" s="7" t="s">
        <v>45</v>
      </c>
      <c r="B131" s="23">
        <v>5816</v>
      </c>
      <c r="C131" s="15">
        <v>5896</v>
      </c>
      <c r="D131" s="19">
        <v>117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4</v>
      </c>
      <c r="C5" s="29">
        <v>39</v>
      </c>
      <c r="D5" s="31">
        <v>93</v>
      </c>
    </row>
    <row r="6" spans="1:4" ht="18" customHeight="1" x14ac:dyDescent="0.15">
      <c r="A6" s="5">
        <v>1</v>
      </c>
      <c r="B6" s="27">
        <v>45</v>
      </c>
      <c r="C6" s="14">
        <v>39</v>
      </c>
      <c r="D6" s="18">
        <v>84</v>
      </c>
    </row>
    <row r="7" spans="1:4" ht="18" customHeight="1" x14ac:dyDescent="0.15">
      <c r="A7" s="5">
        <v>2</v>
      </c>
      <c r="B7" s="27">
        <v>39</v>
      </c>
      <c r="C7" s="14">
        <v>34</v>
      </c>
      <c r="D7" s="18">
        <v>73</v>
      </c>
    </row>
    <row r="8" spans="1:4" ht="18" customHeight="1" x14ac:dyDescent="0.15">
      <c r="A8" s="5">
        <v>3</v>
      </c>
      <c r="B8" s="27">
        <v>50</v>
      </c>
      <c r="C8" s="14">
        <v>44</v>
      </c>
      <c r="D8" s="18">
        <v>94</v>
      </c>
    </row>
    <row r="9" spans="1:4" ht="18" customHeight="1" x14ac:dyDescent="0.15">
      <c r="A9" s="5">
        <v>4</v>
      </c>
      <c r="B9" s="28">
        <v>48</v>
      </c>
      <c r="C9" s="30">
        <v>40</v>
      </c>
      <c r="D9" s="32">
        <v>88</v>
      </c>
    </row>
    <row r="10" spans="1:4" ht="18" customHeight="1" x14ac:dyDescent="0.15">
      <c r="A10" s="5" t="s">
        <v>7</v>
      </c>
      <c r="B10" s="22">
        <v>236</v>
      </c>
      <c r="C10" s="14">
        <v>196</v>
      </c>
      <c r="D10" s="18">
        <v>432</v>
      </c>
    </row>
    <row r="11" spans="1:4" ht="18" customHeight="1" x14ac:dyDescent="0.15">
      <c r="A11" s="5">
        <v>5</v>
      </c>
      <c r="B11" s="27">
        <v>56</v>
      </c>
      <c r="C11" s="14">
        <v>50</v>
      </c>
      <c r="D11" s="18">
        <v>106</v>
      </c>
    </row>
    <row r="12" spans="1:4" ht="18" customHeight="1" x14ac:dyDescent="0.15">
      <c r="A12" s="5">
        <v>6</v>
      </c>
      <c r="B12" s="27">
        <v>37</v>
      </c>
      <c r="C12" s="14">
        <v>44</v>
      </c>
      <c r="D12" s="18">
        <v>81</v>
      </c>
    </row>
    <row r="13" spans="1:4" ht="18" customHeight="1" x14ac:dyDescent="0.15">
      <c r="A13" s="5">
        <v>7</v>
      </c>
      <c r="B13" s="27">
        <v>57</v>
      </c>
      <c r="C13" s="14">
        <v>52</v>
      </c>
      <c r="D13" s="18">
        <v>109</v>
      </c>
    </row>
    <row r="14" spans="1:4" ht="18" customHeight="1" x14ac:dyDescent="0.15">
      <c r="A14" s="5">
        <v>8</v>
      </c>
      <c r="B14" s="27">
        <v>50</v>
      </c>
      <c r="C14" s="14">
        <v>49</v>
      </c>
      <c r="D14" s="18">
        <v>99</v>
      </c>
    </row>
    <row r="15" spans="1:4" ht="18" customHeight="1" x14ac:dyDescent="0.15">
      <c r="A15" s="5">
        <v>9</v>
      </c>
      <c r="B15" s="27">
        <v>76</v>
      </c>
      <c r="C15" s="14">
        <v>51</v>
      </c>
      <c r="D15" s="18">
        <v>127</v>
      </c>
    </row>
    <row r="16" spans="1:4" ht="18" customHeight="1" x14ac:dyDescent="0.15">
      <c r="A16" s="5" t="s">
        <v>11</v>
      </c>
      <c r="B16" s="22">
        <v>276</v>
      </c>
      <c r="C16" s="14">
        <v>246</v>
      </c>
      <c r="D16" s="18">
        <v>522</v>
      </c>
    </row>
    <row r="17" spans="1:4" ht="18" customHeight="1" x14ac:dyDescent="0.15">
      <c r="A17" s="5">
        <v>10</v>
      </c>
      <c r="B17" s="22">
        <v>68</v>
      </c>
      <c r="C17" s="14">
        <v>71</v>
      </c>
      <c r="D17" s="18">
        <v>139</v>
      </c>
    </row>
    <row r="18" spans="1:4" ht="18" customHeight="1" x14ac:dyDescent="0.15">
      <c r="A18" s="5">
        <v>11</v>
      </c>
      <c r="B18" s="22">
        <v>61</v>
      </c>
      <c r="C18" s="14">
        <v>49</v>
      </c>
      <c r="D18" s="18">
        <v>110</v>
      </c>
    </row>
    <row r="19" spans="1:4" ht="18" customHeight="1" x14ac:dyDescent="0.15">
      <c r="A19" s="5">
        <v>12</v>
      </c>
      <c r="B19" s="22">
        <v>66</v>
      </c>
      <c r="C19" s="14">
        <v>79</v>
      </c>
      <c r="D19" s="18">
        <v>145</v>
      </c>
    </row>
    <row r="20" spans="1:4" ht="18" customHeight="1" x14ac:dyDescent="0.15">
      <c r="A20" s="5">
        <v>13</v>
      </c>
      <c r="B20" s="22">
        <v>68</v>
      </c>
      <c r="C20" s="14">
        <v>79</v>
      </c>
      <c r="D20" s="18">
        <v>147</v>
      </c>
    </row>
    <row r="21" spans="1:4" ht="18" customHeight="1" x14ac:dyDescent="0.15">
      <c r="A21" s="5">
        <v>14</v>
      </c>
      <c r="B21" s="22">
        <v>59</v>
      </c>
      <c r="C21" s="14">
        <v>63</v>
      </c>
      <c r="D21" s="18">
        <v>122</v>
      </c>
    </row>
    <row r="22" spans="1:4" ht="18" customHeight="1" x14ac:dyDescent="0.15">
      <c r="A22" s="5" t="s">
        <v>12</v>
      </c>
      <c r="B22" s="22">
        <v>322</v>
      </c>
      <c r="C22" s="14">
        <v>341</v>
      </c>
      <c r="D22" s="18">
        <v>663</v>
      </c>
    </row>
    <row r="23" spans="1:4" ht="18" customHeight="1" x14ac:dyDescent="0.15">
      <c r="A23" s="5" t="s">
        <v>6</v>
      </c>
      <c r="B23" s="22">
        <v>834</v>
      </c>
      <c r="C23" s="14">
        <v>783</v>
      </c>
      <c r="D23" s="18">
        <v>1617</v>
      </c>
    </row>
    <row r="24" spans="1:4" ht="18" customHeight="1" x14ac:dyDescent="0.15">
      <c r="A24" s="5">
        <v>15</v>
      </c>
      <c r="B24" s="22">
        <v>95</v>
      </c>
      <c r="C24" s="14">
        <v>53</v>
      </c>
      <c r="D24" s="18">
        <v>148</v>
      </c>
    </row>
    <row r="25" spans="1:4" ht="18" customHeight="1" x14ac:dyDescent="0.15">
      <c r="A25" s="5">
        <v>16</v>
      </c>
      <c r="B25" s="22">
        <v>73</v>
      </c>
      <c r="C25" s="14">
        <v>89</v>
      </c>
      <c r="D25" s="18">
        <v>162</v>
      </c>
    </row>
    <row r="26" spans="1:4" ht="18" customHeight="1" x14ac:dyDescent="0.15">
      <c r="A26" s="5">
        <v>17</v>
      </c>
      <c r="B26" s="22">
        <v>75</v>
      </c>
      <c r="C26" s="14">
        <v>70</v>
      </c>
      <c r="D26" s="18">
        <v>145</v>
      </c>
    </row>
    <row r="27" spans="1:4" ht="18" customHeight="1" x14ac:dyDescent="0.15">
      <c r="A27" s="5">
        <v>18</v>
      </c>
      <c r="B27" s="22">
        <v>66</v>
      </c>
      <c r="C27" s="14">
        <v>79</v>
      </c>
      <c r="D27" s="18">
        <v>145</v>
      </c>
    </row>
    <row r="28" spans="1:4" ht="18" customHeight="1" x14ac:dyDescent="0.15">
      <c r="A28" s="5">
        <v>19</v>
      </c>
      <c r="B28" s="22">
        <v>81</v>
      </c>
      <c r="C28" s="14">
        <v>61</v>
      </c>
      <c r="D28" s="18">
        <v>142</v>
      </c>
    </row>
    <row r="29" spans="1:4" ht="18" customHeight="1" x14ac:dyDescent="0.15">
      <c r="A29" s="5" t="s">
        <v>14</v>
      </c>
      <c r="B29" s="22">
        <v>390</v>
      </c>
      <c r="C29" s="14">
        <v>352</v>
      </c>
      <c r="D29" s="18">
        <v>742</v>
      </c>
    </row>
    <row r="30" spans="1:4" ht="18" customHeight="1" x14ac:dyDescent="0.15">
      <c r="A30" s="5">
        <v>20</v>
      </c>
      <c r="B30" s="22">
        <v>67</v>
      </c>
      <c r="C30" s="14">
        <v>69</v>
      </c>
      <c r="D30" s="18">
        <v>136</v>
      </c>
    </row>
    <row r="31" spans="1:4" ht="18" customHeight="1" x14ac:dyDescent="0.15">
      <c r="A31" s="5">
        <v>21</v>
      </c>
      <c r="B31" s="22">
        <v>80</v>
      </c>
      <c r="C31" s="14">
        <v>58</v>
      </c>
      <c r="D31" s="18">
        <v>138</v>
      </c>
    </row>
    <row r="32" spans="1:4" ht="18" customHeight="1" x14ac:dyDescent="0.15">
      <c r="A32" s="5">
        <v>22</v>
      </c>
      <c r="B32" s="22">
        <v>71</v>
      </c>
      <c r="C32" s="14">
        <v>58</v>
      </c>
      <c r="D32" s="18">
        <v>129</v>
      </c>
    </row>
    <row r="33" spans="1:4" ht="18" customHeight="1" x14ac:dyDescent="0.15">
      <c r="A33" s="5">
        <v>23</v>
      </c>
      <c r="B33" s="22">
        <v>78</v>
      </c>
      <c r="C33" s="14">
        <v>55</v>
      </c>
      <c r="D33" s="18">
        <v>133</v>
      </c>
    </row>
    <row r="34" spans="1:4" ht="18" customHeight="1" x14ac:dyDescent="0.15">
      <c r="A34" s="5">
        <v>24</v>
      </c>
      <c r="B34" s="22">
        <v>64</v>
      </c>
      <c r="C34" s="14">
        <v>57</v>
      </c>
      <c r="D34" s="18">
        <v>121</v>
      </c>
    </row>
    <row r="35" spans="1:4" ht="18" customHeight="1" x14ac:dyDescent="0.15">
      <c r="A35" s="5" t="s">
        <v>9</v>
      </c>
      <c r="B35" s="22">
        <v>360</v>
      </c>
      <c r="C35" s="14">
        <v>297</v>
      </c>
      <c r="D35" s="18">
        <v>657</v>
      </c>
    </row>
    <row r="36" spans="1:4" ht="18" customHeight="1" x14ac:dyDescent="0.15">
      <c r="A36" s="5">
        <v>25</v>
      </c>
      <c r="B36" s="22">
        <v>88</v>
      </c>
      <c r="C36" s="14">
        <v>65</v>
      </c>
      <c r="D36" s="18">
        <v>153</v>
      </c>
    </row>
    <row r="37" spans="1:4" ht="18" customHeight="1" x14ac:dyDescent="0.15">
      <c r="A37" s="5">
        <v>26</v>
      </c>
      <c r="B37" s="22">
        <v>71</v>
      </c>
      <c r="C37" s="14">
        <v>70</v>
      </c>
      <c r="D37" s="18">
        <v>141</v>
      </c>
    </row>
    <row r="38" spans="1:4" ht="18" customHeight="1" x14ac:dyDescent="0.15">
      <c r="A38" s="5">
        <v>27</v>
      </c>
      <c r="B38" s="22">
        <v>72</v>
      </c>
      <c r="C38" s="14">
        <v>65</v>
      </c>
      <c r="D38" s="18">
        <v>137</v>
      </c>
    </row>
    <row r="39" spans="1:4" ht="18" customHeight="1" x14ac:dyDescent="0.15">
      <c r="A39" s="5">
        <v>28</v>
      </c>
      <c r="B39" s="22">
        <v>73</v>
      </c>
      <c r="C39" s="14">
        <v>73</v>
      </c>
      <c r="D39" s="18">
        <v>146</v>
      </c>
    </row>
    <row r="40" spans="1:4" ht="18" customHeight="1" x14ac:dyDescent="0.15">
      <c r="A40" s="5">
        <v>29</v>
      </c>
      <c r="B40" s="22">
        <v>79</v>
      </c>
      <c r="C40" s="14">
        <v>68</v>
      </c>
      <c r="D40" s="18">
        <v>147</v>
      </c>
    </row>
    <row r="41" spans="1:4" ht="18" customHeight="1" x14ac:dyDescent="0.15">
      <c r="A41" s="5" t="s">
        <v>2</v>
      </c>
      <c r="B41" s="22">
        <v>383</v>
      </c>
      <c r="C41" s="14">
        <v>341</v>
      </c>
      <c r="D41" s="18">
        <v>724</v>
      </c>
    </row>
    <row r="42" spans="1:4" ht="18" customHeight="1" x14ac:dyDescent="0.15">
      <c r="A42" s="5">
        <v>30</v>
      </c>
      <c r="B42" s="22">
        <v>97</v>
      </c>
      <c r="C42" s="14">
        <v>62</v>
      </c>
      <c r="D42" s="18">
        <v>159</v>
      </c>
    </row>
    <row r="43" spans="1:4" ht="18" customHeight="1" x14ac:dyDescent="0.15">
      <c r="A43" s="5">
        <v>31</v>
      </c>
      <c r="B43" s="22">
        <v>81</v>
      </c>
      <c r="C43" s="14">
        <v>64</v>
      </c>
      <c r="D43" s="18">
        <v>145</v>
      </c>
    </row>
    <row r="44" spans="1:4" ht="18" customHeight="1" x14ac:dyDescent="0.15">
      <c r="A44" s="5">
        <v>32</v>
      </c>
      <c r="B44" s="22">
        <v>71</v>
      </c>
      <c r="C44" s="14">
        <v>73</v>
      </c>
      <c r="D44" s="18">
        <v>144</v>
      </c>
    </row>
    <row r="45" spans="1:4" ht="18" customHeight="1" x14ac:dyDescent="0.15">
      <c r="A45" s="5">
        <v>33</v>
      </c>
      <c r="B45" s="22">
        <v>70</v>
      </c>
      <c r="C45" s="14">
        <v>67</v>
      </c>
      <c r="D45" s="18">
        <v>137</v>
      </c>
    </row>
    <row r="46" spans="1:4" ht="18" customHeight="1" x14ac:dyDescent="0.15">
      <c r="A46" s="5">
        <v>34</v>
      </c>
      <c r="B46" s="22">
        <v>72</v>
      </c>
      <c r="C46" s="14">
        <v>50</v>
      </c>
      <c r="D46" s="18">
        <v>122</v>
      </c>
    </row>
    <row r="47" spans="1:4" ht="18" customHeight="1" x14ac:dyDescent="0.15">
      <c r="A47" s="5" t="s">
        <v>15</v>
      </c>
      <c r="B47" s="22">
        <v>391</v>
      </c>
      <c r="C47" s="14">
        <v>316</v>
      </c>
      <c r="D47" s="18">
        <v>707</v>
      </c>
    </row>
    <row r="48" spans="1:4" ht="18" customHeight="1" x14ac:dyDescent="0.15">
      <c r="A48" s="5">
        <v>35</v>
      </c>
      <c r="B48" s="22">
        <v>65</v>
      </c>
      <c r="C48" s="14">
        <v>65</v>
      </c>
      <c r="D48" s="18">
        <v>130</v>
      </c>
    </row>
    <row r="49" spans="1:4" ht="18" customHeight="1" x14ac:dyDescent="0.15">
      <c r="A49" s="5">
        <v>36</v>
      </c>
      <c r="B49" s="22">
        <v>68</v>
      </c>
      <c r="C49" s="14">
        <v>57</v>
      </c>
      <c r="D49" s="18">
        <v>125</v>
      </c>
    </row>
    <row r="50" spans="1:4" ht="18" customHeight="1" x14ac:dyDescent="0.15">
      <c r="A50" s="5">
        <v>37</v>
      </c>
      <c r="B50" s="22">
        <v>68</v>
      </c>
      <c r="C50" s="14">
        <v>55</v>
      </c>
      <c r="D50" s="18">
        <v>123</v>
      </c>
    </row>
    <row r="51" spans="1:4" ht="18" customHeight="1" x14ac:dyDescent="0.15">
      <c r="A51" s="5">
        <v>38</v>
      </c>
      <c r="B51" s="22">
        <v>59</v>
      </c>
      <c r="C51" s="14">
        <v>60</v>
      </c>
      <c r="D51" s="18">
        <v>119</v>
      </c>
    </row>
    <row r="52" spans="1:4" ht="18" customHeight="1" x14ac:dyDescent="0.15">
      <c r="A52" s="5">
        <v>39</v>
      </c>
      <c r="B52" s="22">
        <v>66</v>
      </c>
      <c r="C52" s="14">
        <v>65</v>
      </c>
      <c r="D52" s="18">
        <v>131</v>
      </c>
    </row>
    <row r="53" spans="1:4" ht="18" customHeight="1" x14ac:dyDescent="0.15">
      <c r="A53" s="5" t="s">
        <v>18</v>
      </c>
      <c r="B53" s="22">
        <v>326</v>
      </c>
      <c r="C53" s="14">
        <v>302</v>
      </c>
      <c r="D53" s="18">
        <v>628</v>
      </c>
    </row>
    <row r="54" spans="1:4" ht="18" customHeight="1" x14ac:dyDescent="0.15">
      <c r="A54" s="5">
        <v>40</v>
      </c>
      <c r="B54" s="22">
        <v>67</v>
      </c>
      <c r="C54" s="14">
        <v>67</v>
      </c>
      <c r="D54" s="18">
        <v>134</v>
      </c>
    </row>
    <row r="55" spans="1:4" ht="18" customHeight="1" x14ac:dyDescent="0.15">
      <c r="A55" s="5">
        <v>41</v>
      </c>
      <c r="B55" s="22">
        <v>62</v>
      </c>
      <c r="C55" s="14">
        <v>81</v>
      </c>
      <c r="D55" s="18">
        <v>143</v>
      </c>
    </row>
    <row r="56" spans="1:4" ht="18" customHeight="1" x14ac:dyDescent="0.15">
      <c r="A56" s="5">
        <v>42</v>
      </c>
      <c r="B56" s="22">
        <v>97</v>
      </c>
      <c r="C56" s="14">
        <v>89</v>
      </c>
      <c r="D56" s="18">
        <v>186</v>
      </c>
    </row>
    <row r="57" spans="1:4" ht="18" customHeight="1" x14ac:dyDescent="0.15">
      <c r="A57" s="5">
        <v>43</v>
      </c>
      <c r="B57" s="22">
        <v>78</v>
      </c>
      <c r="C57" s="14">
        <v>82</v>
      </c>
      <c r="D57" s="18">
        <v>160</v>
      </c>
    </row>
    <row r="58" spans="1:4" ht="18" customHeight="1" x14ac:dyDescent="0.15">
      <c r="A58" s="5">
        <v>44</v>
      </c>
      <c r="B58" s="22">
        <v>75</v>
      </c>
      <c r="C58" s="14">
        <v>90</v>
      </c>
      <c r="D58" s="18">
        <v>165</v>
      </c>
    </row>
    <row r="59" spans="1:4" ht="18" customHeight="1" x14ac:dyDescent="0.15">
      <c r="A59" s="5" t="s">
        <v>21</v>
      </c>
      <c r="B59" s="22">
        <v>379</v>
      </c>
      <c r="C59" s="14">
        <v>409</v>
      </c>
      <c r="D59" s="18">
        <v>788</v>
      </c>
    </row>
    <row r="60" spans="1:4" ht="18" customHeight="1" x14ac:dyDescent="0.15">
      <c r="A60" s="5">
        <v>45</v>
      </c>
      <c r="B60" s="22">
        <v>98</v>
      </c>
      <c r="C60" s="14">
        <v>83</v>
      </c>
      <c r="D60" s="18">
        <v>181</v>
      </c>
    </row>
    <row r="61" spans="1:4" ht="18" customHeight="1" x14ac:dyDescent="0.15">
      <c r="A61" s="5">
        <v>46</v>
      </c>
      <c r="B61" s="22">
        <v>92</v>
      </c>
      <c r="C61" s="14">
        <v>86</v>
      </c>
      <c r="D61" s="18">
        <v>178</v>
      </c>
    </row>
    <row r="62" spans="1:4" ht="18" customHeight="1" x14ac:dyDescent="0.15">
      <c r="A62" s="5">
        <v>47</v>
      </c>
      <c r="B62" s="22">
        <v>103</v>
      </c>
      <c r="C62" s="14">
        <v>122</v>
      </c>
      <c r="D62" s="18">
        <v>225</v>
      </c>
    </row>
    <row r="63" spans="1:4" ht="18" customHeight="1" x14ac:dyDescent="0.15">
      <c r="A63" s="5">
        <v>48</v>
      </c>
      <c r="B63" s="22">
        <v>120</v>
      </c>
      <c r="C63" s="14">
        <v>107</v>
      </c>
      <c r="D63" s="18">
        <v>227</v>
      </c>
    </row>
    <row r="64" spans="1:4" ht="18" customHeight="1" x14ac:dyDescent="0.15">
      <c r="A64" s="5">
        <v>49</v>
      </c>
      <c r="B64" s="22">
        <v>113</v>
      </c>
      <c r="C64" s="14">
        <v>124</v>
      </c>
      <c r="D64" s="18">
        <v>237</v>
      </c>
    </row>
    <row r="65" spans="1:4" ht="18" customHeight="1" x14ac:dyDescent="0.15">
      <c r="A65" s="5" t="s">
        <v>17</v>
      </c>
      <c r="B65" s="22">
        <v>526</v>
      </c>
      <c r="C65" s="14">
        <v>522</v>
      </c>
      <c r="D65" s="18">
        <v>1048</v>
      </c>
    </row>
    <row r="66" spans="1:4" ht="18" customHeight="1" x14ac:dyDescent="0.15">
      <c r="A66" s="5">
        <v>50</v>
      </c>
      <c r="B66" s="22">
        <v>109</v>
      </c>
      <c r="C66" s="14">
        <v>99</v>
      </c>
      <c r="D66" s="18">
        <v>208</v>
      </c>
    </row>
    <row r="67" spans="1:4" ht="18" customHeight="1" x14ac:dyDescent="0.15">
      <c r="A67" s="5">
        <v>51</v>
      </c>
      <c r="B67" s="22">
        <v>106</v>
      </c>
      <c r="C67" s="14">
        <v>109</v>
      </c>
      <c r="D67" s="18">
        <v>215</v>
      </c>
    </row>
    <row r="68" spans="1:4" ht="18" customHeight="1" x14ac:dyDescent="0.15">
      <c r="A68" s="5">
        <v>52</v>
      </c>
      <c r="B68" s="22">
        <v>127</v>
      </c>
      <c r="C68" s="14">
        <v>116</v>
      </c>
      <c r="D68" s="18">
        <v>243</v>
      </c>
    </row>
    <row r="69" spans="1:4" ht="18" customHeight="1" x14ac:dyDescent="0.15">
      <c r="A69" s="5">
        <v>53</v>
      </c>
      <c r="B69" s="22">
        <v>106</v>
      </c>
      <c r="C69" s="14">
        <v>118</v>
      </c>
      <c r="D69" s="18">
        <v>224</v>
      </c>
    </row>
    <row r="70" spans="1:4" ht="18" customHeight="1" x14ac:dyDescent="0.15">
      <c r="A70" s="5">
        <v>54</v>
      </c>
      <c r="B70" s="22">
        <v>97</v>
      </c>
      <c r="C70" s="14">
        <v>105</v>
      </c>
      <c r="D70" s="18">
        <v>202</v>
      </c>
    </row>
    <row r="71" spans="1:4" ht="18" customHeight="1" x14ac:dyDescent="0.15">
      <c r="A71" s="5" t="s">
        <v>22</v>
      </c>
      <c r="B71" s="22">
        <v>545</v>
      </c>
      <c r="C71" s="14">
        <v>547</v>
      </c>
      <c r="D71" s="18">
        <v>1092</v>
      </c>
    </row>
    <row r="72" spans="1:4" ht="18" customHeight="1" x14ac:dyDescent="0.15">
      <c r="A72" s="5">
        <v>55</v>
      </c>
      <c r="B72" s="22">
        <v>80</v>
      </c>
      <c r="C72" s="14">
        <v>101</v>
      </c>
      <c r="D72" s="18">
        <v>181</v>
      </c>
    </row>
    <row r="73" spans="1:4" ht="18" customHeight="1" x14ac:dyDescent="0.15">
      <c r="A73" s="5">
        <v>56</v>
      </c>
      <c r="B73" s="22">
        <v>88</v>
      </c>
      <c r="C73" s="14">
        <v>82</v>
      </c>
      <c r="D73" s="18">
        <v>170</v>
      </c>
    </row>
    <row r="74" spans="1:4" ht="18" customHeight="1" x14ac:dyDescent="0.15">
      <c r="A74" s="5">
        <v>57</v>
      </c>
      <c r="B74" s="22">
        <v>96</v>
      </c>
      <c r="C74" s="14">
        <v>80</v>
      </c>
      <c r="D74" s="18">
        <v>176</v>
      </c>
    </row>
    <row r="75" spans="1:4" ht="18" customHeight="1" x14ac:dyDescent="0.15">
      <c r="A75" s="5">
        <v>58</v>
      </c>
      <c r="B75" s="22">
        <v>75</v>
      </c>
      <c r="C75" s="14">
        <v>65</v>
      </c>
      <c r="D75" s="18">
        <v>140</v>
      </c>
    </row>
    <row r="76" spans="1:4" ht="18" customHeight="1" x14ac:dyDescent="0.15">
      <c r="A76" s="5">
        <v>59</v>
      </c>
      <c r="B76" s="22">
        <v>49</v>
      </c>
      <c r="C76" s="14">
        <v>44</v>
      </c>
      <c r="D76" s="18">
        <v>93</v>
      </c>
    </row>
    <row r="77" spans="1:4" ht="18" customHeight="1" x14ac:dyDescent="0.15">
      <c r="A77" s="5" t="s">
        <v>27</v>
      </c>
      <c r="B77" s="22">
        <v>388</v>
      </c>
      <c r="C77" s="14">
        <v>372</v>
      </c>
      <c r="D77" s="18">
        <v>760</v>
      </c>
    </row>
    <row r="78" spans="1:4" ht="18" customHeight="1" x14ac:dyDescent="0.15">
      <c r="A78" s="5">
        <v>60</v>
      </c>
      <c r="B78" s="22">
        <v>59</v>
      </c>
      <c r="C78" s="14">
        <v>85</v>
      </c>
      <c r="D78" s="18">
        <v>144</v>
      </c>
    </row>
    <row r="79" spans="1:4" ht="18" customHeight="1" x14ac:dyDescent="0.15">
      <c r="A79" s="5">
        <v>61</v>
      </c>
      <c r="B79" s="22">
        <v>52</v>
      </c>
      <c r="C79" s="14">
        <v>63</v>
      </c>
      <c r="D79" s="18">
        <v>115</v>
      </c>
    </row>
    <row r="80" spans="1:4" ht="18" customHeight="1" x14ac:dyDescent="0.15">
      <c r="A80" s="5">
        <v>62</v>
      </c>
      <c r="B80" s="22">
        <v>77</v>
      </c>
      <c r="C80" s="14">
        <v>65</v>
      </c>
      <c r="D80" s="18">
        <v>142</v>
      </c>
    </row>
    <row r="81" spans="1:4" ht="18" customHeight="1" x14ac:dyDescent="0.15">
      <c r="A81" s="5">
        <v>63</v>
      </c>
      <c r="B81" s="22">
        <v>63</v>
      </c>
      <c r="C81" s="14">
        <v>58</v>
      </c>
      <c r="D81" s="18">
        <v>121</v>
      </c>
    </row>
    <row r="82" spans="1:4" ht="18" customHeight="1" x14ac:dyDescent="0.15">
      <c r="A82" s="5">
        <v>64</v>
      </c>
      <c r="B82" s="22">
        <v>52</v>
      </c>
      <c r="C82" s="14">
        <v>69</v>
      </c>
      <c r="D82" s="18">
        <v>121</v>
      </c>
    </row>
    <row r="83" spans="1:4" ht="18" customHeight="1" x14ac:dyDescent="0.15">
      <c r="A83" s="5" t="s">
        <v>28</v>
      </c>
      <c r="B83" s="22">
        <v>303</v>
      </c>
      <c r="C83" s="14">
        <v>340</v>
      </c>
      <c r="D83" s="18">
        <v>643</v>
      </c>
    </row>
    <row r="84" spans="1:4" ht="18" customHeight="1" x14ac:dyDescent="0.15">
      <c r="A84" s="5" t="s">
        <v>31</v>
      </c>
      <c r="B84" s="22">
        <v>3991</v>
      </c>
      <c r="C84" s="14">
        <v>3798</v>
      </c>
      <c r="D84" s="18">
        <v>7789</v>
      </c>
    </row>
    <row r="85" spans="1:4" ht="18" customHeight="1" x14ac:dyDescent="0.15">
      <c r="A85" s="5">
        <v>65</v>
      </c>
      <c r="B85" s="22">
        <v>58</v>
      </c>
      <c r="C85" s="14">
        <v>56</v>
      </c>
      <c r="D85" s="18">
        <v>114</v>
      </c>
    </row>
    <row r="86" spans="1:4" ht="18" customHeight="1" x14ac:dyDescent="0.15">
      <c r="A86" s="5">
        <v>66</v>
      </c>
      <c r="B86" s="22">
        <v>59</v>
      </c>
      <c r="C86" s="14">
        <v>52</v>
      </c>
      <c r="D86" s="18">
        <v>111</v>
      </c>
    </row>
    <row r="87" spans="1:4" ht="18" customHeight="1" x14ac:dyDescent="0.15">
      <c r="A87" s="5">
        <v>67</v>
      </c>
      <c r="B87" s="22">
        <v>54</v>
      </c>
      <c r="C87" s="14">
        <v>57</v>
      </c>
      <c r="D87" s="18">
        <v>111</v>
      </c>
    </row>
    <row r="88" spans="1:4" ht="18" customHeight="1" x14ac:dyDescent="0.15">
      <c r="A88" s="5">
        <v>68</v>
      </c>
      <c r="B88" s="22">
        <v>46</v>
      </c>
      <c r="C88" s="14">
        <v>47</v>
      </c>
      <c r="D88" s="18">
        <v>93</v>
      </c>
    </row>
    <row r="89" spans="1:4" ht="18" customHeight="1" x14ac:dyDescent="0.15">
      <c r="A89" s="5">
        <v>69</v>
      </c>
      <c r="B89" s="22">
        <v>40</v>
      </c>
      <c r="C89" s="14">
        <v>56</v>
      </c>
      <c r="D89" s="18">
        <v>96</v>
      </c>
    </row>
    <row r="90" spans="1:4" ht="18" customHeight="1" x14ac:dyDescent="0.15">
      <c r="A90" s="5" t="s">
        <v>20</v>
      </c>
      <c r="B90" s="22">
        <v>257</v>
      </c>
      <c r="C90" s="14">
        <v>268</v>
      </c>
      <c r="D90" s="18">
        <v>525</v>
      </c>
    </row>
    <row r="91" spans="1:4" ht="18" customHeight="1" x14ac:dyDescent="0.15">
      <c r="A91" s="5">
        <v>70</v>
      </c>
      <c r="B91" s="22">
        <v>62</v>
      </c>
      <c r="C91" s="14">
        <v>56</v>
      </c>
      <c r="D91" s="18">
        <v>118</v>
      </c>
    </row>
    <row r="92" spans="1:4" ht="18" customHeight="1" x14ac:dyDescent="0.15">
      <c r="A92" s="5">
        <v>71</v>
      </c>
      <c r="B92" s="22">
        <v>44</v>
      </c>
      <c r="C92" s="14">
        <v>58</v>
      </c>
      <c r="D92" s="18">
        <v>102</v>
      </c>
    </row>
    <row r="93" spans="1:4" ht="18" customHeight="1" x14ac:dyDescent="0.15">
      <c r="A93" s="5">
        <v>72</v>
      </c>
      <c r="B93" s="22">
        <v>50</v>
      </c>
      <c r="C93" s="14">
        <v>59</v>
      </c>
      <c r="D93" s="18">
        <v>109</v>
      </c>
    </row>
    <row r="94" spans="1:4" ht="18" customHeight="1" x14ac:dyDescent="0.15">
      <c r="A94" s="5">
        <v>73</v>
      </c>
      <c r="B94" s="22">
        <v>62</v>
      </c>
      <c r="C94" s="14">
        <v>55</v>
      </c>
      <c r="D94" s="18">
        <v>117</v>
      </c>
    </row>
    <row r="95" spans="1:4" ht="18" customHeight="1" x14ac:dyDescent="0.15">
      <c r="A95" s="5">
        <v>74</v>
      </c>
      <c r="B95" s="22">
        <v>39</v>
      </c>
      <c r="C95" s="14">
        <v>60</v>
      </c>
      <c r="D95" s="18">
        <v>99</v>
      </c>
    </row>
    <row r="96" spans="1:4" ht="18" customHeight="1" x14ac:dyDescent="0.15">
      <c r="A96" s="5" t="s">
        <v>33</v>
      </c>
      <c r="B96" s="22">
        <v>257</v>
      </c>
      <c r="C96" s="14">
        <v>288</v>
      </c>
      <c r="D96" s="18">
        <v>545</v>
      </c>
    </row>
    <row r="97" spans="1:4" ht="18" customHeight="1" x14ac:dyDescent="0.15">
      <c r="A97" s="5">
        <v>75</v>
      </c>
      <c r="B97" s="22">
        <v>49</v>
      </c>
      <c r="C97" s="14">
        <v>76</v>
      </c>
      <c r="D97" s="18">
        <v>125</v>
      </c>
    </row>
    <row r="98" spans="1:4" ht="18" customHeight="1" x14ac:dyDescent="0.15">
      <c r="A98" s="5">
        <v>76</v>
      </c>
      <c r="B98" s="22">
        <v>57</v>
      </c>
      <c r="C98" s="14">
        <v>61</v>
      </c>
      <c r="D98" s="18">
        <v>118</v>
      </c>
    </row>
    <row r="99" spans="1:4" ht="18" customHeight="1" x14ac:dyDescent="0.15">
      <c r="A99" s="5">
        <v>77</v>
      </c>
      <c r="B99" s="22">
        <v>51</v>
      </c>
      <c r="C99" s="14">
        <v>62</v>
      </c>
      <c r="D99" s="18">
        <v>113</v>
      </c>
    </row>
    <row r="100" spans="1:4" ht="18" customHeight="1" x14ac:dyDescent="0.15">
      <c r="A100" s="5">
        <v>78</v>
      </c>
      <c r="B100" s="22">
        <v>49</v>
      </c>
      <c r="C100" s="14">
        <v>88</v>
      </c>
      <c r="D100" s="18">
        <v>137</v>
      </c>
    </row>
    <row r="101" spans="1:4" ht="18" customHeight="1" x14ac:dyDescent="0.15">
      <c r="A101" s="5">
        <v>79</v>
      </c>
      <c r="B101" s="22">
        <v>41</v>
      </c>
      <c r="C101" s="14">
        <v>45</v>
      </c>
      <c r="D101" s="18">
        <v>86</v>
      </c>
    </row>
    <row r="102" spans="1:4" ht="18" customHeight="1" x14ac:dyDescent="0.15">
      <c r="A102" s="5" t="s">
        <v>0</v>
      </c>
      <c r="B102" s="22">
        <v>247</v>
      </c>
      <c r="C102" s="14">
        <v>332</v>
      </c>
      <c r="D102" s="18">
        <v>579</v>
      </c>
    </row>
    <row r="103" spans="1:4" ht="18" customHeight="1" x14ac:dyDescent="0.15">
      <c r="A103" s="5">
        <v>80</v>
      </c>
      <c r="B103" s="22">
        <v>23</v>
      </c>
      <c r="C103" s="14">
        <v>29</v>
      </c>
      <c r="D103" s="18">
        <v>52</v>
      </c>
    </row>
    <row r="104" spans="1:4" ht="18" customHeight="1" x14ac:dyDescent="0.15">
      <c r="A104" s="5">
        <v>81</v>
      </c>
      <c r="B104" s="22">
        <v>34</v>
      </c>
      <c r="C104" s="14">
        <v>46</v>
      </c>
      <c r="D104" s="18">
        <v>80</v>
      </c>
    </row>
    <row r="105" spans="1:4" ht="18" customHeight="1" x14ac:dyDescent="0.15">
      <c r="A105" s="5">
        <v>82</v>
      </c>
      <c r="B105" s="22">
        <v>35</v>
      </c>
      <c r="C105" s="14">
        <v>40</v>
      </c>
      <c r="D105" s="18">
        <v>75</v>
      </c>
    </row>
    <row r="106" spans="1:4" ht="18" customHeight="1" x14ac:dyDescent="0.15">
      <c r="A106" s="5">
        <v>83</v>
      </c>
      <c r="B106" s="22">
        <v>35</v>
      </c>
      <c r="C106" s="14">
        <v>48</v>
      </c>
      <c r="D106" s="18">
        <v>83</v>
      </c>
    </row>
    <row r="107" spans="1:4" ht="18" customHeight="1" x14ac:dyDescent="0.15">
      <c r="A107" s="5">
        <v>84</v>
      </c>
      <c r="B107" s="22">
        <v>25</v>
      </c>
      <c r="C107" s="14">
        <v>35</v>
      </c>
      <c r="D107" s="18">
        <v>60</v>
      </c>
    </row>
    <row r="108" spans="1:4" ht="18" customHeight="1" x14ac:dyDescent="0.15">
      <c r="A108" s="5" t="s">
        <v>35</v>
      </c>
      <c r="B108" s="22">
        <v>152</v>
      </c>
      <c r="C108" s="14">
        <v>198</v>
      </c>
      <c r="D108" s="18">
        <v>350</v>
      </c>
    </row>
    <row r="109" spans="1:4" ht="18" customHeight="1" x14ac:dyDescent="0.15">
      <c r="A109" s="5">
        <v>85</v>
      </c>
      <c r="B109" s="22">
        <v>24</v>
      </c>
      <c r="C109" s="14">
        <v>29</v>
      </c>
      <c r="D109" s="18">
        <v>53</v>
      </c>
    </row>
    <row r="110" spans="1:4" ht="18" customHeight="1" x14ac:dyDescent="0.15">
      <c r="A110" s="5">
        <v>86</v>
      </c>
      <c r="B110" s="22">
        <v>16</v>
      </c>
      <c r="C110" s="14">
        <v>29</v>
      </c>
      <c r="D110" s="18">
        <v>45</v>
      </c>
    </row>
    <row r="111" spans="1:4" ht="18" customHeight="1" x14ac:dyDescent="0.15">
      <c r="A111" s="5">
        <v>87</v>
      </c>
      <c r="B111" s="22">
        <v>14</v>
      </c>
      <c r="C111" s="14">
        <v>29</v>
      </c>
      <c r="D111" s="18">
        <v>43</v>
      </c>
    </row>
    <row r="112" spans="1:4" ht="18" customHeight="1" x14ac:dyDescent="0.15">
      <c r="A112" s="5">
        <v>88</v>
      </c>
      <c r="B112" s="22">
        <v>19</v>
      </c>
      <c r="C112" s="14">
        <v>22</v>
      </c>
      <c r="D112" s="18">
        <v>41</v>
      </c>
    </row>
    <row r="113" spans="1:4" ht="18" customHeight="1" x14ac:dyDescent="0.15">
      <c r="A113" s="5">
        <v>89</v>
      </c>
      <c r="B113" s="22">
        <v>10</v>
      </c>
      <c r="C113" s="14">
        <v>20</v>
      </c>
      <c r="D113" s="18">
        <v>30</v>
      </c>
    </row>
    <row r="114" spans="1:4" ht="18" customHeight="1" x14ac:dyDescent="0.15">
      <c r="A114" s="5" t="s">
        <v>37</v>
      </c>
      <c r="B114" s="22">
        <v>83</v>
      </c>
      <c r="C114" s="14">
        <v>129</v>
      </c>
      <c r="D114" s="18">
        <v>212</v>
      </c>
    </row>
    <row r="115" spans="1:4" ht="18" customHeight="1" x14ac:dyDescent="0.15">
      <c r="A115" s="5">
        <v>90</v>
      </c>
      <c r="B115" s="22">
        <v>9</v>
      </c>
      <c r="C115" s="14">
        <v>30</v>
      </c>
      <c r="D115" s="18">
        <v>39</v>
      </c>
    </row>
    <row r="116" spans="1:4" ht="18" customHeight="1" x14ac:dyDescent="0.15">
      <c r="A116" s="5">
        <v>91</v>
      </c>
      <c r="B116" s="22">
        <v>11</v>
      </c>
      <c r="C116" s="14">
        <v>20</v>
      </c>
      <c r="D116" s="18">
        <v>31</v>
      </c>
    </row>
    <row r="117" spans="1:4" ht="18" customHeight="1" x14ac:dyDescent="0.15">
      <c r="A117" s="5">
        <v>92</v>
      </c>
      <c r="B117" s="22">
        <v>7</v>
      </c>
      <c r="C117" s="14">
        <v>32</v>
      </c>
      <c r="D117" s="18">
        <v>39</v>
      </c>
    </row>
    <row r="118" spans="1:4" ht="18" customHeight="1" x14ac:dyDescent="0.15">
      <c r="A118" s="5">
        <v>93</v>
      </c>
      <c r="B118" s="22">
        <v>2</v>
      </c>
      <c r="C118" s="14">
        <v>28</v>
      </c>
      <c r="D118" s="18">
        <v>30</v>
      </c>
    </row>
    <row r="119" spans="1:4" ht="18" customHeight="1" x14ac:dyDescent="0.15">
      <c r="A119" s="5">
        <v>94</v>
      </c>
      <c r="B119" s="22">
        <v>3</v>
      </c>
      <c r="C119" s="14">
        <v>18</v>
      </c>
      <c r="D119" s="18">
        <v>21</v>
      </c>
    </row>
    <row r="120" spans="1:4" ht="18" customHeight="1" x14ac:dyDescent="0.15">
      <c r="A120" s="5" t="s">
        <v>39</v>
      </c>
      <c r="B120" s="22">
        <v>32</v>
      </c>
      <c r="C120" s="14">
        <v>128</v>
      </c>
      <c r="D120" s="18">
        <v>160</v>
      </c>
    </row>
    <row r="121" spans="1:4" ht="18" customHeight="1" x14ac:dyDescent="0.15">
      <c r="A121" s="5">
        <v>95</v>
      </c>
      <c r="B121" s="22">
        <v>5</v>
      </c>
      <c r="C121" s="14">
        <v>12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5</v>
      </c>
      <c r="D122" s="18">
        <v>7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3</v>
      </c>
      <c r="C124" s="14">
        <v>4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14</v>
      </c>
      <c r="C126" s="14">
        <v>31</v>
      </c>
      <c r="D126" s="18">
        <v>45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0</v>
      </c>
      <c r="C129" s="14">
        <v>12</v>
      </c>
      <c r="D129" s="18">
        <v>12</v>
      </c>
    </row>
    <row r="130" spans="1:4" ht="18" customHeight="1" x14ac:dyDescent="0.15">
      <c r="A130" s="5" t="s">
        <v>46</v>
      </c>
      <c r="B130" s="22">
        <v>1042</v>
      </c>
      <c r="C130" s="14">
        <v>1386</v>
      </c>
      <c r="D130" s="18">
        <v>2428</v>
      </c>
    </row>
    <row r="131" spans="1:4" ht="18" customHeight="1" x14ac:dyDescent="0.15">
      <c r="A131" s="7" t="s">
        <v>45</v>
      </c>
      <c r="B131" s="23">
        <v>5867</v>
      </c>
      <c r="C131" s="15">
        <v>5967</v>
      </c>
      <c r="D131" s="19">
        <v>1183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3</v>
      </c>
      <c r="D5" s="31">
        <v>3</v>
      </c>
    </row>
    <row r="6" spans="1:4" ht="18" customHeight="1" x14ac:dyDescent="0.15">
      <c r="A6" s="5">
        <v>1</v>
      </c>
      <c r="B6" s="27">
        <v>6</v>
      </c>
      <c r="C6" s="14">
        <v>6</v>
      </c>
      <c r="D6" s="18">
        <v>12</v>
      </c>
    </row>
    <row r="7" spans="1:4" ht="18" customHeight="1" x14ac:dyDescent="0.15">
      <c r="A7" s="5">
        <v>2</v>
      </c>
      <c r="B7" s="27">
        <v>7</v>
      </c>
      <c r="C7" s="14">
        <v>3</v>
      </c>
      <c r="D7" s="18">
        <v>10</v>
      </c>
    </row>
    <row r="8" spans="1:4" ht="18" customHeight="1" x14ac:dyDescent="0.15">
      <c r="A8" s="5">
        <v>3</v>
      </c>
      <c r="B8" s="27">
        <v>7</v>
      </c>
      <c r="C8" s="14">
        <v>1</v>
      </c>
      <c r="D8" s="18">
        <v>8</v>
      </c>
    </row>
    <row r="9" spans="1:4" ht="18" customHeight="1" x14ac:dyDescent="0.15">
      <c r="A9" s="5">
        <v>4</v>
      </c>
      <c r="B9" s="28">
        <v>5</v>
      </c>
      <c r="C9" s="30">
        <v>7</v>
      </c>
      <c r="D9" s="32">
        <v>12</v>
      </c>
    </row>
    <row r="10" spans="1:4" ht="18" customHeight="1" x14ac:dyDescent="0.15">
      <c r="A10" s="5" t="s">
        <v>7</v>
      </c>
      <c r="B10" s="22">
        <v>25</v>
      </c>
      <c r="C10" s="14">
        <v>20</v>
      </c>
      <c r="D10" s="18">
        <v>45</v>
      </c>
    </row>
    <row r="11" spans="1:4" ht="18" customHeight="1" x14ac:dyDescent="0.15">
      <c r="A11" s="5">
        <v>5</v>
      </c>
      <c r="B11" s="27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7">
        <v>6</v>
      </c>
      <c r="C12" s="14">
        <v>7</v>
      </c>
      <c r="D12" s="18">
        <v>13</v>
      </c>
    </row>
    <row r="13" spans="1:4" ht="18" customHeight="1" x14ac:dyDescent="0.15">
      <c r="A13" s="5">
        <v>7</v>
      </c>
      <c r="B13" s="27">
        <v>7</v>
      </c>
      <c r="C13" s="14">
        <v>6</v>
      </c>
      <c r="D13" s="18">
        <v>13</v>
      </c>
    </row>
    <row r="14" spans="1:4" ht="18" customHeight="1" x14ac:dyDescent="0.15">
      <c r="A14" s="5">
        <v>8</v>
      </c>
      <c r="B14" s="27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7">
        <v>6</v>
      </c>
      <c r="C15" s="14">
        <v>8</v>
      </c>
      <c r="D15" s="18">
        <v>14</v>
      </c>
    </row>
    <row r="16" spans="1:4" ht="18" customHeight="1" x14ac:dyDescent="0.15">
      <c r="A16" s="5" t="s">
        <v>11</v>
      </c>
      <c r="B16" s="22">
        <v>31</v>
      </c>
      <c r="C16" s="14">
        <v>32</v>
      </c>
      <c r="D16" s="18">
        <v>63</v>
      </c>
    </row>
    <row r="17" spans="1:4" ht="18" customHeight="1" x14ac:dyDescent="0.15">
      <c r="A17" s="5">
        <v>10</v>
      </c>
      <c r="B17" s="22">
        <v>5</v>
      </c>
      <c r="C17" s="14">
        <v>5</v>
      </c>
      <c r="D17" s="18">
        <v>10</v>
      </c>
    </row>
    <row r="18" spans="1:4" ht="18" customHeight="1" x14ac:dyDescent="0.15">
      <c r="A18" s="5">
        <v>11</v>
      </c>
      <c r="B18" s="22">
        <v>5</v>
      </c>
      <c r="C18" s="14">
        <v>6</v>
      </c>
      <c r="D18" s="18">
        <v>11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9</v>
      </c>
      <c r="C20" s="14">
        <v>3</v>
      </c>
      <c r="D20" s="18">
        <v>12</v>
      </c>
    </row>
    <row r="21" spans="1:4" ht="18" customHeight="1" x14ac:dyDescent="0.15">
      <c r="A21" s="5">
        <v>14</v>
      </c>
      <c r="B21" s="22">
        <v>1</v>
      </c>
      <c r="C21" s="14">
        <v>7</v>
      </c>
      <c r="D21" s="18">
        <v>8</v>
      </c>
    </row>
    <row r="22" spans="1:4" ht="18" customHeight="1" x14ac:dyDescent="0.15">
      <c r="A22" s="5" t="s">
        <v>12</v>
      </c>
      <c r="B22" s="22">
        <v>22</v>
      </c>
      <c r="C22" s="14">
        <v>26</v>
      </c>
      <c r="D22" s="18">
        <v>48</v>
      </c>
    </row>
    <row r="23" spans="1:4" ht="18" customHeight="1" x14ac:dyDescent="0.15">
      <c r="A23" s="5" t="s">
        <v>6</v>
      </c>
      <c r="B23" s="22">
        <v>78</v>
      </c>
      <c r="C23" s="14">
        <v>78</v>
      </c>
      <c r="D23" s="18">
        <v>156</v>
      </c>
    </row>
    <row r="24" spans="1:4" ht="18" customHeight="1" x14ac:dyDescent="0.15">
      <c r="A24" s="5">
        <v>15</v>
      </c>
      <c r="B24" s="22">
        <v>5</v>
      </c>
      <c r="C24" s="14">
        <v>1</v>
      </c>
      <c r="D24" s="18">
        <v>6</v>
      </c>
    </row>
    <row r="25" spans="1:4" ht="18" customHeight="1" x14ac:dyDescent="0.15">
      <c r="A25" s="5">
        <v>16</v>
      </c>
      <c r="B25" s="22">
        <v>0</v>
      </c>
      <c r="C25" s="14">
        <v>7</v>
      </c>
      <c r="D25" s="18">
        <v>7</v>
      </c>
    </row>
    <row r="26" spans="1:4" ht="18" customHeight="1" x14ac:dyDescent="0.15">
      <c r="A26" s="5">
        <v>17</v>
      </c>
      <c r="B26" s="22">
        <v>5</v>
      </c>
      <c r="C26" s="14">
        <v>2</v>
      </c>
      <c r="D26" s="18">
        <v>7</v>
      </c>
    </row>
    <row r="27" spans="1:4" ht="18" customHeight="1" x14ac:dyDescent="0.15">
      <c r="A27" s="5">
        <v>18</v>
      </c>
      <c r="B27" s="22">
        <v>6</v>
      </c>
      <c r="C27" s="14">
        <v>3</v>
      </c>
      <c r="D27" s="18">
        <v>9</v>
      </c>
    </row>
    <row r="28" spans="1:4" ht="18" customHeight="1" x14ac:dyDescent="0.15">
      <c r="A28" s="5">
        <v>19</v>
      </c>
      <c r="B28" s="22">
        <v>2</v>
      </c>
      <c r="C28" s="14">
        <v>3</v>
      </c>
      <c r="D28" s="18">
        <v>5</v>
      </c>
    </row>
    <row r="29" spans="1:4" ht="18" customHeight="1" x14ac:dyDescent="0.15">
      <c r="A29" s="5" t="s">
        <v>14</v>
      </c>
      <c r="B29" s="22">
        <v>18</v>
      </c>
      <c r="C29" s="14">
        <v>16</v>
      </c>
      <c r="D29" s="18">
        <v>34</v>
      </c>
    </row>
    <row r="30" spans="1:4" ht="18" customHeight="1" x14ac:dyDescent="0.15">
      <c r="A30" s="5">
        <v>20</v>
      </c>
      <c r="B30" s="22">
        <v>3</v>
      </c>
      <c r="C30" s="14">
        <v>9</v>
      </c>
      <c r="D30" s="18">
        <v>12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1</v>
      </c>
      <c r="C32" s="14">
        <v>5</v>
      </c>
      <c r="D32" s="18">
        <v>6</v>
      </c>
    </row>
    <row r="33" spans="1:4" ht="18" customHeight="1" x14ac:dyDescent="0.15">
      <c r="A33" s="5">
        <v>23</v>
      </c>
      <c r="B33" s="22">
        <v>4</v>
      </c>
      <c r="C33" s="14">
        <v>7</v>
      </c>
      <c r="D33" s="18">
        <v>11</v>
      </c>
    </row>
    <row r="34" spans="1:4" ht="18" customHeight="1" x14ac:dyDescent="0.15">
      <c r="A34" s="5">
        <v>24</v>
      </c>
      <c r="B34" s="22">
        <v>2</v>
      </c>
      <c r="C34" s="14">
        <v>5</v>
      </c>
      <c r="D34" s="18">
        <v>7</v>
      </c>
    </row>
    <row r="35" spans="1:4" ht="18" customHeight="1" x14ac:dyDescent="0.15">
      <c r="A35" s="5" t="s">
        <v>9</v>
      </c>
      <c r="B35" s="22">
        <v>14</v>
      </c>
      <c r="C35" s="14">
        <v>30</v>
      </c>
      <c r="D35" s="18">
        <v>44</v>
      </c>
    </row>
    <row r="36" spans="1:4" ht="18" customHeight="1" x14ac:dyDescent="0.15">
      <c r="A36" s="5">
        <v>25</v>
      </c>
      <c r="B36" s="22">
        <v>5</v>
      </c>
      <c r="C36" s="14">
        <v>5</v>
      </c>
      <c r="D36" s="18">
        <v>10</v>
      </c>
    </row>
    <row r="37" spans="1:4" ht="18" customHeight="1" x14ac:dyDescent="0.15">
      <c r="A37" s="5">
        <v>26</v>
      </c>
      <c r="B37" s="22">
        <v>5</v>
      </c>
      <c r="C37" s="14">
        <v>4</v>
      </c>
      <c r="D37" s="18">
        <v>9</v>
      </c>
    </row>
    <row r="38" spans="1:4" ht="18" customHeight="1" x14ac:dyDescent="0.15">
      <c r="A38" s="5">
        <v>27</v>
      </c>
      <c r="B38" s="22">
        <v>5</v>
      </c>
      <c r="C38" s="14">
        <v>5</v>
      </c>
      <c r="D38" s="18">
        <v>10</v>
      </c>
    </row>
    <row r="39" spans="1:4" ht="18" customHeight="1" x14ac:dyDescent="0.15">
      <c r="A39" s="5">
        <v>28</v>
      </c>
      <c r="B39" s="22">
        <v>10</v>
      </c>
      <c r="C39" s="14">
        <v>1</v>
      </c>
      <c r="D39" s="18">
        <v>11</v>
      </c>
    </row>
    <row r="40" spans="1:4" ht="18" customHeight="1" x14ac:dyDescent="0.15">
      <c r="A40" s="5">
        <v>29</v>
      </c>
      <c r="B40" s="22">
        <v>7</v>
      </c>
      <c r="C40" s="14">
        <v>7</v>
      </c>
      <c r="D40" s="18">
        <v>14</v>
      </c>
    </row>
    <row r="41" spans="1:4" ht="18" customHeight="1" x14ac:dyDescent="0.15">
      <c r="A41" s="5" t="s">
        <v>2</v>
      </c>
      <c r="B41" s="22">
        <v>32</v>
      </c>
      <c r="C41" s="14">
        <v>22</v>
      </c>
      <c r="D41" s="18">
        <v>54</v>
      </c>
    </row>
    <row r="42" spans="1:4" ht="18" customHeight="1" x14ac:dyDescent="0.15">
      <c r="A42" s="5">
        <v>30</v>
      </c>
      <c r="B42" s="22">
        <v>8</v>
      </c>
      <c r="C42" s="14">
        <v>3</v>
      </c>
      <c r="D42" s="18">
        <v>11</v>
      </c>
    </row>
    <row r="43" spans="1:4" ht="18" customHeight="1" x14ac:dyDescent="0.15">
      <c r="A43" s="5">
        <v>31</v>
      </c>
      <c r="B43" s="22">
        <v>4</v>
      </c>
      <c r="C43" s="14">
        <v>7</v>
      </c>
      <c r="D43" s="18">
        <v>11</v>
      </c>
    </row>
    <row r="44" spans="1:4" ht="18" customHeight="1" x14ac:dyDescent="0.15">
      <c r="A44" s="5">
        <v>32</v>
      </c>
      <c r="B44" s="22">
        <v>11</v>
      </c>
      <c r="C44" s="14">
        <v>4</v>
      </c>
      <c r="D44" s="18">
        <v>15</v>
      </c>
    </row>
    <row r="45" spans="1:4" ht="18" customHeight="1" x14ac:dyDescent="0.15">
      <c r="A45" s="5">
        <v>33</v>
      </c>
      <c r="B45" s="22">
        <v>6</v>
      </c>
      <c r="C45" s="14">
        <v>2</v>
      </c>
      <c r="D45" s="18">
        <v>8</v>
      </c>
    </row>
    <row r="46" spans="1:4" ht="18" customHeight="1" x14ac:dyDescent="0.15">
      <c r="A46" s="5">
        <v>34</v>
      </c>
      <c r="B46" s="22">
        <v>11</v>
      </c>
      <c r="C46" s="14">
        <v>11</v>
      </c>
      <c r="D46" s="18">
        <v>22</v>
      </c>
    </row>
    <row r="47" spans="1:4" ht="18" customHeight="1" x14ac:dyDescent="0.15">
      <c r="A47" s="5" t="s">
        <v>15</v>
      </c>
      <c r="B47" s="22">
        <v>40</v>
      </c>
      <c r="C47" s="14">
        <v>27</v>
      </c>
      <c r="D47" s="18">
        <v>67</v>
      </c>
    </row>
    <row r="48" spans="1:4" ht="18" customHeight="1" x14ac:dyDescent="0.15">
      <c r="A48" s="5">
        <v>35</v>
      </c>
      <c r="B48" s="22">
        <v>12</v>
      </c>
      <c r="C48" s="14">
        <v>5</v>
      </c>
      <c r="D48" s="18">
        <v>17</v>
      </c>
    </row>
    <row r="49" spans="1:4" ht="18" customHeight="1" x14ac:dyDescent="0.15">
      <c r="A49" s="5">
        <v>36</v>
      </c>
      <c r="B49" s="22">
        <v>8</v>
      </c>
      <c r="C49" s="14">
        <v>7</v>
      </c>
      <c r="D49" s="18">
        <v>15</v>
      </c>
    </row>
    <row r="50" spans="1:4" ht="18" customHeight="1" x14ac:dyDescent="0.15">
      <c r="A50" s="5">
        <v>37</v>
      </c>
      <c r="B50" s="22">
        <v>6</v>
      </c>
      <c r="C50" s="14">
        <v>10</v>
      </c>
      <c r="D50" s="18">
        <v>16</v>
      </c>
    </row>
    <row r="51" spans="1:4" ht="18" customHeight="1" x14ac:dyDescent="0.15">
      <c r="A51" s="5">
        <v>38</v>
      </c>
      <c r="B51" s="22">
        <v>7</v>
      </c>
      <c r="C51" s="14">
        <v>7</v>
      </c>
      <c r="D51" s="18">
        <v>14</v>
      </c>
    </row>
    <row r="52" spans="1:4" ht="18" customHeight="1" x14ac:dyDescent="0.15">
      <c r="A52" s="5">
        <v>39</v>
      </c>
      <c r="B52" s="22">
        <v>6</v>
      </c>
      <c r="C52" s="14">
        <v>11</v>
      </c>
      <c r="D52" s="18">
        <v>17</v>
      </c>
    </row>
    <row r="53" spans="1:4" ht="18" customHeight="1" x14ac:dyDescent="0.15">
      <c r="A53" s="5" t="s">
        <v>18</v>
      </c>
      <c r="B53" s="22">
        <v>39</v>
      </c>
      <c r="C53" s="14">
        <v>40</v>
      </c>
      <c r="D53" s="18">
        <v>79</v>
      </c>
    </row>
    <row r="54" spans="1:4" ht="18" customHeight="1" x14ac:dyDescent="0.15">
      <c r="A54" s="5">
        <v>40</v>
      </c>
      <c r="B54" s="22">
        <v>8</v>
      </c>
      <c r="C54" s="14">
        <v>9</v>
      </c>
      <c r="D54" s="18">
        <v>17</v>
      </c>
    </row>
    <row r="55" spans="1:4" ht="18" customHeight="1" x14ac:dyDescent="0.15">
      <c r="A55" s="5">
        <v>41</v>
      </c>
      <c r="B55" s="22">
        <v>12</v>
      </c>
      <c r="C55" s="14">
        <v>7</v>
      </c>
      <c r="D55" s="18">
        <v>19</v>
      </c>
    </row>
    <row r="56" spans="1:4" ht="18" customHeight="1" x14ac:dyDescent="0.15">
      <c r="A56" s="5">
        <v>42</v>
      </c>
      <c r="B56" s="22">
        <v>10</v>
      </c>
      <c r="C56" s="14">
        <v>8</v>
      </c>
      <c r="D56" s="18">
        <v>18</v>
      </c>
    </row>
    <row r="57" spans="1:4" ht="18" customHeight="1" x14ac:dyDescent="0.15">
      <c r="A57" s="5">
        <v>43</v>
      </c>
      <c r="B57" s="22">
        <v>2</v>
      </c>
      <c r="C57" s="14">
        <v>12</v>
      </c>
      <c r="D57" s="18">
        <v>14</v>
      </c>
    </row>
    <row r="58" spans="1:4" ht="18" customHeight="1" x14ac:dyDescent="0.15">
      <c r="A58" s="5">
        <v>44</v>
      </c>
      <c r="B58" s="22">
        <v>3</v>
      </c>
      <c r="C58" s="14">
        <v>7</v>
      </c>
      <c r="D58" s="18">
        <v>10</v>
      </c>
    </row>
    <row r="59" spans="1:4" ht="18" customHeight="1" x14ac:dyDescent="0.15">
      <c r="A59" s="5" t="s">
        <v>21</v>
      </c>
      <c r="B59" s="22">
        <v>35</v>
      </c>
      <c r="C59" s="14">
        <v>43</v>
      </c>
      <c r="D59" s="18">
        <v>78</v>
      </c>
    </row>
    <row r="60" spans="1:4" ht="18" customHeight="1" x14ac:dyDescent="0.15">
      <c r="A60" s="5">
        <v>45</v>
      </c>
      <c r="B60" s="22">
        <v>11</v>
      </c>
      <c r="C60" s="14">
        <v>3</v>
      </c>
      <c r="D60" s="18">
        <v>14</v>
      </c>
    </row>
    <row r="61" spans="1:4" ht="18" customHeight="1" x14ac:dyDescent="0.15">
      <c r="A61" s="5">
        <v>46</v>
      </c>
      <c r="B61" s="22">
        <v>12</v>
      </c>
      <c r="C61" s="14">
        <v>7</v>
      </c>
      <c r="D61" s="18">
        <v>19</v>
      </c>
    </row>
    <row r="62" spans="1:4" ht="18" customHeight="1" x14ac:dyDescent="0.15">
      <c r="A62" s="5">
        <v>47</v>
      </c>
      <c r="B62" s="22">
        <v>13</v>
      </c>
      <c r="C62" s="14">
        <v>8</v>
      </c>
      <c r="D62" s="18">
        <v>21</v>
      </c>
    </row>
    <row r="63" spans="1:4" ht="18" customHeight="1" x14ac:dyDescent="0.15">
      <c r="A63" s="5">
        <v>48</v>
      </c>
      <c r="B63" s="22">
        <v>8</v>
      </c>
      <c r="C63" s="14">
        <v>7</v>
      </c>
      <c r="D63" s="18">
        <v>15</v>
      </c>
    </row>
    <row r="64" spans="1:4" ht="18" customHeight="1" x14ac:dyDescent="0.15">
      <c r="A64" s="5">
        <v>49</v>
      </c>
      <c r="B64" s="22">
        <v>2</v>
      </c>
      <c r="C64" s="14">
        <v>5</v>
      </c>
      <c r="D64" s="18">
        <v>7</v>
      </c>
    </row>
    <row r="65" spans="1:4" ht="18" customHeight="1" x14ac:dyDescent="0.15">
      <c r="A65" s="5" t="s">
        <v>17</v>
      </c>
      <c r="B65" s="22">
        <v>46</v>
      </c>
      <c r="C65" s="14">
        <v>30</v>
      </c>
      <c r="D65" s="18">
        <v>76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9</v>
      </c>
      <c r="C67" s="14">
        <v>10</v>
      </c>
      <c r="D67" s="18">
        <v>19</v>
      </c>
    </row>
    <row r="68" spans="1:4" ht="18" customHeight="1" x14ac:dyDescent="0.15">
      <c r="A68" s="5">
        <v>52</v>
      </c>
      <c r="B68" s="22">
        <v>12</v>
      </c>
      <c r="C68" s="14">
        <v>13</v>
      </c>
      <c r="D68" s="18">
        <v>25</v>
      </c>
    </row>
    <row r="69" spans="1:4" ht="18" customHeight="1" x14ac:dyDescent="0.15">
      <c r="A69" s="5">
        <v>53</v>
      </c>
      <c r="B69" s="22">
        <v>10</v>
      </c>
      <c r="C69" s="14">
        <v>6</v>
      </c>
      <c r="D69" s="18">
        <v>16</v>
      </c>
    </row>
    <row r="70" spans="1:4" ht="18" customHeight="1" x14ac:dyDescent="0.15">
      <c r="A70" s="5">
        <v>54</v>
      </c>
      <c r="B70" s="22">
        <v>6</v>
      </c>
      <c r="C70" s="14">
        <v>11</v>
      </c>
      <c r="D70" s="18">
        <v>17</v>
      </c>
    </row>
    <row r="71" spans="1:4" ht="18" customHeight="1" x14ac:dyDescent="0.15">
      <c r="A71" s="5" t="s">
        <v>22</v>
      </c>
      <c r="B71" s="22">
        <v>43</v>
      </c>
      <c r="C71" s="14">
        <v>45</v>
      </c>
      <c r="D71" s="18">
        <v>88</v>
      </c>
    </row>
    <row r="72" spans="1:4" ht="18" customHeight="1" x14ac:dyDescent="0.15">
      <c r="A72" s="5">
        <v>55</v>
      </c>
      <c r="B72" s="22">
        <v>6</v>
      </c>
      <c r="C72" s="14">
        <v>10</v>
      </c>
      <c r="D72" s="18">
        <v>16</v>
      </c>
    </row>
    <row r="73" spans="1:4" ht="18" customHeight="1" x14ac:dyDescent="0.15">
      <c r="A73" s="5">
        <v>56</v>
      </c>
      <c r="B73" s="22">
        <v>11</v>
      </c>
      <c r="C73" s="14">
        <v>4</v>
      </c>
      <c r="D73" s="18">
        <v>15</v>
      </c>
    </row>
    <row r="74" spans="1:4" ht="18" customHeight="1" x14ac:dyDescent="0.15">
      <c r="A74" s="5">
        <v>57</v>
      </c>
      <c r="B74" s="22">
        <v>8</v>
      </c>
      <c r="C74" s="14">
        <v>14</v>
      </c>
      <c r="D74" s="18">
        <v>22</v>
      </c>
    </row>
    <row r="75" spans="1:4" ht="18" customHeight="1" x14ac:dyDescent="0.15">
      <c r="A75" s="5">
        <v>58</v>
      </c>
      <c r="B75" s="22">
        <v>10</v>
      </c>
      <c r="C75" s="14">
        <v>6</v>
      </c>
      <c r="D75" s="18">
        <v>16</v>
      </c>
    </row>
    <row r="76" spans="1:4" ht="18" customHeight="1" x14ac:dyDescent="0.15">
      <c r="A76" s="5">
        <v>59</v>
      </c>
      <c r="B76" s="22">
        <v>8</v>
      </c>
      <c r="C76" s="14">
        <v>8</v>
      </c>
      <c r="D76" s="18">
        <v>16</v>
      </c>
    </row>
    <row r="77" spans="1:4" ht="18" customHeight="1" x14ac:dyDescent="0.15">
      <c r="A77" s="5" t="s">
        <v>27</v>
      </c>
      <c r="B77" s="22">
        <v>43</v>
      </c>
      <c r="C77" s="14">
        <v>42</v>
      </c>
      <c r="D77" s="18">
        <v>85</v>
      </c>
    </row>
    <row r="78" spans="1:4" ht="18" customHeight="1" x14ac:dyDescent="0.15">
      <c r="A78" s="5">
        <v>60</v>
      </c>
      <c r="B78" s="22">
        <v>10</v>
      </c>
      <c r="C78" s="14">
        <v>12</v>
      </c>
      <c r="D78" s="18">
        <v>22</v>
      </c>
    </row>
    <row r="79" spans="1:4" ht="18" customHeight="1" x14ac:dyDescent="0.15">
      <c r="A79" s="5">
        <v>61</v>
      </c>
      <c r="B79" s="22">
        <v>10</v>
      </c>
      <c r="C79" s="14">
        <v>8</v>
      </c>
      <c r="D79" s="18">
        <v>18</v>
      </c>
    </row>
    <row r="80" spans="1:4" ht="18" customHeight="1" x14ac:dyDescent="0.15">
      <c r="A80" s="5">
        <v>62</v>
      </c>
      <c r="B80" s="22">
        <v>12</v>
      </c>
      <c r="C80" s="14">
        <v>13</v>
      </c>
      <c r="D80" s="18">
        <v>25</v>
      </c>
    </row>
    <row r="81" spans="1:4" ht="18" customHeight="1" x14ac:dyDescent="0.15">
      <c r="A81" s="5">
        <v>63</v>
      </c>
      <c r="B81" s="22">
        <v>6</v>
      </c>
      <c r="C81" s="14">
        <v>9</v>
      </c>
      <c r="D81" s="18">
        <v>15</v>
      </c>
    </row>
    <row r="82" spans="1:4" ht="18" customHeight="1" x14ac:dyDescent="0.15">
      <c r="A82" s="5">
        <v>64</v>
      </c>
      <c r="B82" s="22">
        <v>4</v>
      </c>
      <c r="C82" s="14">
        <v>16</v>
      </c>
      <c r="D82" s="18">
        <v>20</v>
      </c>
    </row>
    <row r="83" spans="1:4" ht="18" customHeight="1" x14ac:dyDescent="0.15">
      <c r="A83" s="5" t="s">
        <v>28</v>
      </c>
      <c r="B83" s="22">
        <v>42</v>
      </c>
      <c r="C83" s="14">
        <v>58</v>
      </c>
      <c r="D83" s="18">
        <v>100</v>
      </c>
    </row>
    <row r="84" spans="1:4" ht="18" customHeight="1" x14ac:dyDescent="0.15">
      <c r="A84" s="5" t="s">
        <v>31</v>
      </c>
      <c r="B84" s="22">
        <v>352</v>
      </c>
      <c r="C84" s="14">
        <v>353</v>
      </c>
      <c r="D84" s="18">
        <v>705</v>
      </c>
    </row>
    <row r="85" spans="1:4" ht="18" customHeight="1" x14ac:dyDescent="0.15">
      <c r="A85" s="5">
        <v>65</v>
      </c>
      <c r="B85" s="22">
        <v>11</v>
      </c>
      <c r="C85" s="14">
        <v>13</v>
      </c>
      <c r="D85" s="18">
        <v>24</v>
      </c>
    </row>
    <row r="86" spans="1:4" ht="18" customHeight="1" x14ac:dyDescent="0.15">
      <c r="A86" s="5">
        <v>66</v>
      </c>
      <c r="B86" s="22">
        <v>14</v>
      </c>
      <c r="C86" s="14">
        <v>9</v>
      </c>
      <c r="D86" s="18">
        <v>23</v>
      </c>
    </row>
    <row r="87" spans="1:4" ht="18" customHeight="1" x14ac:dyDescent="0.15">
      <c r="A87" s="5">
        <v>67</v>
      </c>
      <c r="B87" s="22">
        <v>11</v>
      </c>
      <c r="C87" s="14">
        <v>11</v>
      </c>
      <c r="D87" s="18">
        <v>22</v>
      </c>
    </row>
    <row r="88" spans="1:4" ht="18" customHeight="1" x14ac:dyDescent="0.15">
      <c r="A88" s="5">
        <v>68</v>
      </c>
      <c r="B88" s="22">
        <v>9</v>
      </c>
      <c r="C88" s="14">
        <v>7</v>
      </c>
      <c r="D88" s="18">
        <v>16</v>
      </c>
    </row>
    <row r="89" spans="1:4" ht="18" customHeight="1" x14ac:dyDescent="0.15">
      <c r="A89" s="5">
        <v>69</v>
      </c>
      <c r="B89" s="22">
        <v>11</v>
      </c>
      <c r="C89" s="14">
        <v>9</v>
      </c>
      <c r="D89" s="18">
        <v>20</v>
      </c>
    </row>
    <row r="90" spans="1:4" ht="18" customHeight="1" x14ac:dyDescent="0.15">
      <c r="A90" s="5" t="s">
        <v>20</v>
      </c>
      <c r="B90" s="22">
        <v>56</v>
      </c>
      <c r="C90" s="14">
        <v>49</v>
      </c>
      <c r="D90" s="18">
        <v>105</v>
      </c>
    </row>
    <row r="91" spans="1:4" ht="18" customHeight="1" x14ac:dyDescent="0.15">
      <c r="A91" s="5">
        <v>70</v>
      </c>
      <c r="B91" s="22">
        <v>9</v>
      </c>
      <c r="C91" s="14">
        <v>11</v>
      </c>
      <c r="D91" s="18">
        <v>20</v>
      </c>
    </row>
    <row r="92" spans="1:4" ht="18" customHeight="1" x14ac:dyDescent="0.15">
      <c r="A92" s="5">
        <v>71</v>
      </c>
      <c r="B92" s="22">
        <v>8</v>
      </c>
      <c r="C92" s="14">
        <v>13</v>
      </c>
      <c r="D92" s="18">
        <v>21</v>
      </c>
    </row>
    <row r="93" spans="1:4" ht="18" customHeight="1" x14ac:dyDescent="0.15">
      <c r="A93" s="5">
        <v>72</v>
      </c>
      <c r="B93" s="22">
        <v>14</v>
      </c>
      <c r="C93" s="14">
        <v>7</v>
      </c>
      <c r="D93" s="18">
        <v>21</v>
      </c>
    </row>
    <row r="94" spans="1:4" ht="18" customHeight="1" x14ac:dyDescent="0.15">
      <c r="A94" s="5">
        <v>73</v>
      </c>
      <c r="B94" s="22">
        <v>8</v>
      </c>
      <c r="C94" s="14">
        <v>14</v>
      </c>
      <c r="D94" s="18">
        <v>22</v>
      </c>
    </row>
    <row r="95" spans="1:4" ht="18" customHeight="1" x14ac:dyDescent="0.15">
      <c r="A95" s="5">
        <v>74</v>
      </c>
      <c r="B95" s="22">
        <v>14</v>
      </c>
      <c r="C95" s="14">
        <v>9</v>
      </c>
      <c r="D95" s="18">
        <v>23</v>
      </c>
    </row>
    <row r="96" spans="1:4" ht="18" customHeight="1" x14ac:dyDescent="0.15">
      <c r="A96" s="5" t="s">
        <v>33</v>
      </c>
      <c r="B96" s="22">
        <v>53</v>
      </c>
      <c r="C96" s="14">
        <v>54</v>
      </c>
      <c r="D96" s="18">
        <v>107</v>
      </c>
    </row>
    <row r="97" spans="1:4" ht="18" customHeight="1" x14ac:dyDescent="0.15">
      <c r="A97" s="5">
        <v>75</v>
      </c>
      <c r="B97" s="22">
        <v>7</v>
      </c>
      <c r="C97" s="14">
        <v>13</v>
      </c>
      <c r="D97" s="18">
        <v>20</v>
      </c>
    </row>
    <row r="98" spans="1:4" ht="18" customHeight="1" x14ac:dyDescent="0.15">
      <c r="A98" s="5">
        <v>76</v>
      </c>
      <c r="B98" s="22">
        <v>9</v>
      </c>
      <c r="C98" s="14">
        <v>10</v>
      </c>
      <c r="D98" s="18">
        <v>19</v>
      </c>
    </row>
    <row r="99" spans="1:4" ht="18" customHeight="1" x14ac:dyDescent="0.15">
      <c r="A99" s="5">
        <v>77</v>
      </c>
      <c r="B99" s="22">
        <v>12</v>
      </c>
      <c r="C99" s="14">
        <v>8</v>
      </c>
      <c r="D99" s="18">
        <v>20</v>
      </c>
    </row>
    <row r="100" spans="1:4" ht="18" customHeight="1" x14ac:dyDescent="0.15">
      <c r="A100" s="5">
        <v>78</v>
      </c>
      <c r="B100" s="22">
        <v>9</v>
      </c>
      <c r="C100" s="14">
        <v>17</v>
      </c>
      <c r="D100" s="18">
        <v>26</v>
      </c>
    </row>
    <row r="101" spans="1:4" ht="18" customHeight="1" x14ac:dyDescent="0.15">
      <c r="A101" s="5">
        <v>79</v>
      </c>
      <c r="B101" s="22">
        <v>6</v>
      </c>
      <c r="C101" s="14">
        <v>5</v>
      </c>
      <c r="D101" s="18">
        <v>11</v>
      </c>
    </row>
    <row r="102" spans="1:4" ht="18" customHeight="1" x14ac:dyDescent="0.15">
      <c r="A102" s="5" t="s">
        <v>0</v>
      </c>
      <c r="B102" s="22">
        <v>43</v>
      </c>
      <c r="C102" s="14">
        <v>53</v>
      </c>
      <c r="D102" s="18">
        <v>96</v>
      </c>
    </row>
    <row r="103" spans="1:4" ht="18" customHeight="1" x14ac:dyDescent="0.15">
      <c r="A103" s="5">
        <v>80</v>
      </c>
      <c r="B103" s="22">
        <v>4</v>
      </c>
      <c r="C103" s="14">
        <v>6</v>
      </c>
      <c r="D103" s="18">
        <v>10</v>
      </c>
    </row>
    <row r="104" spans="1:4" ht="18" customHeight="1" x14ac:dyDescent="0.15">
      <c r="A104" s="5">
        <v>81</v>
      </c>
      <c r="B104" s="22">
        <v>9</v>
      </c>
      <c r="C104" s="14">
        <v>8</v>
      </c>
      <c r="D104" s="18">
        <v>17</v>
      </c>
    </row>
    <row r="105" spans="1:4" ht="18" customHeight="1" x14ac:dyDescent="0.15">
      <c r="A105" s="5">
        <v>82</v>
      </c>
      <c r="B105" s="22">
        <v>3</v>
      </c>
      <c r="C105" s="14">
        <v>15</v>
      </c>
      <c r="D105" s="18">
        <v>18</v>
      </c>
    </row>
    <row r="106" spans="1:4" ht="18" customHeight="1" x14ac:dyDescent="0.15">
      <c r="A106" s="5">
        <v>83</v>
      </c>
      <c r="B106" s="22">
        <v>9</v>
      </c>
      <c r="C106" s="14">
        <v>12</v>
      </c>
      <c r="D106" s="18">
        <v>21</v>
      </c>
    </row>
    <row r="107" spans="1:4" ht="18" customHeight="1" x14ac:dyDescent="0.15">
      <c r="A107" s="5">
        <v>84</v>
      </c>
      <c r="B107" s="22">
        <v>3</v>
      </c>
      <c r="C107" s="14">
        <v>5</v>
      </c>
      <c r="D107" s="18">
        <v>8</v>
      </c>
    </row>
    <row r="108" spans="1:4" ht="18" customHeight="1" x14ac:dyDescent="0.15">
      <c r="A108" s="5" t="s">
        <v>35</v>
      </c>
      <c r="B108" s="22">
        <v>28</v>
      </c>
      <c r="C108" s="14">
        <v>46</v>
      </c>
      <c r="D108" s="18">
        <v>74</v>
      </c>
    </row>
    <row r="109" spans="1:4" ht="18" customHeight="1" x14ac:dyDescent="0.15">
      <c r="A109" s="5">
        <v>85</v>
      </c>
      <c r="B109" s="22">
        <v>6</v>
      </c>
      <c r="C109" s="14">
        <v>10</v>
      </c>
      <c r="D109" s="18">
        <v>16</v>
      </c>
    </row>
    <row r="110" spans="1:4" ht="18" customHeight="1" x14ac:dyDescent="0.15">
      <c r="A110" s="5">
        <v>86</v>
      </c>
      <c r="B110" s="22">
        <v>5</v>
      </c>
      <c r="C110" s="14">
        <v>9</v>
      </c>
      <c r="D110" s="18">
        <v>14</v>
      </c>
    </row>
    <row r="111" spans="1:4" ht="18" customHeight="1" x14ac:dyDescent="0.15">
      <c r="A111" s="5">
        <v>87</v>
      </c>
      <c r="B111" s="22">
        <v>0</v>
      </c>
      <c r="C111" s="14">
        <v>2</v>
      </c>
      <c r="D111" s="18">
        <v>2</v>
      </c>
    </row>
    <row r="112" spans="1:4" ht="18" customHeight="1" x14ac:dyDescent="0.15">
      <c r="A112" s="5">
        <v>88</v>
      </c>
      <c r="B112" s="22">
        <v>4</v>
      </c>
      <c r="C112" s="14">
        <v>9</v>
      </c>
      <c r="D112" s="18">
        <v>13</v>
      </c>
    </row>
    <row r="113" spans="1:4" ht="18" customHeight="1" x14ac:dyDescent="0.15">
      <c r="A113" s="5">
        <v>89</v>
      </c>
      <c r="B113" s="22">
        <v>4</v>
      </c>
      <c r="C113" s="14">
        <v>6</v>
      </c>
      <c r="D113" s="18">
        <v>10</v>
      </c>
    </row>
    <row r="114" spans="1:4" ht="18" customHeight="1" x14ac:dyDescent="0.15">
      <c r="A114" s="5" t="s">
        <v>37</v>
      </c>
      <c r="B114" s="22">
        <v>19</v>
      </c>
      <c r="C114" s="14">
        <v>36</v>
      </c>
      <c r="D114" s="18">
        <v>55</v>
      </c>
    </row>
    <row r="115" spans="1:4" ht="18" customHeight="1" x14ac:dyDescent="0.15">
      <c r="A115" s="5">
        <v>90</v>
      </c>
      <c r="B115" s="22">
        <v>8</v>
      </c>
      <c r="C115" s="14">
        <v>4</v>
      </c>
      <c r="D115" s="18">
        <v>12</v>
      </c>
    </row>
    <row r="116" spans="1:4" ht="18" customHeight="1" x14ac:dyDescent="0.15">
      <c r="A116" s="5">
        <v>91</v>
      </c>
      <c r="B116" s="22">
        <v>1</v>
      </c>
      <c r="C116" s="14">
        <v>9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2</v>
      </c>
      <c r="C118" s="14">
        <v>1</v>
      </c>
      <c r="D118" s="18">
        <v>3</v>
      </c>
    </row>
    <row r="119" spans="1:4" ht="18" customHeight="1" x14ac:dyDescent="0.15">
      <c r="A119" s="5">
        <v>94</v>
      </c>
      <c r="B119" s="22">
        <v>3</v>
      </c>
      <c r="C119" s="14">
        <v>7</v>
      </c>
      <c r="D119" s="18">
        <v>10</v>
      </c>
    </row>
    <row r="120" spans="1:4" ht="18" customHeight="1" x14ac:dyDescent="0.15">
      <c r="A120" s="5" t="s">
        <v>39</v>
      </c>
      <c r="B120" s="22">
        <v>17</v>
      </c>
      <c r="C120" s="14">
        <v>30</v>
      </c>
      <c r="D120" s="18">
        <v>47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1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7</v>
      </c>
      <c r="C130" s="14">
        <v>281</v>
      </c>
      <c r="D130" s="18">
        <v>498</v>
      </c>
    </row>
    <row r="131" spans="1:4" ht="18" customHeight="1" x14ac:dyDescent="0.15">
      <c r="A131" s="7" t="s">
        <v>45</v>
      </c>
      <c r="B131" s="23">
        <v>647</v>
      </c>
      <c r="C131" s="15">
        <v>712</v>
      </c>
      <c r="D131" s="19">
        <v>13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09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</v>
      </c>
      <c r="C5" s="29">
        <v>6</v>
      </c>
      <c r="D5" s="31">
        <v>11</v>
      </c>
    </row>
    <row r="6" spans="1:4" ht="18" customHeight="1" x14ac:dyDescent="0.15">
      <c r="A6" s="5">
        <v>1</v>
      </c>
      <c r="B6" s="27">
        <v>5</v>
      </c>
      <c r="C6" s="14">
        <v>6</v>
      </c>
      <c r="D6" s="18">
        <v>11</v>
      </c>
    </row>
    <row r="7" spans="1:4" ht="18" customHeight="1" x14ac:dyDescent="0.15">
      <c r="A7" s="5">
        <v>2</v>
      </c>
      <c r="B7" s="27">
        <v>6</v>
      </c>
      <c r="C7" s="14">
        <v>7</v>
      </c>
      <c r="D7" s="18">
        <v>13</v>
      </c>
    </row>
    <row r="8" spans="1:4" ht="18" customHeight="1" x14ac:dyDescent="0.15">
      <c r="A8" s="5">
        <v>3</v>
      </c>
      <c r="B8" s="27">
        <v>10</v>
      </c>
      <c r="C8" s="14">
        <v>4</v>
      </c>
      <c r="D8" s="18">
        <v>14</v>
      </c>
    </row>
    <row r="9" spans="1:4" ht="18" customHeight="1" x14ac:dyDescent="0.15">
      <c r="A9" s="5">
        <v>4</v>
      </c>
      <c r="B9" s="28">
        <v>4</v>
      </c>
      <c r="C9" s="30">
        <v>14</v>
      </c>
      <c r="D9" s="32">
        <v>18</v>
      </c>
    </row>
    <row r="10" spans="1:4" ht="18" customHeight="1" x14ac:dyDescent="0.15">
      <c r="A10" s="5" t="s">
        <v>7</v>
      </c>
      <c r="B10" s="22">
        <v>30</v>
      </c>
      <c r="C10" s="14">
        <v>37</v>
      </c>
      <c r="D10" s="18">
        <v>67</v>
      </c>
    </row>
    <row r="11" spans="1:4" ht="18" customHeight="1" x14ac:dyDescent="0.15">
      <c r="A11" s="5">
        <v>5</v>
      </c>
      <c r="B11" s="27">
        <v>12</v>
      </c>
      <c r="C11" s="14">
        <v>12</v>
      </c>
      <c r="D11" s="18">
        <v>24</v>
      </c>
    </row>
    <row r="12" spans="1:4" ht="18" customHeight="1" x14ac:dyDescent="0.15">
      <c r="A12" s="5">
        <v>6</v>
      </c>
      <c r="B12" s="27">
        <v>9</v>
      </c>
      <c r="C12" s="14">
        <v>11</v>
      </c>
      <c r="D12" s="18">
        <v>20</v>
      </c>
    </row>
    <row r="13" spans="1:4" ht="18" customHeight="1" x14ac:dyDescent="0.15">
      <c r="A13" s="5">
        <v>7</v>
      </c>
      <c r="B13" s="27">
        <v>11</v>
      </c>
      <c r="C13" s="14">
        <v>13</v>
      </c>
      <c r="D13" s="18">
        <v>24</v>
      </c>
    </row>
    <row r="14" spans="1:4" ht="18" customHeight="1" x14ac:dyDescent="0.15">
      <c r="A14" s="5">
        <v>8</v>
      </c>
      <c r="B14" s="27">
        <v>13</v>
      </c>
      <c r="C14" s="14">
        <v>13</v>
      </c>
      <c r="D14" s="18">
        <v>26</v>
      </c>
    </row>
    <row r="15" spans="1:4" ht="18" customHeight="1" x14ac:dyDescent="0.15">
      <c r="A15" s="5">
        <v>9</v>
      </c>
      <c r="B15" s="27">
        <v>16</v>
      </c>
      <c r="C15" s="14">
        <v>14</v>
      </c>
      <c r="D15" s="18">
        <v>30</v>
      </c>
    </row>
    <row r="16" spans="1:4" ht="18" customHeight="1" x14ac:dyDescent="0.15">
      <c r="A16" s="5" t="s">
        <v>11</v>
      </c>
      <c r="B16" s="22">
        <v>61</v>
      </c>
      <c r="C16" s="14">
        <v>63</v>
      </c>
      <c r="D16" s="18">
        <v>124</v>
      </c>
    </row>
    <row r="17" spans="1:4" ht="18" customHeight="1" x14ac:dyDescent="0.15">
      <c r="A17" s="5">
        <v>10</v>
      </c>
      <c r="B17" s="22">
        <v>16</v>
      </c>
      <c r="C17" s="14">
        <v>11</v>
      </c>
      <c r="D17" s="18">
        <v>27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12</v>
      </c>
      <c r="C19" s="14">
        <v>14</v>
      </c>
      <c r="D19" s="18">
        <v>26</v>
      </c>
    </row>
    <row r="20" spans="1:4" ht="18" customHeight="1" x14ac:dyDescent="0.15">
      <c r="A20" s="5">
        <v>13</v>
      </c>
      <c r="B20" s="22">
        <v>10</v>
      </c>
      <c r="C20" s="14">
        <v>13</v>
      </c>
      <c r="D20" s="18">
        <v>23</v>
      </c>
    </row>
    <row r="21" spans="1:4" ht="18" customHeight="1" x14ac:dyDescent="0.15">
      <c r="A21" s="5">
        <v>14</v>
      </c>
      <c r="B21" s="22">
        <v>13</v>
      </c>
      <c r="C21" s="14">
        <v>10</v>
      </c>
      <c r="D21" s="18">
        <v>23</v>
      </c>
    </row>
    <row r="22" spans="1:4" ht="18" customHeight="1" x14ac:dyDescent="0.15">
      <c r="A22" s="5" t="s">
        <v>12</v>
      </c>
      <c r="B22" s="22">
        <v>63</v>
      </c>
      <c r="C22" s="14">
        <v>56</v>
      </c>
      <c r="D22" s="18">
        <v>119</v>
      </c>
    </row>
    <row r="23" spans="1:4" ht="18" customHeight="1" x14ac:dyDescent="0.15">
      <c r="A23" s="5" t="s">
        <v>6</v>
      </c>
      <c r="B23" s="22">
        <v>154</v>
      </c>
      <c r="C23" s="14">
        <v>156</v>
      </c>
      <c r="D23" s="18">
        <v>310</v>
      </c>
    </row>
    <row r="24" spans="1:4" ht="18" customHeight="1" x14ac:dyDescent="0.15">
      <c r="A24" s="5">
        <v>15</v>
      </c>
      <c r="B24" s="22">
        <v>7</v>
      </c>
      <c r="C24" s="14">
        <v>8</v>
      </c>
      <c r="D24" s="18">
        <v>15</v>
      </c>
    </row>
    <row r="25" spans="1:4" ht="18" customHeight="1" x14ac:dyDescent="0.15">
      <c r="A25" s="5">
        <v>16</v>
      </c>
      <c r="B25" s="22">
        <v>8</v>
      </c>
      <c r="C25" s="14">
        <v>7</v>
      </c>
      <c r="D25" s="18">
        <v>15</v>
      </c>
    </row>
    <row r="26" spans="1:4" ht="18" customHeight="1" x14ac:dyDescent="0.15">
      <c r="A26" s="5">
        <v>17</v>
      </c>
      <c r="B26" s="22">
        <v>4</v>
      </c>
      <c r="C26" s="14">
        <v>7</v>
      </c>
      <c r="D26" s="18">
        <v>11</v>
      </c>
    </row>
    <row r="27" spans="1:4" ht="18" customHeight="1" x14ac:dyDescent="0.15">
      <c r="A27" s="5">
        <v>18</v>
      </c>
      <c r="B27" s="22">
        <v>9</v>
      </c>
      <c r="C27" s="14">
        <v>3</v>
      </c>
      <c r="D27" s="18">
        <v>12</v>
      </c>
    </row>
    <row r="28" spans="1:4" ht="18" customHeight="1" x14ac:dyDescent="0.15">
      <c r="A28" s="5">
        <v>19</v>
      </c>
      <c r="B28" s="22">
        <v>9</v>
      </c>
      <c r="C28" s="14">
        <v>6</v>
      </c>
      <c r="D28" s="18">
        <v>15</v>
      </c>
    </row>
    <row r="29" spans="1:4" ht="18" customHeight="1" x14ac:dyDescent="0.15">
      <c r="A29" s="5" t="s">
        <v>14</v>
      </c>
      <c r="B29" s="22">
        <v>37</v>
      </c>
      <c r="C29" s="14">
        <v>31</v>
      </c>
      <c r="D29" s="18">
        <v>68</v>
      </c>
    </row>
    <row r="30" spans="1:4" ht="18" customHeight="1" x14ac:dyDescent="0.15">
      <c r="A30" s="5">
        <v>20</v>
      </c>
      <c r="B30" s="22">
        <v>3</v>
      </c>
      <c r="C30" s="14">
        <v>5</v>
      </c>
      <c r="D30" s="18">
        <v>8</v>
      </c>
    </row>
    <row r="31" spans="1:4" ht="18" customHeight="1" x14ac:dyDescent="0.15">
      <c r="A31" s="5">
        <v>21</v>
      </c>
      <c r="B31" s="22">
        <v>6</v>
      </c>
      <c r="C31" s="14">
        <v>8</v>
      </c>
      <c r="D31" s="18">
        <v>14</v>
      </c>
    </row>
    <row r="32" spans="1:4" ht="18" customHeight="1" x14ac:dyDescent="0.15">
      <c r="A32" s="5">
        <v>22</v>
      </c>
      <c r="B32" s="22">
        <v>6</v>
      </c>
      <c r="C32" s="14">
        <v>6</v>
      </c>
      <c r="D32" s="18">
        <v>12</v>
      </c>
    </row>
    <row r="33" spans="1:4" ht="18" customHeight="1" x14ac:dyDescent="0.15">
      <c r="A33" s="5">
        <v>23</v>
      </c>
      <c r="B33" s="22">
        <v>8</v>
      </c>
      <c r="C33" s="14">
        <v>7</v>
      </c>
      <c r="D33" s="18">
        <v>15</v>
      </c>
    </row>
    <row r="34" spans="1:4" ht="18" customHeight="1" x14ac:dyDescent="0.15">
      <c r="A34" s="5">
        <v>24</v>
      </c>
      <c r="B34" s="22">
        <v>9</v>
      </c>
      <c r="C34" s="14">
        <v>6</v>
      </c>
      <c r="D34" s="18">
        <v>15</v>
      </c>
    </row>
    <row r="35" spans="1:4" ht="18" customHeight="1" x14ac:dyDescent="0.15">
      <c r="A35" s="5" t="s">
        <v>9</v>
      </c>
      <c r="B35" s="22">
        <v>32</v>
      </c>
      <c r="C35" s="14">
        <v>32</v>
      </c>
      <c r="D35" s="18">
        <v>64</v>
      </c>
    </row>
    <row r="36" spans="1:4" ht="18" customHeight="1" x14ac:dyDescent="0.15">
      <c r="A36" s="5">
        <v>25</v>
      </c>
      <c r="B36" s="22">
        <v>8</v>
      </c>
      <c r="C36" s="14">
        <v>4</v>
      </c>
      <c r="D36" s="18">
        <v>12</v>
      </c>
    </row>
    <row r="37" spans="1:4" ht="18" customHeight="1" x14ac:dyDescent="0.15">
      <c r="A37" s="5">
        <v>26</v>
      </c>
      <c r="B37" s="22">
        <v>9</v>
      </c>
      <c r="C37" s="14">
        <v>9</v>
      </c>
      <c r="D37" s="18">
        <v>18</v>
      </c>
    </row>
    <row r="38" spans="1:4" ht="18" customHeight="1" x14ac:dyDescent="0.15">
      <c r="A38" s="5">
        <v>27</v>
      </c>
      <c r="B38" s="22">
        <v>6</v>
      </c>
      <c r="C38" s="14">
        <v>7</v>
      </c>
      <c r="D38" s="18">
        <v>13</v>
      </c>
    </row>
    <row r="39" spans="1:4" ht="18" customHeight="1" x14ac:dyDescent="0.15">
      <c r="A39" s="5">
        <v>28</v>
      </c>
      <c r="B39" s="22">
        <v>8</v>
      </c>
      <c r="C39" s="14">
        <v>6</v>
      </c>
      <c r="D39" s="18">
        <v>14</v>
      </c>
    </row>
    <row r="40" spans="1:4" ht="18" customHeight="1" x14ac:dyDescent="0.15">
      <c r="A40" s="5">
        <v>29</v>
      </c>
      <c r="B40" s="22">
        <v>3</v>
      </c>
      <c r="C40" s="14">
        <v>8</v>
      </c>
      <c r="D40" s="18">
        <v>11</v>
      </c>
    </row>
    <row r="41" spans="1:4" ht="18" customHeight="1" x14ac:dyDescent="0.15">
      <c r="A41" s="5" t="s">
        <v>2</v>
      </c>
      <c r="B41" s="22">
        <v>34</v>
      </c>
      <c r="C41" s="14">
        <v>34</v>
      </c>
      <c r="D41" s="18">
        <v>68</v>
      </c>
    </row>
    <row r="42" spans="1:4" ht="18" customHeight="1" x14ac:dyDescent="0.15">
      <c r="A42" s="5">
        <v>30</v>
      </c>
      <c r="B42" s="22">
        <v>11</v>
      </c>
      <c r="C42" s="14">
        <v>10</v>
      </c>
      <c r="D42" s="18">
        <v>21</v>
      </c>
    </row>
    <row r="43" spans="1:4" ht="18" customHeight="1" x14ac:dyDescent="0.15">
      <c r="A43" s="5">
        <v>31</v>
      </c>
      <c r="B43" s="22">
        <v>10</v>
      </c>
      <c r="C43" s="14">
        <v>7</v>
      </c>
      <c r="D43" s="18">
        <v>17</v>
      </c>
    </row>
    <row r="44" spans="1:4" ht="18" customHeight="1" x14ac:dyDescent="0.15">
      <c r="A44" s="5">
        <v>32</v>
      </c>
      <c r="B44" s="22">
        <v>7</v>
      </c>
      <c r="C44" s="14">
        <v>10</v>
      </c>
      <c r="D44" s="18">
        <v>17</v>
      </c>
    </row>
    <row r="45" spans="1:4" ht="18" customHeight="1" x14ac:dyDescent="0.15">
      <c r="A45" s="5">
        <v>33</v>
      </c>
      <c r="B45" s="22">
        <v>9</v>
      </c>
      <c r="C45" s="14">
        <v>7</v>
      </c>
      <c r="D45" s="18">
        <v>16</v>
      </c>
    </row>
    <row r="46" spans="1:4" ht="18" customHeight="1" x14ac:dyDescent="0.15">
      <c r="A46" s="5">
        <v>34</v>
      </c>
      <c r="B46" s="22">
        <v>12</v>
      </c>
      <c r="C46" s="14">
        <v>14</v>
      </c>
      <c r="D46" s="18">
        <v>26</v>
      </c>
    </row>
    <row r="47" spans="1:4" ht="18" customHeight="1" x14ac:dyDescent="0.15">
      <c r="A47" s="5" t="s">
        <v>15</v>
      </c>
      <c r="B47" s="22">
        <v>49</v>
      </c>
      <c r="C47" s="14">
        <v>48</v>
      </c>
      <c r="D47" s="18">
        <v>97</v>
      </c>
    </row>
    <row r="48" spans="1:4" ht="18" customHeight="1" x14ac:dyDescent="0.15">
      <c r="A48" s="5">
        <v>35</v>
      </c>
      <c r="B48" s="22">
        <v>16</v>
      </c>
      <c r="C48" s="14">
        <v>6</v>
      </c>
      <c r="D48" s="18">
        <v>22</v>
      </c>
    </row>
    <row r="49" spans="1:4" ht="18" customHeight="1" x14ac:dyDescent="0.15">
      <c r="A49" s="5">
        <v>36</v>
      </c>
      <c r="B49" s="22">
        <v>14</v>
      </c>
      <c r="C49" s="14">
        <v>11</v>
      </c>
      <c r="D49" s="18">
        <v>25</v>
      </c>
    </row>
    <row r="50" spans="1:4" ht="18" customHeight="1" x14ac:dyDescent="0.15">
      <c r="A50" s="5">
        <v>37</v>
      </c>
      <c r="B50" s="22">
        <v>18</v>
      </c>
      <c r="C50" s="14">
        <v>21</v>
      </c>
      <c r="D50" s="18">
        <v>39</v>
      </c>
    </row>
    <row r="51" spans="1:4" ht="18" customHeight="1" x14ac:dyDescent="0.15">
      <c r="A51" s="5">
        <v>38</v>
      </c>
      <c r="B51" s="22">
        <v>12</v>
      </c>
      <c r="C51" s="14">
        <v>15</v>
      </c>
      <c r="D51" s="18">
        <v>27</v>
      </c>
    </row>
    <row r="52" spans="1:4" ht="18" customHeight="1" x14ac:dyDescent="0.15">
      <c r="A52" s="5">
        <v>39</v>
      </c>
      <c r="B52" s="22">
        <v>18</v>
      </c>
      <c r="C52" s="14">
        <v>14</v>
      </c>
      <c r="D52" s="18">
        <v>32</v>
      </c>
    </row>
    <row r="53" spans="1:4" ht="18" customHeight="1" x14ac:dyDescent="0.15">
      <c r="A53" s="5" t="s">
        <v>18</v>
      </c>
      <c r="B53" s="22">
        <v>78</v>
      </c>
      <c r="C53" s="14">
        <v>67</v>
      </c>
      <c r="D53" s="18">
        <v>145</v>
      </c>
    </row>
    <row r="54" spans="1:4" ht="18" customHeight="1" x14ac:dyDescent="0.15">
      <c r="A54" s="5">
        <v>40</v>
      </c>
      <c r="B54" s="22">
        <v>14</v>
      </c>
      <c r="C54" s="14">
        <v>15</v>
      </c>
      <c r="D54" s="18">
        <v>29</v>
      </c>
    </row>
    <row r="55" spans="1:4" ht="18" customHeight="1" x14ac:dyDescent="0.15">
      <c r="A55" s="5">
        <v>41</v>
      </c>
      <c r="B55" s="22">
        <v>19</v>
      </c>
      <c r="C55" s="14">
        <v>12</v>
      </c>
      <c r="D55" s="18">
        <v>31</v>
      </c>
    </row>
    <row r="56" spans="1:4" ht="18" customHeight="1" x14ac:dyDescent="0.15">
      <c r="A56" s="5">
        <v>42</v>
      </c>
      <c r="B56" s="22">
        <v>14</v>
      </c>
      <c r="C56" s="14">
        <v>18</v>
      </c>
      <c r="D56" s="18">
        <v>32</v>
      </c>
    </row>
    <row r="57" spans="1:4" ht="18" customHeight="1" x14ac:dyDescent="0.15">
      <c r="A57" s="5">
        <v>43</v>
      </c>
      <c r="B57" s="22">
        <v>18</v>
      </c>
      <c r="C57" s="14">
        <v>12</v>
      </c>
      <c r="D57" s="18">
        <v>30</v>
      </c>
    </row>
    <row r="58" spans="1:4" ht="18" customHeight="1" x14ac:dyDescent="0.15">
      <c r="A58" s="5">
        <v>44</v>
      </c>
      <c r="B58" s="22">
        <v>15</v>
      </c>
      <c r="C58" s="14">
        <v>11</v>
      </c>
      <c r="D58" s="18">
        <v>26</v>
      </c>
    </row>
    <row r="59" spans="1:4" ht="18" customHeight="1" x14ac:dyDescent="0.15">
      <c r="A59" s="5" t="s">
        <v>21</v>
      </c>
      <c r="B59" s="22">
        <v>80</v>
      </c>
      <c r="C59" s="14">
        <v>68</v>
      </c>
      <c r="D59" s="18">
        <v>148</v>
      </c>
    </row>
    <row r="60" spans="1:4" ht="18" customHeight="1" x14ac:dyDescent="0.15">
      <c r="A60" s="5">
        <v>45</v>
      </c>
      <c r="B60" s="22">
        <v>14</v>
      </c>
      <c r="C60" s="14">
        <v>12</v>
      </c>
      <c r="D60" s="18">
        <v>26</v>
      </c>
    </row>
    <row r="61" spans="1:4" ht="18" customHeight="1" x14ac:dyDescent="0.15">
      <c r="A61" s="5">
        <v>46</v>
      </c>
      <c r="B61" s="22">
        <v>15</v>
      </c>
      <c r="C61" s="14">
        <v>9</v>
      </c>
      <c r="D61" s="18">
        <v>24</v>
      </c>
    </row>
    <row r="62" spans="1:4" ht="18" customHeight="1" x14ac:dyDescent="0.15">
      <c r="A62" s="5">
        <v>47</v>
      </c>
      <c r="B62" s="22">
        <v>19</v>
      </c>
      <c r="C62" s="14">
        <v>9</v>
      </c>
      <c r="D62" s="18">
        <v>28</v>
      </c>
    </row>
    <row r="63" spans="1:4" ht="18" customHeight="1" x14ac:dyDescent="0.15">
      <c r="A63" s="5">
        <v>48</v>
      </c>
      <c r="B63" s="22">
        <v>8</v>
      </c>
      <c r="C63" s="14">
        <v>8</v>
      </c>
      <c r="D63" s="18">
        <v>16</v>
      </c>
    </row>
    <row r="64" spans="1:4" ht="18" customHeight="1" x14ac:dyDescent="0.15">
      <c r="A64" s="5">
        <v>49</v>
      </c>
      <c r="B64" s="22">
        <v>21</v>
      </c>
      <c r="C64" s="14">
        <v>13</v>
      </c>
      <c r="D64" s="18">
        <v>34</v>
      </c>
    </row>
    <row r="65" spans="1:4" ht="18" customHeight="1" x14ac:dyDescent="0.15">
      <c r="A65" s="5" t="s">
        <v>17</v>
      </c>
      <c r="B65" s="22">
        <v>77</v>
      </c>
      <c r="C65" s="14">
        <v>51</v>
      </c>
      <c r="D65" s="18">
        <v>128</v>
      </c>
    </row>
    <row r="66" spans="1:4" ht="18" customHeight="1" x14ac:dyDescent="0.15">
      <c r="A66" s="5">
        <v>50</v>
      </c>
      <c r="B66" s="22">
        <v>10</v>
      </c>
      <c r="C66" s="14">
        <v>11</v>
      </c>
      <c r="D66" s="18">
        <v>21</v>
      </c>
    </row>
    <row r="67" spans="1:4" ht="18" customHeight="1" x14ac:dyDescent="0.15">
      <c r="A67" s="5">
        <v>51</v>
      </c>
      <c r="B67" s="22">
        <v>14</v>
      </c>
      <c r="C67" s="14">
        <v>13</v>
      </c>
      <c r="D67" s="18">
        <v>27</v>
      </c>
    </row>
    <row r="68" spans="1:4" ht="18" customHeight="1" x14ac:dyDescent="0.15">
      <c r="A68" s="5">
        <v>52</v>
      </c>
      <c r="B68" s="22">
        <v>16</v>
      </c>
      <c r="C68" s="14">
        <v>17</v>
      </c>
      <c r="D68" s="18">
        <v>33</v>
      </c>
    </row>
    <row r="69" spans="1:4" ht="18" customHeight="1" x14ac:dyDescent="0.15">
      <c r="A69" s="5">
        <v>53</v>
      </c>
      <c r="B69" s="22">
        <v>14</v>
      </c>
      <c r="C69" s="14">
        <v>7</v>
      </c>
      <c r="D69" s="18">
        <v>21</v>
      </c>
    </row>
    <row r="70" spans="1:4" ht="18" customHeight="1" x14ac:dyDescent="0.15">
      <c r="A70" s="5">
        <v>54</v>
      </c>
      <c r="B70" s="22">
        <v>15</v>
      </c>
      <c r="C70" s="14">
        <v>10</v>
      </c>
      <c r="D70" s="18">
        <v>25</v>
      </c>
    </row>
    <row r="71" spans="1:4" ht="18" customHeight="1" x14ac:dyDescent="0.15">
      <c r="A71" s="5" t="s">
        <v>22</v>
      </c>
      <c r="B71" s="22">
        <v>69</v>
      </c>
      <c r="C71" s="14">
        <v>58</v>
      </c>
      <c r="D71" s="18">
        <v>127</v>
      </c>
    </row>
    <row r="72" spans="1:4" ht="18" customHeight="1" x14ac:dyDescent="0.15">
      <c r="A72" s="5">
        <v>55</v>
      </c>
      <c r="B72" s="22">
        <v>15</v>
      </c>
      <c r="C72" s="14">
        <v>19</v>
      </c>
      <c r="D72" s="18">
        <v>34</v>
      </c>
    </row>
    <row r="73" spans="1:4" ht="18" customHeight="1" x14ac:dyDescent="0.15">
      <c r="A73" s="5">
        <v>56</v>
      </c>
      <c r="B73" s="22">
        <v>9</v>
      </c>
      <c r="C73" s="14">
        <v>9</v>
      </c>
      <c r="D73" s="18">
        <v>18</v>
      </c>
    </row>
    <row r="74" spans="1:4" ht="18" customHeight="1" x14ac:dyDescent="0.15">
      <c r="A74" s="5">
        <v>57</v>
      </c>
      <c r="B74" s="22">
        <v>9</v>
      </c>
      <c r="C74" s="14">
        <v>15</v>
      </c>
      <c r="D74" s="18">
        <v>24</v>
      </c>
    </row>
    <row r="75" spans="1:4" ht="18" customHeight="1" x14ac:dyDescent="0.15">
      <c r="A75" s="5">
        <v>58</v>
      </c>
      <c r="B75" s="22">
        <v>8</v>
      </c>
      <c r="C75" s="14">
        <v>14</v>
      </c>
      <c r="D75" s="18">
        <v>22</v>
      </c>
    </row>
    <row r="76" spans="1:4" ht="18" customHeight="1" x14ac:dyDescent="0.15">
      <c r="A76" s="5">
        <v>59</v>
      </c>
      <c r="B76" s="22">
        <v>11</v>
      </c>
      <c r="C76" s="14">
        <v>6</v>
      </c>
      <c r="D76" s="18">
        <v>17</v>
      </c>
    </row>
    <row r="77" spans="1:4" ht="18" customHeight="1" x14ac:dyDescent="0.15">
      <c r="A77" s="5" t="s">
        <v>27</v>
      </c>
      <c r="B77" s="22">
        <v>52</v>
      </c>
      <c r="C77" s="14">
        <v>63</v>
      </c>
      <c r="D77" s="18">
        <v>115</v>
      </c>
    </row>
    <row r="78" spans="1:4" ht="18" customHeight="1" x14ac:dyDescent="0.15">
      <c r="A78" s="5">
        <v>60</v>
      </c>
      <c r="B78" s="22">
        <v>14</v>
      </c>
      <c r="C78" s="14">
        <v>15</v>
      </c>
      <c r="D78" s="18">
        <v>29</v>
      </c>
    </row>
    <row r="79" spans="1:4" ht="18" customHeight="1" x14ac:dyDescent="0.15">
      <c r="A79" s="5">
        <v>61</v>
      </c>
      <c r="B79" s="22">
        <v>9</v>
      </c>
      <c r="C79" s="14">
        <v>11</v>
      </c>
      <c r="D79" s="18">
        <v>20</v>
      </c>
    </row>
    <row r="80" spans="1:4" ht="18" customHeight="1" x14ac:dyDescent="0.15">
      <c r="A80" s="5">
        <v>62</v>
      </c>
      <c r="B80" s="22">
        <v>7</v>
      </c>
      <c r="C80" s="14">
        <v>16</v>
      </c>
      <c r="D80" s="18">
        <v>23</v>
      </c>
    </row>
    <row r="81" spans="1:4" ht="18" customHeight="1" x14ac:dyDescent="0.15">
      <c r="A81" s="5">
        <v>63</v>
      </c>
      <c r="B81" s="22">
        <v>15</v>
      </c>
      <c r="C81" s="14">
        <v>10</v>
      </c>
      <c r="D81" s="18">
        <v>25</v>
      </c>
    </row>
    <row r="82" spans="1:4" ht="18" customHeight="1" x14ac:dyDescent="0.15">
      <c r="A82" s="5">
        <v>64</v>
      </c>
      <c r="B82" s="22">
        <v>13</v>
      </c>
      <c r="C82" s="14">
        <v>20</v>
      </c>
      <c r="D82" s="18">
        <v>33</v>
      </c>
    </row>
    <row r="83" spans="1:4" ht="18" customHeight="1" x14ac:dyDescent="0.15">
      <c r="A83" s="5" t="s">
        <v>28</v>
      </c>
      <c r="B83" s="22">
        <v>58</v>
      </c>
      <c r="C83" s="14">
        <v>72</v>
      </c>
      <c r="D83" s="18">
        <v>130</v>
      </c>
    </row>
    <row r="84" spans="1:4" ht="18" customHeight="1" x14ac:dyDescent="0.15">
      <c r="A84" s="5" t="s">
        <v>31</v>
      </c>
      <c r="B84" s="22">
        <v>566</v>
      </c>
      <c r="C84" s="14">
        <v>524</v>
      </c>
      <c r="D84" s="18">
        <v>1090</v>
      </c>
    </row>
    <row r="85" spans="1:4" ht="18" customHeight="1" x14ac:dyDescent="0.15">
      <c r="A85" s="5">
        <v>65</v>
      </c>
      <c r="B85" s="22">
        <v>9</v>
      </c>
      <c r="C85" s="14">
        <v>21</v>
      </c>
      <c r="D85" s="18">
        <v>30</v>
      </c>
    </row>
    <row r="86" spans="1:4" ht="18" customHeight="1" x14ac:dyDescent="0.15">
      <c r="A86" s="5">
        <v>66</v>
      </c>
      <c r="B86" s="22">
        <v>21</v>
      </c>
      <c r="C86" s="14">
        <v>13</v>
      </c>
      <c r="D86" s="18">
        <v>34</v>
      </c>
    </row>
    <row r="87" spans="1:4" ht="18" customHeight="1" x14ac:dyDescent="0.15">
      <c r="A87" s="5">
        <v>67</v>
      </c>
      <c r="B87" s="22">
        <v>20</v>
      </c>
      <c r="C87" s="14">
        <v>19</v>
      </c>
      <c r="D87" s="18">
        <v>39</v>
      </c>
    </row>
    <row r="88" spans="1:4" ht="18" customHeight="1" x14ac:dyDescent="0.15">
      <c r="A88" s="5">
        <v>68</v>
      </c>
      <c r="B88" s="22">
        <v>16</v>
      </c>
      <c r="C88" s="14">
        <v>16</v>
      </c>
      <c r="D88" s="18">
        <v>32</v>
      </c>
    </row>
    <row r="89" spans="1:4" ht="18" customHeight="1" x14ac:dyDescent="0.15">
      <c r="A89" s="5">
        <v>69</v>
      </c>
      <c r="B89" s="22">
        <v>18</v>
      </c>
      <c r="C89" s="14">
        <v>14</v>
      </c>
      <c r="D89" s="18">
        <v>32</v>
      </c>
    </row>
    <row r="90" spans="1:4" ht="18" customHeight="1" x14ac:dyDescent="0.15">
      <c r="A90" s="5" t="s">
        <v>20</v>
      </c>
      <c r="B90" s="22">
        <v>84</v>
      </c>
      <c r="C90" s="14">
        <v>83</v>
      </c>
      <c r="D90" s="18">
        <v>167</v>
      </c>
    </row>
    <row r="91" spans="1:4" ht="18" customHeight="1" x14ac:dyDescent="0.15">
      <c r="A91" s="5">
        <v>70</v>
      </c>
      <c r="B91" s="22">
        <v>17</v>
      </c>
      <c r="C91" s="14">
        <v>18</v>
      </c>
      <c r="D91" s="18">
        <v>35</v>
      </c>
    </row>
    <row r="92" spans="1:4" ht="18" customHeight="1" x14ac:dyDescent="0.15">
      <c r="A92" s="5">
        <v>71</v>
      </c>
      <c r="B92" s="22">
        <v>8</v>
      </c>
      <c r="C92" s="14">
        <v>15</v>
      </c>
      <c r="D92" s="18">
        <v>23</v>
      </c>
    </row>
    <row r="93" spans="1:4" ht="18" customHeight="1" x14ac:dyDescent="0.15">
      <c r="A93" s="5">
        <v>72</v>
      </c>
      <c r="B93" s="22">
        <v>10</v>
      </c>
      <c r="C93" s="14">
        <v>18</v>
      </c>
      <c r="D93" s="18">
        <v>28</v>
      </c>
    </row>
    <row r="94" spans="1:4" ht="18" customHeight="1" x14ac:dyDescent="0.15">
      <c r="A94" s="5">
        <v>73</v>
      </c>
      <c r="B94" s="22">
        <v>20</v>
      </c>
      <c r="C94" s="14">
        <v>16</v>
      </c>
      <c r="D94" s="18">
        <v>36</v>
      </c>
    </row>
    <row r="95" spans="1:4" ht="18" customHeight="1" x14ac:dyDescent="0.15">
      <c r="A95" s="5">
        <v>74</v>
      </c>
      <c r="B95" s="22">
        <v>17</v>
      </c>
      <c r="C95" s="14">
        <v>26</v>
      </c>
      <c r="D95" s="18">
        <v>43</v>
      </c>
    </row>
    <row r="96" spans="1:4" ht="18" customHeight="1" x14ac:dyDescent="0.15">
      <c r="A96" s="5" t="s">
        <v>33</v>
      </c>
      <c r="B96" s="22">
        <v>72</v>
      </c>
      <c r="C96" s="14">
        <v>93</v>
      </c>
      <c r="D96" s="18">
        <v>165</v>
      </c>
    </row>
    <row r="97" spans="1:4" ht="18" customHeight="1" x14ac:dyDescent="0.15">
      <c r="A97" s="5">
        <v>75</v>
      </c>
      <c r="B97" s="22">
        <v>17</v>
      </c>
      <c r="C97" s="14">
        <v>18</v>
      </c>
      <c r="D97" s="18">
        <v>35</v>
      </c>
    </row>
    <row r="98" spans="1:4" ht="18" customHeight="1" x14ac:dyDescent="0.15">
      <c r="A98" s="5">
        <v>76</v>
      </c>
      <c r="B98" s="22">
        <v>19</v>
      </c>
      <c r="C98" s="14">
        <v>16</v>
      </c>
      <c r="D98" s="18">
        <v>35</v>
      </c>
    </row>
    <row r="99" spans="1:4" ht="18" customHeight="1" x14ac:dyDescent="0.15">
      <c r="A99" s="5">
        <v>77</v>
      </c>
      <c r="B99" s="22">
        <v>29</v>
      </c>
      <c r="C99" s="14">
        <v>25</v>
      </c>
      <c r="D99" s="18">
        <v>54</v>
      </c>
    </row>
    <row r="100" spans="1:4" ht="18" customHeight="1" x14ac:dyDescent="0.15">
      <c r="A100" s="5">
        <v>78</v>
      </c>
      <c r="B100" s="22">
        <v>21</v>
      </c>
      <c r="C100" s="14">
        <v>20</v>
      </c>
      <c r="D100" s="18">
        <v>41</v>
      </c>
    </row>
    <row r="101" spans="1:4" ht="18" customHeight="1" x14ac:dyDescent="0.15">
      <c r="A101" s="5">
        <v>79</v>
      </c>
      <c r="B101" s="22">
        <v>10</v>
      </c>
      <c r="C101" s="14">
        <v>12</v>
      </c>
      <c r="D101" s="18">
        <v>22</v>
      </c>
    </row>
    <row r="102" spans="1:4" ht="18" customHeight="1" x14ac:dyDescent="0.15">
      <c r="A102" s="5" t="s">
        <v>0</v>
      </c>
      <c r="B102" s="22">
        <v>96</v>
      </c>
      <c r="C102" s="14">
        <v>91</v>
      </c>
      <c r="D102" s="18">
        <v>187</v>
      </c>
    </row>
    <row r="103" spans="1:4" ht="18" customHeight="1" x14ac:dyDescent="0.15">
      <c r="A103" s="5">
        <v>80</v>
      </c>
      <c r="B103" s="22">
        <v>3</v>
      </c>
      <c r="C103" s="14">
        <v>9</v>
      </c>
      <c r="D103" s="18">
        <v>12</v>
      </c>
    </row>
    <row r="104" spans="1:4" ht="18" customHeight="1" x14ac:dyDescent="0.15">
      <c r="A104" s="5">
        <v>81</v>
      </c>
      <c r="B104" s="22">
        <v>11</v>
      </c>
      <c r="C104" s="14">
        <v>18</v>
      </c>
      <c r="D104" s="18">
        <v>29</v>
      </c>
    </row>
    <row r="105" spans="1:4" ht="18" customHeight="1" x14ac:dyDescent="0.15">
      <c r="A105" s="5">
        <v>82</v>
      </c>
      <c r="B105" s="22">
        <v>9</v>
      </c>
      <c r="C105" s="14">
        <v>11</v>
      </c>
      <c r="D105" s="18">
        <v>20</v>
      </c>
    </row>
    <row r="106" spans="1:4" ht="18" customHeight="1" x14ac:dyDescent="0.15">
      <c r="A106" s="5">
        <v>83</v>
      </c>
      <c r="B106" s="22">
        <v>12</v>
      </c>
      <c r="C106" s="14">
        <v>5</v>
      </c>
      <c r="D106" s="18">
        <v>17</v>
      </c>
    </row>
    <row r="107" spans="1:4" ht="18" customHeight="1" x14ac:dyDescent="0.15">
      <c r="A107" s="5">
        <v>84</v>
      </c>
      <c r="B107" s="22">
        <v>13</v>
      </c>
      <c r="C107" s="14">
        <v>13</v>
      </c>
      <c r="D107" s="18">
        <v>26</v>
      </c>
    </row>
    <row r="108" spans="1:4" ht="18" customHeight="1" x14ac:dyDescent="0.15">
      <c r="A108" s="5" t="s">
        <v>35</v>
      </c>
      <c r="B108" s="22">
        <v>48</v>
      </c>
      <c r="C108" s="14">
        <v>56</v>
      </c>
      <c r="D108" s="18">
        <v>104</v>
      </c>
    </row>
    <row r="109" spans="1:4" ht="18" customHeight="1" x14ac:dyDescent="0.15">
      <c r="A109" s="5">
        <v>85</v>
      </c>
      <c r="B109" s="22">
        <v>6</v>
      </c>
      <c r="C109" s="14">
        <v>15</v>
      </c>
      <c r="D109" s="18">
        <v>21</v>
      </c>
    </row>
    <row r="110" spans="1:4" ht="18" customHeight="1" x14ac:dyDescent="0.15">
      <c r="A110" s="5">
        <v>86</v>
      </c>
      <c r="B110" s="22">
        <v>7</v>
      </c>
      <c r="C110" s="14">
        <v>7</v>
      </c>
      <c r="D110" s="18">
        <v>14</v>
      </c>
    </row>
    <row r="111" spans="1:4" ht="18" customHeight="1" x14ac:dyDescent="0.15">
      <c r="A111" s="5">
        <v>87</v>
      </c>
      <c r="B111" s="22">
        <v>3</v>
      </c>
      <c r="C111" s="14">
        <v>8</v>
      </c>
      <c r="D111" s="18">
        <v>11</v>
      </c>
    </row>
    <row r="112" spans="1:4" ht="18" customHeight="1" x14ac:dyDescent="0.15">
      <c r="A112" s="5">
        <v>88</v>
      </c>
      <c r="B112" s="22">
        <v>7</v>
      </c>
      <c r="C112" s="14">
        <v>12</v>
      </c>
      <c r="D112" s="18">
        <v>19</v>
      </c>
    </row>
    <row r="113" spans="1:4" ht="18" customHeight="1" x14ac:dyDescent="0.15">
      <c r="A113" s="5">
        <v>89</v>
      </c>
      <c r="B113" s="22">
        <v>5</v>
      </c>
      <c r="C113" s="14">
        <v>5</v>
      </c>
      <c r="D113" s="18">
        <v>10</v>
      </c>
    </row>
    <row r="114" spans="1:4" ht="18" customHeight="1" x14ac:dyDescent="0.15">
      <c r="A114" s="5" t="s">
        <v>37</v>
      </c>
      <c r="B114" s="22">
        <v>28</v>
      </c>
      <c r="C114" s="14">
        <v>47</v>
      </c>
      <c r="D114" s="18">
        <v>75</v>
      </c>
    </row>
    <row r="115" spans="1:4" ht="18" customHeight="1" x14ac:dyDescent="0.15">
      <c r="A115" s="5">
        <v>90</v>
      </c>
      <c r="B115" s="22">
        <v>3</v>
      </c>
      <c r="C115" s="14">
        <v>5</v>
      </c>
      <c r="D115" s="18">
        <v>8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1</v>
      </c>
      <c r="C117" s="14">
        <v>11</v>
      </c>
      <c r="D117" s="18">
        <v>12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3</v>
      </c>
      <c r="D119" s="18">
        <v>4</v>
      </c>
    </row>
    <row r="120" spans="1:4" ht="18" customHeight="1" x14ac:dyDescent="0.15">
      <c r="A120" s="5" t="s">
        <v>39</v>
      </c>
      <c r="B120" s="22">
        <v>7</v>
      </c>
      <c r="C120" s="14">
        <v>29</v>
      </c>
      <c r="D120" s="18">
        <v>36</v>
      </c>
    </row>
    <row r="121" spans="1:4" ht="18" customHeight="1" x14ac:dyDescent="0.15">
      <c r="A121" s="5">
        <v>95</v>
      </c>
      <c r="B121" s="22">
        <v>0</v>
      </c>
      <c r="C121" s="14">
        <v>8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15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36</v>
      </c>
      <c r="C130" s="14">
        <v>418</v>
      </c>
      <c r="D130" s="18">
        <v>754</v>
      </c>
    </row>
    <row r="131" spans="1:4" ht="18" customHeight="1" x14ac:dyDescent="0.15">
      <c r="A131" s="7" t="s">
        <v>45</v>
      </c>
      <c r="B131" s="23">
        <v>1056</v>
      </c>
      <c r="C131" s="15">
        <v>1098</v>
      </c>
      <c r="D131" s="19">
        <v>21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10</v>
      </c>
      <c r="D5" s="31">
        <v>19</v>
      </c>
    </row>
    <row r="6" spans="1:4" ht="18" customHeight="1" x14ac:dyDescent="0.15">
      <c r="A6" s="5">
        <v>1</v>
      </c>
      <c r="B6" s="27">
        <v>13</v>
      </c>
      <c r="C6" s="14">
        <v>10</v>
      </c>
      <c r="D6" s="18">
        <v>23</v>
      </c>
    </row>
    <row r="7" spans="1:4" ht="18" customHeight="1" x14ac:dyDescent="0.15">
      <c r="A7" s="5">
        <v>2</v>
      </c>
      <c r="B7" s="27">
        <v>12</v>
      </c>
      <c r="C7" s="14">
        <v>12</v>
      </c>
      <c r="D7" s="18">
        <v>24</v>
      </c>
    </row>
    <row r="8" spans="1:4" ht="18" customHeight="1" x14ac:dyDescent="0.15">
      <c r="A8" s="5">
        <v>3</v>
      </c>
      <c r="B8" s="27">
        <v>18</v>
      </c>
      <c r="C8" s="14">
        <v>10</v>
      </c>
      <c r="D8" s="18">
        <v>28</v>
      </c>
    </row>
    <row r="9" spans="1:4" ht="18" customHeight="1" x14ac:dyDescent="0.15">
      <c r="A9" s="5">
        <v>4</v>
      </c>
      <c r="B9" s="28">
        <v>22</v>
      </c>
      <c r="C9" s="30">
        <v>18</v>
      </c>
      <c r="D9" s="32">
        <v>40</v>
      </c>
    </row>
    <row r="10" spans="1:4" ht="18" customHeight="1" x14ac:dyDescent="0.15">
      <c r="A10" s="5" t="s">
        <v>7</v>
      </c>
      <c r="B10" s="22">
        <v>74</v>
      </c>
      <c r="C10" s="14">
        <v>60</v>
      </c>
      <c r="D10" s="18">
        <v>134</v>
      </c>
    </row>
    <row r="11" spans="1:4" ht="18" customHeight="1" x14ac:dyDescent="0.15">
      <c r="A11" s="5">
        <v>5</v>
      </c>
      <c r="B11" s="27">
        <v>15</v>
      </c>
      <c r="C11" s="14">
        <v>11</v>
      </c>
      <c r="D11" s="18">
        <v>26</v>
      </c>
    </row>
    <row r="12" spans="1:4" ht="18" customHeight="1" x14ac:dyDescent="0.15">
      <c r="A12" s="5">
        <v>6</v>
      </c>
      <c r="B12" s="27">
        <v>27</v>
      </c>
      <c r="C12" s="14">
        <v>15</v>
      </c>
      <c r="D12" s="18">
        <v>42</v>
      </c>
    </row>
    <row r="13" spans="1:4" ht="18" customHeight="1" x14ac:dyDescent="0.15">
      <c r="A13" s="5">
        <v>7</v>
      </c>
      <c r="B13" s="27">
        <v>24</v>
      </c>
      <c r="C13" s="14">
        <v>19</v>
      </c>
      <c r="D13" s="18">
        <v>43</v>
      </c>
    </row>
    <row r="14" spans="1:4" ht="18" customHeight="1" x14ac:dyDescent="0.15">
      <c r="A14" s="5">
        <v>8</v>
      </c>
      <c r="B14" s="27">
        <v>21</v>
      </c>
      <c r="C14" s="14">
        <v>16</v>
      </c>
      <c r="D14" s="18">
        <v>37</v>
      </c>
    </row>
    <row r="15" spans="1:4" ht="18" customHeight="1" x14ac:dyDescent="0.15">
      <c r="A15" s="5">
        <v>9</v>
      </c>
      <c r="B15" s="27">
        <v>15</v>
      </c>
      <c r="C15" s="14">
        <v>18</v>
      </c>
      <c r="D15" s="18">
        <v>33</v>
      </c>
    </row>
    <row r="16" spans="1:4" ht="18" customHeight="1" x14ac:dyDescent="0.15">
      <c r="A16" s="5" t="s">
        <v>11</v>
      </c>
      <c r="B16" s="22">
        <v>102</v>
      </c>
      <c r="C16" s="14">
        <v>79</v>
      </c>
      <c r="D16" s="18">
        <v>181</v>
      </c>
    </row>
    <row r="17" spans="1:4" ht="18" customHeight="1" x14ac:dyDescent="0.15">
      <c r="A17" s="5">
        <v>10</v>
      </c>
      <c r="B17" s="22">
        <v>21</v>
      </c>
      <c r="C17" s="14">
        <v>13</v>
      </c>
      <c r="D17" s="18">
        <v>34</v>
      </c>
    </row>
    <row r="18" spans="1:4" ht="18" customHeight="1" x14ac:dyDescent="0.15">
      <c r="A18" s="5">
        <v>11</v>
      </c>
      <c r="B18" s="22">
        <v>24</v>
      </c>
      <c r="C18" s="14">
        <v>16</v>
      </c>
      <c r="D18" s="18">
        <v>40</v>
      </c>
    </row>
    <row r="19" spans="1:4" ht="18" customHeight="1" x14ac:dyDescent="0.15">
      <c r="A19" s="5">
        <v>12</v>
      </c>
      <c r="B19" s="22">
        <v>18</v>
      </c>
      <c r="C19" s="14">
        <v>13</v>
      </c>
      <c r="D19" s="18">
        <v>31</v>
      </c>
    </row>
    <row r="20" spans="1:4" ht="18" customHeight="1" x14ac:dyDescent="0.15">
      <c r="A20" s="5">
        <v>13</v>
      </c>
      <c r="B20" s="22">
        <v>16</v>
      </c>
      <c r="C20" s="14">
        <v>11</v>
      </c>
      <c r="D20" s="18">
        <v>27</v>
      </c>
    </row>
    <row r="21" spans="1:4" ht="18" customHeight="1" x14ac:dyDescent="0.15">
      <c r="A21" s="5">
        <v>14</v>
      </c>
      <c r="B21" s="22">
        <v>12</v>
      </c>
      <c r="C21" s="14">
        <v>17</v>
      </c>
      <c r="D21" s="18">
        <v>29</v>
      </c>
    </row>
    <row r="22" spans="1:4" ht="18" customHeight="1" x14ac:dyDescent="0.15">
      <c r="A22" s="5" t="s">
        <v>12</v>
      </c>
      <c r="B22" s="22">
        <v>91</v>
      </c>
      <c r="C22" s="14">
        <v>70</v>
      </c>
      <c r="D22" s="18">
        <v>161</v>
      </c>
    </row>
    <row r="23" spans="1:4" ht="18" customHeight="1" x14ac:dyDescent="0.15">
      <c r="A23" s="5" t="s">
        <v>6</v>
      </c>
      <c r="B23" s="22">
        <v>267</v>
      </c>
      <c r="C23" s="14">
        <v>209</v>
      </c>
      <c r="D23" s="18">
        <v>476</v>
      </c>
    </row>
    <row r="24" spans="1:4" ht="18" customHeight="1" x14ac:dyDescent="0.15">
      <c r="A24" s="5">
        <v>15</v>
      </c>
      <c r="B24" s="22">
        <v>15</v>
      </c>
      <c r="C24" s="14">
        <v>18</v>
      </c>
      <c r="D24" s="18">
        <v>33</v>
      </c>
    </row>
    <row r="25" spans="1:4" ht="18" customHeight="1" x14ac:dyDescent="0.15">
      <c r="A25" s="5">
        <v>16</v>
      </c>
      <c r="B25" s="22">
        <v>16</v>
      </c>
      <c r="C25" s="14">
        <v>20</v>
      </c>
      <c r="D25" s="18">
        <v>36</v>
      </c>
    </row>
    <row r="26" spans="1:4" ht="18" customHeight="1" x14ac:dyDescent="0.15">
      <c r="A26" s="5">
        <v>17</v>
      </c>
      <c r="B26" s="22">
        <v>14</v>
      </c>
      <c r="C26" s="14">
        <v>18</v>
      </c>
      <c r="D26" s="18">
        <v>32</v>
      </c>
    </row>
    <row r="27" spans="1:4" ht="18" customHeight="1" x14ac:dyDescent="0.15">
      <c r="A27" s="5">
        <v>18</v>
      </c>
      <c r="B27" s="22">
        <v>19</v>
      </c>
      <c r="C27" s="14">
        <v>15</v>
      </c>
      <c r="D27" s="18">
        <v>34</v>
      </c>
    </row>
    <row r="28" spans="1:4" ht="18" customHeight="1" x14ac:dyDescent="0.15">
      <c r="A28" s="5">
        <v>19</v>
      </c>
      <c r="B28" s="22">
        <v>21</v>
      </c>
      <c r="C28" s="14">
        <v>16</v>
      </c>
      <c r="D28" s="18">
        <v>37</v>
      </c>
    </row>
    <row r="29" spans="1:4" ht="18" customHeight="1" x14ac:dyDescent="0.15">
      <c r="A29" s="5" t="s">
        <v>14</v>
      </c>
      <c r="B29" s="22">
        <v>85</v>
      </c>
      <c r="C29" s="14">
        <v>87</v>
      </c>
      <c r="D29" s="18">
        <v>172</v>
      </c>
    </row>
    <row r="30" spans="1:4" ht="18" customHeight="1" x14ac:dyDescent="0.15">
      <c r="A30" s="5">
        <v>20</v>
      </c>
      <c r="B30" s="22">
        <v>15</v>
      </c>
      <c r="C30" s="14">
        <v>16</v>
      </c>
      <c r="D30" s="18">
        <v>31</v>
      </c>
    </row>
    <row r="31" spans="1:4" ht="18" customHeight="1" x14ac:dyDescent="0.15">
      <c r="A31" s="5">
        <v>21</v>
      </c>
      <c r="B31" s="22">
        <v>18</v>
      </c>
      <c r="C31" s="14">
        <v>8</v>
      </c>
      <c r="D31" s="18">
        <v>26</v>
      </c>
    </row>
    <row r="32" spans="1:4" ht="18" customHeight="1" x14ac:dyDescent="0.15">
      <c r="A32" s="5">
        <v>22</v>
      </c>
      <c r="B32" s="22">
        <v>14</v>
      </c>
      <c r="C32" s="14">
        <v>15</v>
      </c>
      <c r="D32" s="18">
        <v>29</v>
      </c>
    </row>
    <row r="33" spans="1:4" ht="18" customHeight="1" x14ac:dyDescent="0.15">
      <c r="A33" s="5">
        <v>23</v>
      </c>
      <c r="B33" s="22">
        <v>27</v>
      </c>
      <c r="C33" s="14">
        <v>21</v>
      </c>
      <c r="D33" s="18">
        <v>48</v>
      </c>
    </row>
    <row r="34" spans="1:4" ht="18" customHeight="1" x14ac:dyDescent="0.15">
      <c r="A34" s="5">
        <v>24</v>
      </c>
      <c r="B34" s="22">
        <v>17</v>
      </c>
      <c r="C34" s="14">
        <v>11</v>
      </c>
      <c r="D34" s="18">
        <v>28</v>
      </c>
    </row>
    <row r="35" spans="1:4" ht="18" customHeight="1" x14ac:dyDescent="0.15">
      <c r="A35" s="5" t="s">
        <v>9</v>
      </c>
      <c r="B35" s="22">
        <v>91</v>
      </c>
      <c r="C35" s="14">
        <v>71</v>
      </c>
      <c r="D35" s="18">
        <v>162</v>
      </c>
    </row>
    <row r="36" spans="1:4" ht="18" customHeight="1" x14ac:dyDescent="0.15">
      <c r="A36" s="5">
        <v>25</v>
      </c>
      <c r="B36" s="22">
        <v>19</v>
      </c>
      <c r="C36" s="14">
        <v>13</v>
      </c>
      <c r="D36" s="18">
        <v>32</v>
      </c>
    </row>
    <row r="37" spans="1:4" ht="18" customHeight="1" x14ac:dyDescent="0.15">
      <c r="A37" s="5">
        <v>26</v>
      </c>
      <c r="B37" s="22">
        <v>14</v>
      </c>
      <c r="C37" s="14">
        <v>20</v>
      </c>
      <c r="D37" s="18">
        <v>34</v>
      </c>
    </row>
    <row r="38" spans="1:4" ht="18" customHeight="1" x14ac:dyDescent="0.15">
      <c r="A38" s="5">
        <v>27</v>
      </c>
      <c r="B38" s="22">
        <v>15</v>
      </c>
      <c r="C38" s="14">
        <v>32</v>
      </c>
      <c r="D38" s="18">
        <v>47</v>
      </c>
    </row>
    <row r="39" spans="1:4" ht="18" customHeight="1" x14ac:dyDescent="0.15">
      <c r="A39" s="5">
        <v>28</v>
      </c>
      <c r="B39" s="22">
        <v>13</v>
      </c>
      <c r="C39" s="14">
        <v>13</v>
      </c>
      <c r="D39" s="18">
        <v>26</v>
      </c>
    </row>
    <row r="40" spans="1:4" ht="18" customHeight="1" x14ac:dyDescent="0.15">
      <c r="A40" s="5">
        <v>29</v>
      </c>
      <c r="B40" s="22">
        <v>16</v>
      </c>
      <c r="C40" s="14">
        <v>20</v>
      </c>
      <c r="D40" s="18">
        <v>36</v>
      </c>
    </row>
    <row r="41" spans="1:4" ht="18" customHeight="1" x14ac:dyDescent="0.15">
      <c r="A41" s="5" t="s">
        <v>2</v>
      </c>
      <c r="B41" s="22">
        <v>77</v>
      </c>
      <c r="C41" s="14">
        <v>98</v>
      </c>
      <c r="D41" s="18">
        <v>175</v>
      </c>
    </row>
    <row r="42" spans="1:4" ht="18" customHeight="1" x14ac:dyDescent="0.15">
      <c r="A42" s="5">
        <v>30</v>
      </c>
      <c r="B42" s="22">
        <v>20</v>
      </c>
      <c r="C42" s="14">
        <v>24</v>
      </c>
      <c r="D42" s="18">
        <v>44</v>
      </c>
    </row>
    <row r="43" spans="1:4" ht="18" customHeight="1" x14ac:dyDescent="0.15">
      <c r="A43" s="5">
        <v>31</v>
      </c>
      <c r="B43" s="22">
        <v>21</v>
      </c>
      <c r="C43" s="14">
        <v>18</v>
      </c>
      <c r="D43" s="18">
        <v>39</v>
      </c>
    </row>
    <row r="44" spans="1:4" ht="18" customHeight="1" x14ac:dyDescent="0.15">
      <c r="A44" s="5">
        <v>32</v>
      </c>
      <c r="B44" s="22">
        <v>15</v>
      </c>
      <c r="C44" s="14">
        <v>22</v>
      </c>
      <c r="D44" s="18">
        <v>37</v>
      </c>
    </row>
    <row r="45" spans="1:4" ht="18" customHeight="1" x14ac:dyDescent="0.15">
      <c r="A45" s="5">
        <v>33</v>
      </c>
      <c r="B45" s="22">
        <v>11</v>
      </c>
      <c r="C45" s="14">
        <v>18</v>
      </c>
      <c r="D45" s="18">
        <v>29</v>
      </c>
    </row>
    <row r="46" spans="1:4" ht="18" customHeight="1" x14ac:dyDescent="0.15">
      <c r="A46" s="5">
        <v>34</v>
      </c>
      <c r="B46" s="22">
        <v>17</v>
      </c>
      <c r="C46" s="14">
        <v>19</v>
      </c>
      <c r="D46" s="18">
        <v>36</v>
      </c>
    </row>
    <row r="47" spans="1:4" ht="18" customHeight="1" x14ac:dyDescent="0.15">
      <c r="A47" s="5" t="s">
        <v>15</v>
      </c>
      <c r="B47" s="22">
        <v>84</v>
      </c>
      <c r="C47" s="14">
        <v>101</v>
      </c>
      <c r="D47" s="18">
        <v>185</v>
      </c>
    </row>
    <row r="48" spans="1:4" ht="18" customHeight="1" x14ac:dyDescent="0.15">
      <c r="A48" s="5">
        <v>35</v>
      </c>
      <c r="B48" s="22">
        <v>29</v>
      </c>
      <c r="C48" s="14">
        <v>20</v>
      </c>
      <c r="D48" s="18">
        <v>49</v>
      </c>
    </row>
    <row r="49" spans="1:4" ht="18" customHeight="1" x14ac:dyDescent="0.15">
      <c r="A49" s="5">
        <v>36</v>
      </c>
      <c r="B49" s="22">
        <v>31</v>
      </c>
      <c r="C49" s="14">
        <v>19</v>
      </c>
      <c r="D49" s="18">
        <v>50</v>
      </c>
    </row>
    <row r="50" spans="1:4" ht="18" customHeight="1" x14ac:dyDescent="0.15">
      <c r="A50" s="5">
        <v>37</v>
      </c>
      <c r="B50" s="22">
        <v>20</v>
      </c>
      <c r="C50" s="14">
        <v>18</v>
      </c>
      <c r="D50" s="18">
        <v>38</v>
      </c>
    </row>
    <row r="51" spans="1:4" ht="18" customHeight="1" x14ac:dyDescent="0.15">
      <c r="A51" s="5">
        <v>38</v>
      </c>
      <c r="B51" s="22">
        <v>26</v>
      </c>
      <c r="C51" s="14">
        <v>19</v>
      </c>
      <c r="D51" s="18">
        <v>45</v>
      </c>
    </row>
    <row r="52" spans="1:4" ht="18" customHeight="1" x14ac:dyDescent="0.15">
      <c r="A52" s="5">
        <v>39</v>
      </c>
      <c r="B52" s="22">
        <v>26</v>
      </c>
      <c r="C52" s="14">
        <v>26</v>
      </c>
      <c r="D52" s="18">
        <v>52</v>
      </c>
    </row>
    <row r="53" spans="1:4" ht="18" customHeight="1" x14ac:dyDescent="0.15">
      <c r="A53" s="5" t="s">
        <v>18</v>
      </c>
      <c r="B53" s="22">
        <v>132</v>
      </c>
      <c r="C53" s="14">
        <v>102</v>
      </c>
      <c r="D53" s="18">
        <v>234</v>
      </c>
    </row>
    <row r="54" spans="1:4" ht="18" customHeight="1" x14ac:dyDescent="0.15">
      <c r="A54" s="5">
        <v>40</v>
      </c>
      <c r="B54" s="22">
        <v>25</v>
      </c>
      <c r="C54" s="14">
        <v>30</v>
      </c>
      <c r="D54" s="18">
        <v>55</v>
      </c>
    </row>
    <row r="55" spans="1:4" ht="18" customHeight="1" x14ac:dyDescent="0.15">
      <c r="A55" s="5">
        <v>41</v>
      </c>
      <c r="B55" s="22">
        <v>24</v>
      </c>
      <c r="C55" s="14">
        <v>21</v>
      </c>
      <c r="D55" s="18">
        <v>45</v>
      </c>
    </row>
    <row r="56" spans="1:4" ht="18" customHeight="1" x14ac:dyDescent="0.15">
      <c r="A56" s="5">
        <v>42</v>
      </c>
      <c r="B56" s="22">
        <v>20</v>
      </c>
      <c r="C56" s="14">
        <v>19</v>
      </c>
      <c r="D56" s="18">
        <v>39</v>
      </c>
    </row>
    <row r="57" spans="1:4" ht="18" customHeight="1" x14ac:dyDescent="0.15">
      <c r="A57" s="5">
        <v>43</v>
      </c>
      <c r="B57" s="22">
        <v>28</v>
      </c>
      <c r="C57" s="14">
        <v>26</v>
      </c>
      <c r="D57" s="18">
        <v>54</v>
      </c>
    </row>
    <row r="58" spans="1:4" ht="18" customHeight="1" x14ac:dyDescent="0.15">
      <c r="A58" s="5">
        <v>44</v>
      </c>
      <c r="B58" s="22">
        <v>23</v>
      </c>
      <c r="C58" s="14">
        <v>22</v>
      </c>
      <c r="D58" s="18">
        <v>45</v>
      </c>
    </row>
    <row r="59" spans="1:4" ht="18" customHeight="1" x14ac:dyDescent="0.15">
      <c r="A59" s="5" t="s">
        <v>21</v>
      </c>
      <c r="B59" s="22">
        <v>120</v>
      </c>
      <c r="C59" s="14">
        <v>118</v>
      </c>
      <c r="D59" s="18">
        <v>238</v>
      </c>
    </row>
    <row r="60" spans="1:4" ht="18" customHeight="1" x14ac:dyDescent="0.15">
      <c r="A60" s="5">
        <v>45</v>
      </c>
      <c r="B60" s="22">
        <v>22</v>
      </c>
      <c r="C60" s="14">
        <v>22</v>
      </c>
      <c r="D60" s="18">
        <v>44</v>
      </c>
    </row>
    <row r="61" spans="1:4" ht="18" customHeight="1" x14ac:dyDescent="0.15">
      <c r="A61" s="5">
        <v>46</v>
      </c>
      <c r="B61" s="22">
        <v>32</v>
      </c>
      <c r="C61" s="14">
        <v>30</v>
      </c>
      <c r="D61" s="18">
        <v>62</v>
      </c>
    </row>
    <row r="62" spans="1:4" ht="18" customHeight="1" x14ac:dyDescent="0.15">
      <c r="A62" s="5">
        <v>47</v>
      </c>
      <c r="B62" s="22">
        <v>32</v>
      </c>
      <c r="C62" s="14">
        <v>27</v>
      </c>
      <c r="D62" s="18">
        <v>59</v>
      </c>
    </row>
    <row r="63" spans="1:4" ht="18" customHeight="1" x14ac:dyDescent="0.15">
      <c r="A63" s="5">
        <v>48</v>
      </c>
      <c r="B63" s="22">
        <v>40</v>
      </c>
      <c r="C63" s="14">
        <v>24</v>
      </c>
      <c r="D63" s="18">
        <v>64</v>
      </c>
    </row>
    <row r="64" spans="1:4" ht="18" customHeight="1" x14ac:dyDescent="0.15">
      <c r="A64" s="5">
        <v>49</v>
      </c>
      <c r="B64" s="22">
        <v>29</v>
      </c>
      <c r="C64" s="14">
        <v>25</v>
      </c>
      <c r="D64" s="18">
        <v>54</v>
      </c>
    </row>
    <row r="65" spans="1:4" ht="18" customHeight="1" x14ac:dyDescent="0.15">
      <c r="A65" s="5" t="s">
        <v>17</v>
      </c>
      <c r="B65" s="22">
        <v>155</v>
      </c>
      <c r="C65" s="14">
        <v>128</v>
      </c>
      <c r="D65" s="18">
        <v>283</v>
      </c>
    </row>
    <row r="66" spans="1:4" ht="18" customHeight="1" x14ac:dyDescent="0.15">
      <c r="A66" s="5">
        <v>50</v>
      </c>
      <c r="B66" s="22">
        <v>33</v>
      </c>
      <c r="C66" s="14">
        <v>36</v>
      </c>
      <c r="D66" s="18">
        <v>69</v>
      </c>
    </row>
    <row r="67" spans="1:4" ht="18" customHeight="1" x14ac:dyDescent="0.15">
      <c r="A67" s="5">
        <v>51</v>
      </c>
      <c r="B67" s="22">
        <v>40</v>
      </c>
      <c r="C67" s="14">
        <v>37</v>
      </c>
      <c r="D67" s="18">
        <v>77</v>
      </c>
    </row>
    <row r="68" spans="1:4" ht="18" customHeight="1" x14ac:dyDescent="0.15">
      <c r="A68" s="5">
        <v>52</v>
      </c>
      <c r="B68" s="22">
        <v>28</v>
      </c>
      <c r="C68" s="14">
        <v>26</v>
      </c>
      <c r="D68" s="18">
        <v>54</v>
      </c>
    </row>
    <row r="69" spans="1:4" ht="18" customHeight="1" x14ac:dyDescent="0.15">
      <c r="A69" s="5">
        <v>53</v>
      </c>
      <c r="B69" s="22">
        <v>19</v>
      </c>
      <c r="C69" s="14">
        <v>16</v>
      </c>
      <c r="D69" s="18">
        <v>35</v>
      </c>
    </row>
    <row r="70" spans="1:4" ht="18" customHeight="1" x14ac:dyDescent="0.15">
      <c r="A70" s="5">
        <v>54</v>
      </c>
      <c r="B70" s="22">
        <v>18</v>
      </c>
      <c r="C70" s="14">
        <v>23</v>
      </c>
      <c r="D70" s="18">
        <v>41</v>
      </c>
    </row>
    <row r="71" spans="1:4" ht="18" customHeight="1" x14ac:dyDescent="0.15">
      <c r="A71" s="5" t="s">
        <v>22</v>
      </c>
      <c r="B71" s="22">
        <v>138</v>
      </c>
      <c r="C71" s="14">
        <v>138</v>
      </c>
      <c r="D71" s="18">
        <v>276</v>
      </c>
    </row>
    <row r="72" spans="1:4" ht="18" customHeight="1" x14ac:dyDescent="0.15">
      <c r="A72" s="5">
        <v>55</v>
      </c>
      <c r="B72" s="22">
        <v>18</v>
      </c>
      <c r="C72" s="14">
        <v>24</v>
      </c>
      <c r="D72" s="18">
        <v>42</v>
      </c>
    </row>
    <row r="73" spans="1:4" ht="18" customHeight="1" x14ac:dyDescent="0.15">
      <c r="A73" s="5">
        <v>56</v>
      </c>
      <c r="B73" s="22">
        <v>18</v>
      </c>
      <c r="C73" s="14">
        <v>22</v>
      </c>
      <c r="D73" s="18">
        <v>40</v>
      </c>
    </row>
    <row r="74" spans="1:4" ht="18" customHeight="1" x14ac:dyDescent="0.15">
      <c r="A74" s="5">
        <v>57</v>
      </c>
      <c r="B74" s="22">
        <v>18</v>
      </c>
      <c r="C74" s="14">
        <v>21</v>
      </c>
      <c r="D74" s="18">
        <v>39</v>
      </c>
    </row>
    <row r="75" spans="1:4" ht="18" customHeight="1" x14ac:dyDescent="0.15">
      <c r="A75" s="5">
        <v>58</v>
      </c>
      <c r="B75" s="22">
        <v>13</v>
      </c>
      <c r="C75" s="14">
        <v>18</v>
      </c>
      <c r="D75" s="18">
        <v>31</v>
      </c>
    </row>
    <row r="76" spans="1:4" ht="18" customHeight="1" x14ac:dyDescent="0.15">
      <c r="A76" s="5">
        <v>59</v>
      </c>
      <c r="B76" s="22">
        <v>22</v>
      </c>
      <c r="C76" s="14">
        <v>10</v>
      </c>
      <c r="D76" s="18">
        <v>32</v>
      </c>
    </row>
    <row r="77" spans="1:4" ht="18" customHeight="1" x14ac:dyDescent="0.15">
      <c r="A77" s="5" t="s">
        <v>27</v>
      </c>
      <c r="B77" s="22">
        <v>89</v>
      </c>
      <c r="C77" s="14">
        <v>95</v>
      </c>
      <c r="D77" s="18">
        <v>184</v>
      </c>
    </row>
    <row r="78" spans="1:4" ht="18" customHeight="1" x14ac:dyDescent="0.15">
      <c r="A78" s="5">
        <v>60</v>
      </c>
      <c r="B78" s="22">
        <v>17</v>
      </c>
      <c r="C78" s="14">
        <v>24</v>
      </c>
      <c r="D78" s="18">
        <v>41</v>
      </c>
    </row>
    <row r="79" spans="1:4" ht="18" customHeight="1" x14ac:dyDescent="0.15">
      <c r="A79" s="5">
        <v>61</v>
      </c>
      <c r="B79" s="22">
        <v>22</v>
      </c>
      <c r="C79" s="14">
        <v>15</v>
      </c>
      <c r="D79" s="18">
        <v>37</v>
      </c>
    </row>
    <row r="80" spans="1:4" ht="18" customHeight="1" x14ac:dyDescent="0.15">
      <c r="A80" s="5">
        <v>62</v>
      </c>
      <c r="B80" s="22">
        <v>18</v>
      </c>
      <c r="C80" s="14">
        <v>21</v>
      </c>
      <c r="D80" s="18">
        <v>39</v>
      </c>
    </row>
    <row r="81" spans="1:4" ht="18" customHeight="1" x14ac:dyDescent="0.15">
      <c r="A81" s="5">
        <v>63</v>
      </c>
      <c r="B81" s="22">
        <v>20</v>
      </c>
      <c r="C81" s="14">
        <v>19</v>
      </c>
      <c r="D81" s="18">
        <v>39</v>
      </c>
    </row>
    <row r="82" spans="1:4" ht="18" customHeight="1" x14ac:dyDescent="0.15">
      <c r="A82" s="5">
        <v>64</v>
      </c>
      <c r="B82" s="22">
        <v>14</v>
      </c>
      <c r="C82" s="14">
        <v>18</v>
      </c>
      <c r="D82" s="18">
        <v>32</v>
      </c>
    </row>
    <row r="83" spans="1:4" ht="18" customHeight="1" x14ac:dyDescent="0.15">
      <c r="A83" s="5" t="s">
        <v>28</v>
      </c>
      <c r="B83" s="22">
        <v>91</v>
      </c>
      <c r="C83" s="14">
        <v>97</v>
      </c>
      <c r="D83" s="18">
        <v>188</v>
      </c>
    </row>
    <row r="84" spans="1:4" ht="18" customHeight="1" x14ac:dyDescent="0.15">
      <c r="A84" s="5" t="s">
        <v>31</v>
      </c>
      <c r="B84" s="22">
        <v>1062</v>
      </c>
      <c r="C84" s="14">
        <v>1035</v>
      </c>
      <c r="D84" s="18">
        <v>2097</v>
      </c>
    </row>
    <row r="85" spans="1:4" ht="18" customHeight="1" x14ac:dyDescent="0.15">
      <c r="A85" s="5">
        <v>65</v>
      </c>
      <c r="B85" s="22">
        <v>16</v>
      </c>
      <c r="C85" s="14">
        <v>24</v>
      </c>
      <c r="D85" s="18">
        <v>40</v>
      </c>
    </row>
    <row r="86" spans="1:4" ht="18" customHeight="1" x14ac:dyDescent="0.15">
      <c r="A86" s="5">
        <v>66</v>
      </c>
      <c r="B86" s="22">
        <v>17</v>
      </c>
      <c r="C86" s="14">
        <v>15</v>
      </c>
      <c r="D86" s="18">
        <v>32</v>
      </c>
    </row>
    <row r="87" spans="1:4" ht="18" customHeight="1" x14ac:dyDescent="0.15">
      <c r="A87" s="5">
        <v>67</v>
      </c>
      <c r="B87" s="22">
        <v>8</v>
      </c>
      <c r="C87" s="14">
        <v>25</v>
      </c>
      <c r="D87" s="18">
        <v>33</v>
      </c>
    </row>
    <row r="88" spans="1:4" ht="18" customHeight="1" x14ac:dyDescent="0.15">
      <c r="A88" s="5">
        <v>68</v>
      </c>
      <c r="B88" s="22">
        <v>14</v>
      </c>
      <c r="C88" s="14">
        <v>29</v>
      </c>
      <c r="D88" s="18">
        <v>43</v>
      </c>
    </row>
    <row r="89" spans="1:4" ht="18" customHeight="1" x14ac:dyDescent="0.15">
      <c r="A89" s="5">
        <v>69</v>
      </c>
      <c r="B89" s="22">
        <v>32</v>
      </c>
      <c r="C89" s="14">
        <v>21</v>
      </c>
      <c r="D89" s="18">
        <v>53</v>
      </c>
    </row>
    <row r="90" spans="1:4" ht="18" customHeight="1" x14ac:dyDescent="0.15">
      <c r="A90" s="5" t="s">
        <v>20</v>
      </c>
      <c r="B90" s="22">
        <v>87</v>
      </c>
      <c r="C90" s="14">
        <v>114</v>
      </c>
      <c r="D90" s="18">
        <v>201</v>
      </c>
    </row>
    <row r="91" spans="1:4" ht="18" customHeight="1" x14ac:dyDescent="0.15">
      <c r="A91" s="5">
        <v>70</v>
      </c>
      <c r="B91" s="22">
        <v>14</v>
      </c>
      <c r="C91" s="14">
        <v>26</v>
      </c>
      <c r="D91" s="18">
        <v>40</v>
      </c>
    </row>
    <row r="92" spans="1:4" ht="18" customHeight="1" x14ac:dyDescent="0.15">
      <c r="A92" s="5">
        <v>71</v>
      </c>
      <c r="B92" s="22">
        <v>19</v>
      </c>
      <c r="C92" s="14">
        <v>19</v>
      </c>
      <c r="D92" s="18">
        <v>38</v>
      </c>
    </row>
    <row r="93" spans="1:4" ht="18" customHeight="1" x14ac:dyDescent="0.15">
      <c r="A93" s="5">
        <v>72</v>
      </c>
      <c r="B93" s="22">
        <v>30</v>
      </c>
      <c r="C93" s="14">
        <v>30</v>
      </c>
      <c r="D93" s="18">
        <v>60</v>
      </c>
    </row>
    <row r="94" spans="1:4" ht="18" customHeight="1" x14ac:dyDescent="0.15">
      <c r="A94" s="5">
        <v>73</v>
      </c>
      <c r="B94" s="22">
        <v>28</v>
      </c>
      <c r="C94" s="14">
        <v>30</v>
      </c>
      <c r="D94" s="18">
        <v>58</v>
      </c>
    </row>
    <row r="95" spans="1:4" ht="18" customHeight="1" x14ac:dyDescent="0.15">
      <c r="A95" s="5">
        <v>74</v>
      </c>
      <c r="B95" s="22">
        <v>24</v>
      </c>
      <c r="C95" s="14">
        <v>37</v>
      </c>
      <c r="D95" s="18">
        <v>61</v>
      </c>
    </row>
    <row r="96" spans="1:4" ht="18" customHeight="1" x14ac:dyDescent="0.15">
      <c r="A96" s="5" t="s">
        <v>33</v>
      </c>
      <c r="B96" s="22">
        <v>115</v>
      </c>
      <c r="C96" s="14">
        <v>142</v>
      </c>
      <c r="D96" s="18">
        <v>257</v>
      </c>
    </row>
    <row r="97" spans="1:4" ht="18" customHeight="1" x14ac:dyDescent="0.15">
      <c r="A97" s="5">
        <v>75</v>
      </c>
      <c r="B97" s="22">
        <v>27</v>
      </c>
      <c r="C97" s="14">
        <v>26</v>
      </c>
      <c r="D97" s="18">
        <v>53</v>
      </c>
    </row>
    <row r="98" spans="1:4" ht="18" customHeight="1" x14ac:dyDescent="0.15">
      <c r="A98" s="5">
        <v>76</v>
      </c>
      <c r="B98" s="22">
        <v>43</v>
      </c>
      <c r="C98" s="14">
        <v>32</v>
      </c>
      <c r="D98" s="18">
        <v>75</v>
      </c>
    </row>
    <row r="99" spans="1:4" ht="18" customHeight="1" x14ac:dyDescent="0.15">
      <c r="A99" s="5">
        <v>77</v>
      </c>
      <c r="B99" s="22">
        <v>32</v>
      </c>
      <c r="C99" s="14">
        <v>36</v>
      </c>
      <c r="D99" s="18">
        <v>68</v>
      </c>
    </row>
    <row r="100" spans="1:4" ht="18" customHeight="1" x14ac:dyDescent="0.15">
      <c r="A100" s="5">
        <v>78</v>
      </c>
      <c r="B100" s="22">
        <v>25</v>
      </c>
      <c r="C100" s="14">
        <v>34</v>
      </c>
      <c r="D100" s="18">
        <v>59</v>
      </c>
    </row>
    <row r="101" spans="1:4" ht="18" customHeight="1" x14ac:dyDescent="0.15">
      <c r="A101" s="5">
        <v>79</v>
      </c>
      <c r="B101" s="22">
        <v>23</v>
      </c>
      <c r="C101" s="14">
        <v>24</v>
      </c>
      <c r="D101" s="18">
        <v>47</v>
      </c>
    </row>
    <row r="102" spans="1:4" ht="18" customHeight="1" x14ac:dyDescent="0.15">
      <c r="A102" s="5" t="s">
        <v>0</v>
      </c>
      <c r="B102" s="22">
        <v>150</v>
      </c>
      <c r="C102" s="14">
        <v>152</v>
      </c>
      <c r="D102" s="18">
        <v>302</v>
      </c>
    </row>
    <row r="103" spans="1:4" ht="18" customHeight="1" x14ac:dyDescent="0.15">
      <c r="A103" s="5">
        <v>80</v>
      </c>
      <c r="B103" s="22">
        <v>11</v>
      </c>
      <c r="C103" s="14">
        <v>13</v>
      </c>
      <c r="D103" s="18">
        <v>24</v>
      </c>
    </row>
    <row r="104" spans="1:4" ht="18" customHeight="1" x14ac:dyDescent="0.15">
      <c r="A104" s="5">
        <v>81</v>
      </c>
      <c r="B104" s="22">
        <v>18</v>
      </c>
      <c r="C104" s="14">
        <v>18</v>
      </c>
      <c r="D104" s="18">
        <v>36</v>
      </c>
    </row>
    <row r="105" spans="1:4" ht="18" customHeight="1" x14ac:dyDescent="0.15">
      <c r="A105" s="5">
        <v>82</v>
      </c>
      <c r="B105" s="22">
        <v>11</v>
      </c>
      <c r="C105" s="14">
        <v>12</v>
      </c>
      <c r="D105" s="18">
        <v>23</v>
      </c>
    </row>
    <row r="106" spans="1:4" ht="18" customHeight="1" x14ac:dyDescent="0.15">
      <c r="A106" s="5">
        <v>83</v>
      </c>
      <c r="B106" s="22">
        <v>16</v>
      </c>
      <c r="C106" s="14">
        <v>19</v>
      </c>
      <c r="D106" s="18">
        <v>35</v>
      </c>
    </row>
    <row r="107" spans="1:4" ht="18" customHeight="1" x14ac:dyDescent="0.15">
      <c r="A107" s="5">
        <v>84</v>
      </c>
      <c r="B107" s="22">
        <v>12</v>
      </c>
      <c r="C107" s="14">
        <v>15</v>
      </c>
      <c r="D107" s="18">
        <v>27</v>
      </c>
    </row>
    <row r="108" spans="1:4" ht="18" customHeight="1" x14ac:dyDescent="0.15">
      <c r="A108" s="5" t="s">
        <v>35</v>
      </c>
      <c r="B108" s="22">
        <v>68</v>
      </c>
      <c r="C108" s="14">
        <v>77</v>
      </c>
      <c r="D108" s="18">
        <v>145</v>
      </c>
    </row>
    <row r="109" spans="1:4" ht="18" customHeight="1" x14ac:dyDescent="0.15">
      <c r="A109" s="5">
        <v>85</v>
      </c>
      <c r="B109" s="22">
        <v>11</v>
      </c>
      <c r="C109" s="14">
        <v>15</v>
      </c>
      <c r="D109" s="18">
        <v>26</v>
      </c>
    </row>
    <row r="110" spans="1:4" ht="18" customHeight="1" x14ac:dyDescent="0.15">
      <c r="A110" s="5">
        <v>86</v>
      </c>
      <c r="B110" s="22">
        <v>9</v>
      </c>
      <c r="C110" s="14">
        <v>10</v>
      </c>
      <c r="D110" s="18">
        <v>19</v>
      </c>
    </row>
    <row r="111" spans="1:4" ht="18" customHeight="1" x14ac:dyDescent="0.15">
      <c r="A111" s="5">
        <v>87</v>
      </c>
      <c r="B111" s="22">
        <v>5</v>
      </c>
      <c r="C111" s="14">
        <v>10</v>
      </c>
      <c r="D111" s="18">
        <v>15</v>
      </c>
    </row>
    <row r="112" spans="1:4" ht="18" customHeight="1" x14ac:dyDescent="0.15">
      <c r="A112" s="5">
        <v>88</v>
      </c>
      <c r="B112" s="22">
        <v>5</v>
      </c>
      <c r="C112" s="14">
        <v>5</v>
      </c>
      <c r="D112" s="18">
        <v>10</v>
      </c>
    </row>
    <row r="113" spans="1:4" ht="18" customHeight="1" x14ac:dyDescent="0.15">
      <c r="A113" s="5">
        <v>89</v>
      </c>
      <c r="B113" s="22">
        <v>5</v>
      </c>
      <c r="C113" s="14">
        <v>8</v>
      </c>
      <c r="D113" s="18">
        <v>13</v>
      </c>
    </row>
    <row r="114" spans="1:4" ht="18" customHeight="1" x14ac:dyDescent="0.15">
      <c r="A114" s="5" t="s">
        <v>37</v>
      </c>
      <c r="B114" s="22">
        <v>35</v>
      </c>
      <c r="C114" s="14">
        <v>48</v>
      </c>
      <c r="D114" s="18">
        <v>83</v>
      </c>
    </row>
    <row r="115" spans="1:4" ht="18" customHeight="1" x14ac:dyDescent="0.15">
      <c r="A115" s="5">
        <v>90</v>
      </c>
      <c r="B115" s="22">
        <v>6</v>
      </c>
      <c r="C115" s="14">
        <v>10</v>
      </c>
      <c r="D115" s="18">
        <v>16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8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9</v>
      </c>
      <c r="C120" s="14">
        <v>32</v>
      </c>
      <c r="D120" s="18">
        <v>41</v>
      </c>
    </row>
    <row r="121" spans="1:4" ht="18" customHeight="1" x14ac:dyDescent="0.15">
      <c r="A121" s="5">
        <v>95</v>
      </c>
      <c r="B121" s="22">
        <v>4</v>
      </c>
      <c r="C121" s="14">
        <v>2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7</v>
      </c>
      <c r="D126" s="18">
        <v>14</v>
      </c>
    </row>
    <row r="127" spans="1:4" ht="18" customHeight="1" x14ac:dyDescent="0.15">
      <c r="A127" s="5">
        <v>100</v>
      </c>
      <c r="B127" s="22">
        <v>1</v>
      </c>
      <c r="C127" s="14">
        <v>2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472</v>
      </c>
      <c r="C130" s="14">
        <v>574</v>
      </c>
      <c r="D130" s="18">
        <v>1046</v>
      </c>
    </row>
    <row r="131" spans="1:4" ht="18" customHeight="1" x14ac:dyDescent="0.15">
      <c r="A131" s="7" t="s">
        <v>45</v>
      </c>
      <c r="B131" s="23">
        <v>1801</v>
      </c>
      <c r="C131" s="15">
        <v>1818</v>
      </c>
      <c r="D131" s="19">
        <v>36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9</v>
      </c>
      <c r="D5" s="31">
        <v>18</v>
      </c>
    </row>
    <row r="6" spans="1:4" ht="18" customHeight="1" x14ac:dyDescent="0.15">
      <c r="A6" s="5">
        <v>1</v>
      </c>
      <c r="B6" s="27">
        <v>4</v>
      </c>
      <c r="C6" s="14">
        <v>8</v>
      </c>
      <c r="D6" s="18">
        <v>12</v>
      </c>
    </row>
    <row r="7" spans="1:4" ht="18" customHeight="1" x14ac:dyDescent="0.15">
      <c r="A7" s="5">
        <v>2</v>
      </c>
      <c r="B7" s="27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27">
        <v>8</v>
      </c>
      <c r="C8" s="14">
        <v>14</v>
      </c>
      <c r="D8" s="18">
        <v>22</v>
      </c>
    </row>
    <row r="9" spans="1:4" ht="18" customHeight="1" x14ac:dyDescent="0.15">
      <c r="A9" s="5">
        <v>4</v>
      </c>
      <c r="B9" s="28">
        <v>8</v>
      </c>
      <c r="C9" s="30">
        <v>11</v>
      </c>
      <c r="D9" s="32">
        <v>19</v>
      </c>
    </row>
    <row r="10" spans="1:4" ht="18" customHeight="1" x14ac:dyDescent="0.15">
      <c r="A10" s="5" t="s">
        <v>7</v>
      </c>
      <c r="B10" s="22">
        <v>37</v>
      </c>
      <c r="C10" s="14">
        <v>49</v>
      </c>
      <c r="D10" s="18">
        <v>86</v>
      </c>
    </row>
    <row r="11" spans="1:4" ht="18" customHeight="1" x14ac:dyDescent="0.15">
      <c r="A11" s="5">
        <v>5</v>
      </c>
      <c r="B11" s="27">
        <v>6</v>
      </c>
      <c r="C11" s="14">
        <v>16</v>
      </c>
      <c r="D11" s="18">
        <v>22</v>
      </c>
    </row>
    <row r="12" spans="1:4" ht="18" customHeight="1" x14ac:dyDescent="0.15">
      <c r="A12" s="5">
        <v>6</v>
      </c>
      <c r="B12" s="27">
        <v>14</v>
      </c>
      <c r="C12" s="14">
        <v>6</v>
      </c>
      <c r="D12" s="18">
        <v>20</v>
      </c>
    </row>
    <row r="13" spans="1:4" ht="18" customHeight="1" x14ac:dyDescent="0.15">
      <c r="A13" s="5">
        <v>7</v>
      </c>
      <c r="B13" s="27">
        <v>14</v>
      </c>
      <c r="C13" s="14">
        <v>9</v>
      </c>
      <c r="D13" s="18">
        <v>23</v>
      </c>
    </row>
    <row r="14" spans="1:4" ht="18" customHeight="1" x14ac:dyDescent="0.15">
      <c r="A14" s="5">
        <v>8</v>
      </c>
      <c r="B14" s="27">
        <v>9</v>
      </c>
      <c r="C14" s="14">
        <v>13</v>
      </c>
      <c r="D14" s="18">
        <v>22</v>
      </c>
    </row>
    <row r="15" spans="1:4" ht="18" customHeight="1" x14ac:dyDescent="0.15">
      <c r="A15" s="5">
        <v>9</v>
      </c>
      <c r="B15" s="27">
        <v>12</v>
      </c>
      <c r="C15" s="14">
        <v>16</v>
      </c>
      <c r="D15" s="18">
        <v>28</v>
      </c>
    </row>
    <row r="16" spans="1:4" ht="18" customHeight="1" x14ac:dyDescent="0.15">
      <c r="A16" s="5" t="s">
        <v>11</v>
      </c>
      <c r="B16" s="22">
        <v>55</v>
      </c>
      <c r="C16" s="14">
        <v>60</v>
      </c>
      <c r="D16" s="18">
        <v>115</v>
      </c>
    </row>
    <row r="17" spans="1:4" ht="18" customHeight="1" x14ac:dyDescent="0.15">
      <c r="A17" s="5">
        <v>10</v>
      </c>
      <c r="B17" s="22">
        <v>18</v>
      </c>
      <c r="C17" s="14">
        <v>12</v>
      </c>
      <c r="D17" s="18">
        <v>30</v>
      </c>
    </row>
    <row r="18" spans="1:4" ht="18" customHeight="1" x14ac:dyDescent="0.15">
      <c r="A18" s="5">
        <v>11</v>
      </c>
      <c r="B18" s="22">
        <v>16</v>
      </c>
      <c r="C18" s="14">
        <v>11</v>
      </c>
      <c r="D18" s="18">
        <v>27</v>
      </c>
    </row>
    <row r="19" spans="1:4" ht="18" customHeight="1" x14ac:dyDescent="0.15">
      <c r="A19" s="5">
        <v>12</v>
      </c>
      <c r="B19" s="22">
        <v>15</v>
      </c>
      <c r="C19" s="14">
        <v>19</v>
      </c>
      <c r="D19" s="18">
        <v>34</v>
      </c>
    </row>
    <row r="20" spans="1:4" ht="18" customHeight="1" x14ac:dyDescent="0.15">
      <c r="A20" s="5">
        <v>13</v>
      </c>
      <c r="B20" s="22">
        <v>15</v>
      </c>
      <c r="C20" s="14">
        <v>20</v>
      </c>
      <c r="D20" s="18">
        <v>35</v>
      </c>
    </row>
    <row r="21" spans="1:4" ht="18" customHeight="1" x14ac:dyDescent="0.15">
      <c r="A21" s="5">
        <v>14</v>
      </c>
      <c r="B21" s="22">
        <v>20</v>
      </c>
      <c r="C21" s="14">
        <v>15</v>
      </c>
      <c r="D21" s="18">
        <v>35</v>
      </c>
    </row>
    <row r="22" spans="1:4" ht="18" customHeight="1" x14ac:dyDescent="0.15">
      <c r="A22" s="5" t="s">
        <v>12</v>
      </c>
      <c r="B22" s="22">
        <v>84</v>
      </c>
      <c r="C22" s="14">
        <v>77</v>
      </c>
      <c r="D22" s="18">
        <v>161</v>
      </c>
    </row>
    <row r="23" spans="1:4" ht="18" customHeight="1" x14ac:dyDescent="0.15">
      <c r="A23" s="5" t="s">
        <v>6</v>
      </c>
      <c r="B23" s="22">
        <v>176</v>
      </c>
      <c r="C23" s="14">
        <v>186</v>
      </c>
      <c r="D23" s="18">
        <v>362</v>
      </c>
    </row>
    <row r="24" spans="1:4" ht="18" customHeight="1" x14ac:dyDescent="0.15">
      <c r="A24" s="5">
        <v>15</v>
      </c>
      <c r="B24" s="22">
        <v>17</v>
      </c>
      <c r="C24" s="14">
        <v>21</v>
      </c>
      <c r="D24" s="18">
        <v>38</v>
      </c>
    </row>
    <row r="25" spans="1:4" ht="18" customHeight="1" x14ac:dyDescent="0.15">
      <c r="A25" s="5">
        <v>16</v>
      </c>
      <c r="B25" s="22">
        <v>18</v>
      </c>
      <c r="C25" s="14">
        <v>16</v>
      </c>
      <c r="D25" s="18">
        <v>34</v>
      </c>
    </row>
    <row r="26" spans="1:4" ht="18" customHeight="1" x14ac:dyDescent="0.15">
      <c r="A26" s="5">
        <v>17</v>
      </c>
      <c r="B26" s="22">
        <v>28</v>
      </c>
      <c r="C26" s="14">
        <v>13</v>
      </c>
      <c r="D26" s="18">
        <v>41</v>
      </c>
    </row>
    <row r="27" spans="1:4" ht="18" customHeight="1" x14ac:dyDescent="0.15">
      <c r="A27" s="5">
        <v>18</v>
      </c>
      <c r="B27" s="22">
        <v>13</v>
      </c>
      <c r="C27" s="14">
        <v>13</v>
      </c>
      <c r="D27" s="18">
        <v>26</v>
      </c>
    </row>
    <row r="28" spans="1:4" ht="18" customHeight="1" x14ac:dyDescent="0.15">
      <c r="A28" s="5">
        <v>19</v>
      </c>
      <c r="B28" s="22">
        <v>19</v>
      </c>
      <c r="C28" s="14">
        <v>18</v>
      </c>
      <c r="D28" s="18">
        <v>37</v>
      </c>
    </row>
    <row r="29" spans="1:4" ht="18" customHeight="1" x14ac:dyDescent="0.15">
      <c r="A29" s="5" t="s">
        <v>14</v>
      </c>
      <c r="B29" s="22">
        <v>95</v>
      </c>
      <c r="C29" s="14">
        <v>81</v>
      </c>
      <c r="D29" s="18">
        <v>176</v>
      </c>
    </row>
    <row r="30" spans="1:4" ht="18" customHeight="1" x14ac:dyDescent="0.15">
      <c r="A30" s="5">
        <v>20</v>
      </c>
      <c r="B30" s="22">
        <v>22</v>
      </c>
      <c r="C30" s="14">
        <v>12</v>
      </c>
      <c r="D30" s="18">
        <v>34</v>
      </c>
    </row>
    <row r="31" spans="1:4" ht="18" customHeight="1" x14ac:dyDescent="0.15">
      <c r="A31" s="5">
        <v>21</v>
      </c>
      <c r="B31" s="22">
        <v>24</v>
      </c>
      <c r="C31" s="14">
        <v>13</v>
      </c>
      <c r="D31" s="18">
        <v>37</v>
      </c>
    </row>
    <row r="32" spans="1:4" ht="18" customHeight="1" x14ac:dyDescent="0.15">
      <c r="A32" s="5">
        <v>22</v>
      </c>
      <c r="B32" s="22">
        <v>18</v>
      </c>
      <c r="C32" s="14">
        <v>9</v>
      </c>
      <c r="D32" s="18">
        <v>27</v>
      </c>
    </row>
    <row r="33" spans="1:4" ht="18" customHeight="1" x14ac:dyDescent="0.15">
      <c r="A33" s="5">
        <v>23</v>
      </c>
      <c r="B33" s="22">
        <v>11</v>
      </c>
      <c r="C33" s="14">
        <v>11</v>
      </c>
      <c r="D33" s="18">
        <v>22</v>
      </c>
    </row>
    <row r="34" spans="1:4" ht="18" customHeight="1" x14ac:dyDescent="0.15">
      <c r="A34" s="5">
        <v>24</v>
      </c>
      <c r="B34" s="22">
        <v>14</v>
      </c>
      <c r="C34" s="14">
        <v>19</v>
      </c>
      <c r="D34" s="18">
        <v>33</v>
      </c>
    </row>
    <row r="35" spans="1:4" ht="18" customHeight="1" x14ac:dyDescent="0.15">
      <c r="A35" s="5" t="s">
        <v>9</v>
      </c>
      <c r="B35" s="22">
        <v>89</v>
      </c>
      <c r="C35" s="14">
        <v>64</v>
      </c>
      <c r="D35" s="18">
        <v>153</v>
      </c>
    </row>
    <row r="36" spans="1:4" ht="18" customHeight="1" x14ac:dyDescent="0.15">
      <c r="A36" s="5">
        <v>25</v>
      </c>
      <c r="B36" s="22">
        <v>17</v>
      </c>
      <c r="C36" s="14">
        <v>12</v>
      </c>
      <c r="D36" s="18">
        <v>29</v>
      </c>
    </row>
    <row r="37" spans="1:4" ht="18" customHeight="1" x14ac:dyDescent="0.15">
      <c r="A37" s="5">
        <v>26</v>
      </c>
      <c r="B37" s="22">
        <v>8</v>
      </c>
      <c r="C37" s="14">
        <v>13</v>
      </c>
      <c r="D37" s="18">
        <v>21</v>
      </c>
    </row>
    <row r="38" spans="1:4" ht="18" customHeight="1" x14ac:dyDescent="0.15">
      <c r="A38" s="5">
        <v>27</v>
      </c>
      <c r="B38" s="22">
        <v>9</v>
      </c>
      <c r="C38" s="14">
        <v>12</v>
      </c>
      <c r="D38" s="18">
        <v>21</v>
      </c>
    </row>
    <row r="39" spans="1:4" ht="18" customHeight="1" x14ac:dyDescent="0.15">
      <c r="A39" s="5">
        <v>28</v>
      </c>
      <c r="B39" s="22">
        <v>15</v>
      </c>
      <c r="C39" s="14">
        <v>18</v>
      </c>
      <c r="D39" s="18">
        <v>33</v>
      </c>
    </row>
    <row r="40" spans="1:4" ht="18" customHeight="1" x14ac:dyDescent="0.15">
      <c r="A40" s="5">
        <v>29</v>
      </c>
      <c r="B40" s="22">
        <v>17</v>
      </c>
      <c r="C40" s="14">
        <v>22</v>
      </c>
      <c r="D40" s="18">
        <v>39</v>
      </c>
    </row>
    <row r="41" spans="1:4" ht="18" customHeight="1" x14ac:dyDescent="0.15">
      <c r="A41" s="5" t="s">
        <v>2</v>
      </c>
      <c r="B41" s="22">
        <v>66</v>
      </c>
      <c r="C41" s="14">
        <v>77</v>
      </c>
      <c r="D41" s="18">
        <v>143</v>
      </c>
    </row>
    <row r="42" spans="1:4" ht="18" customHeight="1" x14ac:dyDescent="0.15">
      <c r="A42" s="5">
        <v>30</v>
      </c>
      <c r="B42" s="22">
        <v>12</v>
      </c>
      <c r="C42" s="14">
        <v>8</v>
      </c>
      <c r="D42" s="18">
        <v>20</v>
      </c>
    </row>
    <row r="43" spans="1:4" ht="18" customHeight="1" x14ac:dyDescent="0.15">
      <c r="A43" s="5">
        <v>31</v>
      </c>
      <c r="B43" s="22">
        <v>18</v>
      </c>
      <c r="C43" s="14">
        <v>16</v>
      </c>
      <c r="D43" s="18">
        <v>34</v>
      </c>
    </row>
    <row r="44" spans="1:4" ht="18" customHeight="1" x14ac:dyDescent="0.15">
      <c r="A44" s="5">
        <v>32</v>
      </c>
      <c r="B44" s="22">
        <v>11</v>
      </c>
      <c r="C44" s="14">
        <v>13</v>
      </c>
      <c r="D44" s="18">
        <v>24</v>
      </c>
    </row>
    <row r="45" spans="1:4" ht="18" customHeight="1" x14ac:dyDescent="0.15">
      <c r="A45" s="5">
        <v>33</v>
      </c>
      <c r="B45" s="22">
        <v>20</v>
      </c>
      <c r="C45" s="14">
        <v>11</v>
      </c>
      <c r="D45" s="18">
        <v>31</v>
      </c>
    </row>
    <row r="46" spans="1:4" ht="18" customHeight="1" x14ac:dyDescent="0.15">
      <c r="A46" s="5">
        <v>34</v>
      </c>
      <c r="B46" s="22">
        <v>15</v>
      </c>
      <c r="C46" s="14">
        <v>15</v>
      </c>
      <c r="D46" s="18">
        <v>30</v>
      </c>
    </row>
    <row r="47" spans="1:4" ht="18" customHeight="1" x14ac:dyDescent="0.15">
      <c r="A47" s="5" t="s">
        <v>15</v>
      </c>
      <c r="B47" s="22">
        <v>76</v>
      </c>
      <c r="C47" s="14">
        <v>63</v>
      </c>
      <c r="D47" s="18">
        <v>139</v>
      </c>
    </row>
    <row r="48" spans="1:4" ht="18" customHeight="1" x14ac:dyDescent="0.15">
      <c r="A48" s="5">
        <v>35</v>
      </c>
      <c r="B48" s="22">
        <v>15</v>
      </c>
      <c r="C48" s="14">
        <v>14</v>
      </c>
      <c r="D48" s="18">
        <v>29</v>
      </c>
    </row>
    <row r="49" spans="1:4" ht="18" customHeight="1" x14ac:dyDescent="0.15">
      <c r="A49" s="5">
        <v>36</v>
      </c>
      <c r="B49" s="22">
        <v>17</v>
      </c>
      <c r="C49" s="14">
        <v>14</v>
      </c>
      <c r="D49" s="18">
        <v>31</v>
      </c>
    </row>
    <row r="50" spans="1:4" ht="18" customHeight="1" x14ac:dyDescent="0.15">
      <c r="A50" s="5">
        <v>37</v>
      </c>
      <c r="B50" s="22">
        <v>16</v>
      </c>
      <c r="C50" s="14">
        <v>20</v>
      </c>
      <c r="D50" s="18">
        <v>36</v>
      </c>
    </row>
    <row r="51" spans="1:4" ht="18" customHeight="1" x14ac:dyDescent="0.15">
      <c r="A51" s="5">
        <v>38</v>
      </c>
      <c r="B51" s="22">
        <v>19</v>
      </c>
      <c r="C51" s="14">
        <v>20</v>
      </c>
      <c r="D51" s="18">
        <v>39</v>
      </c>
    </row>
    <row r="52" spans="1:4" ht="18" customHeight="1" x14ac:dyDescent="0.15">
      <c r="A52" s="5">
        <v>39</v>
      </c>
      <c r="B52" s="22">
        <v>25</v>
      </c>
      <c r="C52" s="14">
        <v>21</v>
      </c>
      <c r="D52" s="18">
        <v>46</v>
      </c>
    </row>
    <row r="53" spans="1:4" ht="18" customHeight="1" x14ac:dyDescent="0.15">
      <c r="A53" s="5" t="s">
        <v>18</v>
      </c>
      <c r="B53" s="22">
        <v>92</v>
      </c>
      <c r="C53" s="14">
        <v>89</v>
      </c>
      <c r="D53" s="18">
        <v>181</v>
      </c>
    </row>
    <row r="54" spans="1:4" ht="18" customHeight="1" x14ac:dyDescent="0.15">
      <c r="A54" s="5">
        <v>40</v>
      </c>
      <c r="B54" s="22">
        <v>18</v>
      </c>
      <c r="C54" s="14">
        <v>15</v>
      </c>
      <c r="D54" s="18">
        <v>33</v>
      </c>
    </row>
    <row r="55" spans="1:4" ht="18" customHeight="1" x14ac:dyDescent="0.15">
      <c r="A55" s="5">
        <v>41</v>
      </c>
      <c r="B55" s="22">
        <v>19</v>
      </c>
      <c r="C55" s="14">
        <v>18</v>
      </c>
      <c r="D55" s="18">
        <v>37</v>
      </c>
    </row>
    <row r="56" spans="1:4" ht="18" customHeight="1" x14ac:dyDescent="0.15">
      <c r="A56" s="5">
        <v>42</v>
      </c>
      <c r="B56" s="22">
        <v>16</v>
      </c>
      <c r="C56" s="14">
        <v>15</v>
      </c>
      <c r="D56" s="18">
        <v>31</v>
      </c>
    </row>
    <row r="57" spans="1:4" ht="18" customHeight="1" x14ac:dyDescent="0.15">
      <c r="A57" s="5">
        <v>43</v>
      </c>
      <c r="B57" s="22">
        <v>16</v>
      </c>
      <c r="C57" s="14">
        <v>14</v>
      </c>
      <c r="D57" s="18">
        <v>30</v>
      </c>
    </row>
    <row r="58" spans="1:4" ht="18" customHeight="1" x14ac:dyDescent="0.15">
      <c r="A58" s="5">
        <v>44</v>
      </c>
      <c r="B58" s="22">
        <v>21</v>
      </c>
      <c r="C58" s="14">
        <v>24</v>
      </c>
      <c r="D58" s="18">
        <v>45</v>
      </c>
    </row>
    <row r="59" spans="1:4" ht="18" customHeight="1" x14ac:dyDescent="0.15">
      <c r="A59" s="5" t="s">
        <v>21</v>
      </c>
      <c r="B59" s="22">
        <v>90</v>
      </c>
      <c r="C59" s="14">
        <v>86</v>
      </c>
      <c r="D59" s="18">
        <v>176</v>
      </c>
    </row>
    <row r="60" spans="1:4" ht="18" customHeight="1" x14ac:dyDescent="0.15">
      <c r="A60" s="5">
        <v>45</v>
      </c>
      <c r="B60" s="22">
        <v>25</v>
      </c>
      <c r="C60" s="14">
        <v>17</v>
      </c>
      <c r="D60" s="18">
        <v>42</v>
      </c>
    </row>
    <row r="61" spans="1:4" ht="18" customHeight="1" x14ac:dyDescent="0.15">
      <c r="A61" s="5">
        <v>46</v>
      </c>
      <c r="B61" s="22">
        <v>23</v>
      </c>
      <c r="C61" s="14">
        <v>21</v>
      </c>
      <c r="D61" s="18">
        <v>44</v>
      </c>
    </row>
    <row r="62" spans="1:4" ht="18" customHeight="1" x14ac:dyDescent="0.15">
      <c r="A62" s="5">
        <v>47</v>
      </c>
      <c r="B62" s="22">
        <v>29</v>
      </c>
      <c r="C62" s="14">
        <v>20</v>
      </c>
      <c r="D62" s="18">
        <v>49</v>
      </c>
    </row>
    <row r="63" spans="1:4" ht="18" customHeight="1" x14ac:dyDescent="0.15">
      <c r="A63" s="5">
        <v>48</v>
      </c>
      <c r="B63" s="22">
        <v>23</v>
      </c>
      <c r="C63" s="14">
        <v>27</v>
      </c>
      <c r="D63" s="18">
        <v>50</v>
      </c>
    </row>
    <row r="64" spans="1:4" ht="18" customHeight="1" x14ac:dyDescent="0.15">
      <c r="A64" s="5">
        <v>49</v>
      </c>
      <c r="B64" s="22">
        <v>22</v>
      </c>
      <c r="C64" s="14">
        <v>22</v>
      </c>
      <c r="D64" s="18">
        <v>44</v>
      </c>
    </row>
    <row r="65" spans="1:4" ht="18" customHeight="1" x14ac:dyDescent="0.15">
      <c r="A65" s="5" t="s">
        <v>17</v>
      </c>
      <c r="B65" s="22">
        <v>122</v>
      </c>
      <c r="C65" s="14">
        <v>107</v>
      </c>
      <c r="D65" s="18">
        <v>229</v>
      </c>
    </row>
    <row r="66" spans="1:4" ht="18" customHeight="1" x14ac:dyDescent="0.15">
      <c r="A66" s="5">
        <v>50</v>
      </c>
      <c r="B66" s="22">
        <v>26</v>
      </c>
      <c r="C66" s="14">
        <v>26</v>
      </c>
      <c r="D66" s="18">
        <v>52</v>
      </c>
    </row>
    <row r="67" spans="1:4" ht="18" customHeight="1" x14ac:dyDescent="0.15">
      <c r="A67" s="5">
        <v>51</v>
      </c>
      <c r="B67" s="22">
        <v>25</v>
      </c>
      <c r="C67" s="14">
        <v>37</v>
      </c>
      <c r="D67" s="18">
        <v>62</v>
      </c>
    </row>
    <row r="68" spans="1:4" ht="18" customHeight="1" x14ac:dyDescent="0.15">
      <c r="A68" s="5">
        <v>52</v>
      </c>
      <c r="B68" s="22">
        <v>23</v>
      </c>
      <c r="C68" s="14">
        <v>30</v>
      </c>
      <c r="D68" s="18">
        <v>53</v>
      </c>
    </row>
    <row r="69" spans="1:4" ht="18" customHeight="1" x14ac:dyDescent="0.15">
      <c r="A69" s="5">
        <v>53</v>
      </c>
      <c r="B69" s="22">
        <v>30</v>
      </c>
      <c r="C69" s="14">
        <v>22</v>
      </c>
      <c r="D69" s="18">
        <v>52</v>
      </c>
    </row>
    <row r="70" spans="1:4" ht="18" customHeight="1" x14ac:dyDescent="0.15">
      <c r="A70" s="5">
        <v>54</v>
      </c>
      <c r="B70" s="22">
        <v>27</v>
      </c>
      <c r="C70" s="14">
        <v>30</v>
      </c>
      <c r="D70" s="18">
        <v>57</v>
      </c>
    </row>
    <row r="71" spans="1:4" ht="18" customHeight="1" x14ac:dyDescent="0.15">
      <c r="A71" s="5" t="s">
        <v>22</v>
      </c>
      <c r="B71" s="22">
        <v>131</v>
      </c>
      <c r="C71" s="14">
        <v>145</v>
      </c>
      <c r="D71" s="18">
        <v>276</v>
      </c>
    </row>
    <row r="72" spans="1:4" ht="18" customHeight="1" x14ac:dyDescent="0.15">
      <c r="A72" s="5">
        <v>55</v>
      </c>
      <c r="B72" s="22">
        <v>27</v>
      </c>
      <c r="C72" s="14">
        <v>17</v>
      </c>
      <c r="D72" s="18">
        <v>44</v>
      </c>
    </row>
    <row r="73" spans="1:4" ht="18" customHeight="1" x14ac:dyDescent="0.15">
      <c r="A73" s="5">
        <v>56</v>
      </c>
      <c r="B73" s="22">
        <v>29</v>
      </c>
      <c r="C73" s="14">
        <v>30</v>
      </c>
      <c r="D73" s="18">
        <v>59</v>
      </c>
    </row>
    <row r="74" spans="1:4" ht="18" customHeight="1" x14ac:dyDescent="0.15">
      <c r="A74" s="5">
        <v>57</v>
      </c>
      <c r="B74" s="22">
        <v>23</v>
      </c>
      <c r="C74" s="14">
        <v>26</v>
      </c>
      <c r="D74" s="18">
        <v>49</v>
      </c>
    </row>
    <row r="75" spans="1:4" ht="18" customHeight="1" x14ac:dyDescent="0.15">
      <c r="A75" s="5">
        <v>58</v>
      </c>
      <c r="B75" s="22">
        <v>30</v>
      </c>
      <c r="C75" s="14">
        <v>28</v>
      </c>
      <c r="D75" s="18">
        <v>58</v>
      </c>
    </row>
    <row r="76" spans="1:4" ht="18" customHeight="1" x14ac:dyDescent="0.15">
      <c r="A76" s="5">
        <v>59</v>
      </c>
      <c r="B76" s="22">
        <v>20</v>
      </c>
      <c r="C76" s="14">
        <v>19</v>
      </c>
      <c r="D76" s="18">
        <v>39</v>
      </c>
    </row>
    <row r="77" spans="1:4" ht="18" customHeight="1" x14ac:dyDescent="0.15">
      <c r="A77" s="5" t="s">
        <v>27</v>
      </c>
      <c r="B77" s="22">
        <v>129</v>
      </c>
      <c r="C77" s="14">
        <v>120</v>
      </c>
      <c r="D77" s="18">
        <v>249</v>
      </c>
    </row>
    <row r="78" spans="1:4" ht="18" customHeight="1" x14ac:dyDescent="0.15">
      <c r="A78" s="5">
        <v>60</v>
      </c>
      <c r="B78" s="22">
        <v>31</v>
      </c>
      <c r="C78" s="14">
        <v>25</v>
      </c>
      <c r="D78" s="18">
        <v>56</v>
      </c>
    </row>
    <row r="79" spans="1:4" ht="18" customHeight="1" x14ac:dyDescent="0.15">
      <c r="A79" s="5">
        <v>61</v>
      </c>
      <c r="B79" s="22">
        <v>29</v>
      </c>
      <c r="C79" s="14">
        <v>26</v>
      </c>
      <c r="D79" s="18">
        <v>55</v>
      </c>
    </row>
    <row r="80" spans="1:4" ht="18" customHeight="1" x14ac:dyDescent="0.15">
      <c r="A80" s="5">
        <v>62</v>
      </c>
      <c r="B80" s="22">
        <v>24</v>
      </c>
      <c r="C80" s="14">
        <v>36</v>
      </c>
      <c r="D80" s="18">
        <v>60</v>
      </c>
    </row>
    <row r="81" spans="1:4" ht="18" customHeight="1" x14ac:dyDescent="0.15">
      <c r="A81" s="5">
        <v>63</v>
      </c>
      <c r="B81" s="22">
        <v>22</v>
      </c>
      <c r="C81" s="14">
        <v>28</v>
      </c>
      <c r="D81" s="18">
        <v>50</v>
      </c>
    </row>
    <row r="82" spans="1:4" ht="18" customHeight="1" x14ac:dyDescent="0.15">
      <c r="A82" s="5">
        <v>64</v>
      </c>
      <c r="B82" s="22">
        <v>21</v>
      </c>
      <c r="C82" s="14">
        <v>27</v>
      </c>
      <c r="D82" s="18">
        <v>48</v>
      </c>
    </row>
    <row r="83" spans="1:4" ht="18" customHeight="1" x14ac:dyDescent="0.15">
      <c r="A83" s="5" t="s">
        <v>28</v>
      </c>
      <c r="B83" s="22">
        <v>127</v>
      </c>
      <c r="C83" s="14">
        <v>142</v>
      </c>
      <c r="D83" s="18">
        <v>269</v>
      </c>
    </row>
    <row r="84" spans="1:4" ht="18" customHeight="1" x14ac:dyDescent="0.15">
      <c r="A84" s="5" t="s">
        <v>31</v>
      </c>
      <c r="B84" s="22">
        <v>1017</v>
      </c>
      <c r="C84" s="14">
        <v>974</v>
      </c>
      <c r="D84" s="18">
        <v>1991</v>
      </c>
    </row>
    <row r="85" spans="1:4" ht="18" customHeight="1" x14ac:dyDescent="0.15">
      <c r="A85" s="5">
        <v>65</v>
      </c>
      <c r="B85" s="22">
        <v>25</v>
      </c>
      <c r="C85" s="14">
        <v>20</v>
      </c>
      <c r="D85" s="18">
        <v>45</v>
      </c>
    </row>
    <row r="86" spans="1:4" ht="18" customHeight="1" x14ac:dyDescent="0.15">
      <c r="A86" s="5">
        <v>66</v>
      </c>
      <c r="B86" s="22">
        <v>27</v>
      </c>
      <c r="C86" s="14">
        <v>17</v>
      </c>
      <c r="D86" s="18">
        <v>44</v>
      </c>
    </row>
    <row r="87" spans="1:4" ht="18" customHeight="1" x14ac:dyDescent="0.15">
      <c r="A87" s="5">
        <v>67</v>
      </c>
      <c r="B87" s="22">
        <v>21</v>
      </c>
      <c r="C87" s="14">
        <v>22</v>
      </c>
      <c r="D87" s="18">
        <v>43</v>
      </c>
    </row>
    <row r="88" spans="1:4" ht="18" customHeight="1" x14ac:dyDescent="0.15">
      <c r="A88" s="5">
        <v>68</v>
      </c>
      <c r="B88" s="22">
        <v>21</v>
      </c>
      <c r="C88" s="14">
        <v>36</v>
      </c>
      <c r="D88" s="18">
        <v>57</v>
      </c>
    </row>
    <row r="89" spans="1:4" ht="18" customHeight="1" x14ac:dyDescent="0.15">
      <c r="A89" s="5">
        <v>69</v>
      </c>
      <c r="B89" s="22">
        <v>24</v>
      </c>
      <c r="C89" s="14">
        <v>22</v>
      </c>
      <c r="D89" s="18">
        <v>46</v>
      </c>
    </row>
    <row r="90" spans="1:4" ht="18" customHeight="1" x14ac:dyDescent="0.15">
      <c r="A90" s="5" t="s">
        <v>20</v>
      </c>
      <c r="B90" s="22">
        <v>118</v>
      </c>
      <c r="C90" s="14">
        <v>117</v>
      </c>
      <c r="D90" s="18">
        <v>235</v>
      </c>
    </row>
    <row r="91" spans="1:4" ht="18" customHeight="1" x14ac:dyDescent="0.15">
      <c r="A91" s="5">
        <v>70</v>
      </c>
      <c r="B91" s="22">
        <v>28</v>
      </c>
      <c r="C91" s="14">
        <v>30</v>
      </c>
      <c r="D91" s="18">
        <v>58</v>
      </c>
    </row>
    <row r="92" spans="1:4" ht="18" customHeight="1" x14ac:dyDescent="0.15">
      <c r="A92" s="5">
        <v>71</v>
      </c>
      <c r="B92" s="22">
        <v>34</v>
      </c>
      <c r="C92" s="14">
        <v>30</v>
      </c>
      <c r="D92" s="18">
        <v>64</v>
      </c>
    </row>
    <row r="93" spans="1:4" ht="18" customHeight="1" x14ac:dyDescent="0.15">
      <c r="A93" s="5">
        <v>72</v>
      </c>
      <c r="B93" s="22">
        <v>13</v>
      </c>
      <c r="C93" s="14">
        <v>34</v>
      </c>
      <c r="D93" s="18">
        <v>47</v>
      </c>
    </row>
    <row r="94" spans="1:4" ht="18" customHeight="1" x14ac:dyDescent="0.15">
      <c r="A94" s="5">
        <v>73</v>
      </c>
      <c r="B94" s="22">
        <v>33</v>
      </c>
      <c r="C94" s="14">
        <v>26</v>
      </c>
      <c r="D94" s="18">
        <v>59</v>
      </c>
    </row>
    <row r="95" spans="1:4" ht="18" customHeight="1" x14ac:dyDescent="0.15">
      <c r="A95" s="5">
        <v>74</v>
      </c>
      <c r="B95" s="22">
        <v>31</v>
      </c>
      <c r="C95" s="14">
        <v>23</v>
      </c>
      <c r="D95" s="18">
        <v>54</v>
      </c>
    </row>
    <row r="96" spans="1:4" ht="18" customHeight="1" x14ac:dyDescent="0.15">
      <c r="A96" s="5" t="s">
        <v>33</v>
      </c>
      <c r="B96" s="22">
        <v>139</v>
      </c>
      <c r="C96" s="14">
        <v>143</v>
      </c>
      <c r="D96" s="18">
        <v>282</v>
      </c>
    </row>
    <row r="97" spans="1:4" ht="18" customHeight="1" x14ac:dyDescent="0.15">
      <c r="A97" s="5">
        <v>75</v>
      </c>
      <c r="B97" s="22">
        <v>27</v>
      </c>
      <c r="C97" s="14">
        <v>30</v>
      </c>
      <c r="D97" s="18">
        <v>57</v>
      </c>
    </row>
    <row r="98" spans="1:4" ht="18" customHeight="1" x14ac:dyDescent="0.15">
      <c r="A98" s="5">
        <v>76</v>
      </c>
      <c r="B98" s="22">
        <v>23</v>
      </c>
      <c r="C98" s="14">
        <v>42</v>
      </c>
      <c r="D98" s="18">
        <v>65</v>
      </c>
    </row>
    <row r="99" spans="1:4" ht="18" customHeight="1" x14ac:dyDescent="0.15">
      <c r="A99" s="5">
        <v>77</v>
      </c>
      <c r="B99" s="22">
        <v>37</v>
      </c>
      <c r="C99" s="14">
        <v>37</v>
      </c>
      <c r="D99" s="18">
        <v>74</v>
      </c>
    </row>
    <row r="100" spans="1:4" ht="18" customHeight="1" x14ac:dyDescent="0.15">
      <c r="A100" s="5">
        <v>78</v>
      </c>
      <c r="B100" s="22">
        <v>33</v>
      </c>
      <c r="C100" s="14">
        <v>32</v>
      </c>
      <c r="D100" s="18">
        <v>65</v>
      </c>
    </row>
    <row r="101" spans="1:4" ht="18" customHeight="1" x14ac:dyDescent="0.15">
      <c r="A101" s="5">
        <v>79</v>
      </c>
      <c r="B101" s="22">
        <v>24</v>
      </c>
      <c r="C101" s="14">
        <v>24</v>
      </c>
      <c r="D101" s="18">
        <v>48</v>
      </c>
    </row>
    <row r="102" spans="1:4" ht="18" customHeight="1" x14ac:dyDescent="0.15">
      <c r="A102" s="5" t="s">
        <v>0</v>
      </c>
      <c r="B102" s="22">
        <v>144</v>
      </c>
      <c r="C102" s="14">
        <v>165</v>
      </c>
      <c r="D102" s="18">
        <v>309</v>
      </c>
    </row>
    <row r="103" spans="1:4" ht="18" customHeight="1" x14ac:dyDescent="0.15">
      <c r="A103" s="5">
        <v>80</v>
      </c>
      <c r="B103" s="22">
        <v>21</v>
      </c>
      <c r="C103" s="14">
        <v>18</v>
      </c>
      <c r="D103" s="18">
        <v>39</v>
      </c>
    </row>
    <row r="104" spans="1:4" ht="18" customHeight="1" x14ac:dyDescent="0.15">
      <c r="A104" s="5">
        <v>81</v>
      </c>
      <c r="B104" s="22">
        <v>15</v>
      </c>
      <c r="C104" s="14">
        <v>24</v>
      </c>
      <c r="D104" s="18">
        <v>39</v>
      </c>
    </row>
    <row r="105" spans="1:4" ht="18" customHeight="1" x14ac:dyDescent="0.15">
      <c r="A105" s="5">
        <v>82</v>
      </c>
      <c r="B105" s="22">
        <v>17</v>
      </c>
      <c r="C105" s="14">
        <v>23</v>
      </c>
      <c r="D105" s="18">
        <v>40</v>
      </c>
    </row>
    <row r="106" spans="1:4" ht="18" customHeight="1" x14ac:dyDescent="0.15">
      <c r="A106" s="5">
        <v>83</v>
      </c>
      <c r="B106" s="22">
        <v>12</v>
      </c>
      <c r="C106" s="14">
        <v>30</v>
      </c>
      <c r="D106" s="18">
        <v>42</v>
      </c>
    </row>
    <row r="107" spans="1:4" ht="18" customHeight="1" x14ac:dyDescent="0.15">
      <c r="A107" s="5">
        <v>84</v>
      </c>
      <c r="B107" s="22">
        <v>13</v>
      </c>
      <c r="C107" s="14">
        <v>29</v>
      </c>
      <c r="D107" s="18">
        <v>42</v>
      </c>
    </row>
    <row r="108" spans="1:4" ht="18" customHeight="1" x14ac:dyDescent="0.15">
      <c r="A108" s="5" t="s">
        <v>35</v>
      </c>
      <c r="B108" s="22">
        <v>78</v>
      </c>
      <c r="C108" s="14">
        <v>124</v>
      </c>
      <c r="D108" s="18">
        <v>202</v>
      </c>
    </row>
    <row r="109" spans="1:4" ht="18" customHeight="1" x14ac:dyDescent="0.15">
      <c r="A109" s="5">
        <v>85</v>
      </c>
      <c r="B109" s="22">
        <v>15</v>
      </c>
      <c r="C109" s="14">
        <v>7</v>
      </c>
      <c r="D109" s="18">
        <v>22</v>
      </c>
    </row>
    <row r="110" spans="1:4" ht="18" customHeight="1" x14ac:dyDescent="0.15">
      <c r="A110" s="5">
        <v>86</v>
      </c>
      <c r="B110" s="22">
        <v>14</v>
      </c>
      <c r="C110" s="14">
        <v>20</v>
      </c>
      <c r="D110" s="18">
        <v>34</v>
      </c>
    </row>
    <row r="111" spans="1:4" ht="18" customHeight="1" x14ac:dyDescent="0.15">
      <c r="A111" s="5">
        <v>87</v>
      </c>
      <c r="B111" s="22">
        <v>9</v>
      </c>
      <c r="C111" s="14">
        <v>12</v>
      </c>
      <c r="D111" s="18">
        <v>21</v>
      </c>
    </row>
    <row r="112" spans="1:4" ht="18" customHeight="1" x14ac:dyDescent="0.15">
      <c r="A112" s="5">
        <v>88</v>
      </c>
      <c r="B112" s="22">
        <v>9</v>
      </c>
      <c r="C112" s="14">
        <v>14</v>
      </c>
      <c r="D112" s="18">
        <v>23</v>
      </c>
    </row>
    <row r="113" spans="1:4" ht="18" customHeight="1" x14ac:dyDescent="0.15">
      <c r="A113" s="5">
        <v>89</v>
      </c>
      <c r="B113" s="22">
        <v>9</v>
      </c>
      <c r="C113" s="14">
        <v>10</v>
      </c>
      <c r="D113" s="18">
        <v>19</v>
      </c>
    </row>
    <row r="114" spans="1:4" ht="18" customHeight="1" x14ac:dyDescent="0.15">
      <c r="A114" s="5" t="s">
        <v>37</v>
      </c>
      <c r="B114" s="22">
        <v>56</v>
      </c>
      <c r="C114" s="14">
        <v>63</v>
      </c>
      <c r="D114" s="18">
        <v>119</v>
      </c>
    </row>
    <row r="115" spans="1:4" ht="18" customHeight="1" x14ac:dyDescent="0.15">
      <c r="A115" s="5">
        <v>90</v>
      </c>
      <c r="B115" s="22">
        <v>4</v>
      </c>
      <c r="C115" s="14">
        <v>12</v>
      </c>
      <c r="D115" s="18">
        <v>16</v>
      </c>
    </row>
    <row r="116" spans="1:4" ht="18" customHeight="1" x14ac:dyDescent="0.15">
      <c r="A116" s="5">
        <v>91</v>
      </c>
      <c r="B116" s="22">
        <v>4</v>
      </c>
      <c r="C116" s="14">
        <v>8</v>
      </c>
      <c r="D116" s="18">
        <v>12</v>
      </c>
    </row>
    <row r="117" spans="1:4" ht="18" customHeight="1" x14ac:dyDescent="0.15">
      <c r="A117" s="5">
        <v>92</v>
      </c>
      <c r="B117" s="22">
        <v>2</v>
      </c>
      <c r="C117" s="14">
        <v>17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2</v>
      </c>
      <c r="C119" s="14">
        <v>12</v>
      </c>
      <c r="D119" s="18">
        <v>14</v>
      </c>
    </row>
    <row r="120" spans="1:4" ht="18" customHeight="1" x14ac:dyDescent="0.15">
      <c r="A120" s="5" t="s">
        <v>39</v>
      </c>
      <c r="B120" s="22">
        <v>13</v>
      </c>
      <c r="C120" s="14">
        <v>56</v>
      </c>
      <c r="D120" s="18">
        <v>69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3</v>
      </c>
      <c r="C122" s="14">
        <v>3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2</v>
      </c>
      <c r="C125" s="14">
        <v>1</v>
      </c>
      <c r="D125" s="18">
        <v>3</v>
      </c>
    </row>
    <row r="126" spans="1:4" ht="18" customHeight="1" x14ac:dyDescent="0.15">
      <c r="A126" s="5" t="s">
        <v>40</v>
      </c>
      <c r="B126" s="22">
        <v>8</v>
      </c>
      <c r="C126" s="14">
        <v>16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56</v>
      </c>
      <c r="C130" s="14">
        <v>688</v>
      </c>
      <c r="D130" s="18">
        <v>1244</v>
      </c>
    </row>
    <row r="131" spans="1:4" ht="18" customHeight="1" x14ac:dyDescent="0.15">
      <c r="A131" s="7" t="s">
        <v>45</v>
      </c>
      <c r="B131" s="23">
        <v>1749</v>
      </c>
      <c r="C131" s="15">
        <v>1848</v>
      </c>
      <c r="D131" s="19">
        <v>359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8</v>
      </c>
      <c r="D5" s="17">
        <v>23</v>
      </c>
    </row>
    <row r="6" spans="1:4" ht="18" customHeight="1" x14ac:dyDescent="0.15">
      <c r="A6" s="5">
        <v>1</v>
      </c>
      <c r="B6" s="22">
        <v>6</v>
      </c>
      <c r="C6" s="14">
        <v>7</v>
      </c>
      <c r="D6" s="18">
        <v>13</v>
      </c>
    </row>
    <row r="7" spans="1:4" ht="18" customHeight="1" x14ac:dyDescent="0.15">
      <c r="A7" s="5">
        <v>2</v>
      </c>
      <c r="B7" s="22">
        <v>10</v>
      </c>
      <c r="C7" s="14">
        <v>11</v>
      </c>
      <c r="D7" s="18">
        <v>21</v>
      </c>
    </row>
    <row r="8" spans="1:4" ht="18" customHeight="1" x14ac:dyDescent="0.15">
      <c r="A8" s="5">
        <v>3</v>
      </c>
      <c r="B8" s="22">
        <v>8</v>
      </c>
      <c r="C8" s="14">
        <v>10</v>
      </c>
      <c r="D8" s="18">
        <v>18</v>
      </c>
    </row>
    <row r="9" spans="1:4" ht="18" customHeight="1" x14ac:dyDescent="0.15">
      <c r="A9" s="5">
        <v>4</v>
      </c>
      <c r="B9" s="22">
        <v>8</v>
      </c>
      <c r="C9" s="14">
        <v>10</v>
      </c>
      <c r="D9" s="18">
        <v>18</v>
      </c>
    </row>
    <row r="10" spans="1:4" ht="18" customHeight="1" x14ac:dyDescent="0.15">
      <c r="A10" s="5" t="s">
        <v>7</v>
      </c>
      <c r="B10" s="22">
        <v>47</v>
      </c>
      <c r="C10" s="14">
        <v>46</v>
      </c>
      <c r="D10" s="18">
        <v>93</v>
      </c>
    </row>
    <row r="11" spans="1:4" ht="18" customHeight="1" x14ac:dyDescent="0.15">
      <c r="A11" s="5">
        <v>5</v>
      </c>
      <c r="B11" s="22">
        <v>18</v>
      </c>
      <c r="C11" s="14">
        <v>8</v>
      </c>
      <c r="D11" s="18">
        <v>26</v>
      </c>
    </row>
    <row r="12" spans="1:4" ht="18" customHeight="1" x14ac:dyDescent="0.15">
      <c r="A12" s="5">
        <v>6</v>
      </c>
      <c r="B12" s="22">
        <v>18</v>
      </c>
      <c r="C12" s="14">
        <v>8</v>
      </c>
      <c r="D12" s="18">
        <v>26</v>
      </c>
    </row>
    <row r="13" spans="1:4" ht="18" customHeight="1" x14ac:dyDescent="0.15">
      <c r="A13" s="5">
        <v>7</v>
      </c>
      <c r="B13" s="22">
        <v>5</v>
      </c>
      <c r="C13" s="14">
        <v>16</v>
      </c>
      <c r="D13" s="18">
        <v>21</v>
      </c>
    </row>
    <row r="14" spans="1:4" ht="18" customHeight="1" x14ac:dyDescent="0.15">
      <c r="A14" s="5">
        <v>8</v>
      </c>
      <c r="B14" s="22">
        <v>22</v>
      </c>
      <c r="C14" s="14">
        <v>13</v>
      </c>
      <c r="D14" s="18">
        <v>35</v>
      </c>
    </row>
    <row r="15" spans="1:4" ht="18" customHeight="1" x14ac:dyDescent="0.15">
      <c r="A15" s="5">
        <v>9</v>
      </c>
      <c r="B15" s="22">
        <v>12</v>
      </c>
      <c r="C15" s="14">
        <v>13</v>
      </c>
      <c r="D15" s="18">
        <v>25</v>
      </c>
    </row>
    <row r="16" spans="1:4" ht="18" customHeight="1" x14ac:dyDescent="0.15">
      <c r="A16" s="5" t="s">
        <v>11</v>
      </c>
      <c r="B16" s="22">
        <v>75</v>
      </c>
      <c r="C16" s="14">
        <v>58</v>
      </c>
      <c r="D16" s="18">
        <v>133</v>
      </c>
    </row>
    <row r="17" spans="1:4" ht="18" customHeight="1" x14ac:dyDescent="0.15">
      <c r="A17" s="5">
        <v>10</v>
      </c>
      <c r="B17" s="22">
        <v>13</v>
      </c>
      <c r="C17" s="14">
        <v>18</v>
      </c>
      <c r="D17" s="18">
        <v>31</v>
      </c>
    </row>
    <row r="18" spans="1:4" ht="18" customHeight="1" x14ac:dyDescent="0.15">
      <c r="A18" s="5">
        <v>11</v>
      </c>
      <c r="B18" s="22">
        <v>16</v>
      </c>
      <c r="C18" s="14">
        <v>18</v>
      </c>
      <c r="D18" s="18">
        <v>34</v>
      </c>
    </row>
    <row r="19" spans="1:4" ht="18" customHeight="1" x14ac:dyDescent="0.15">
      <c r="A19" s="5">
        <v>12</v>
      </c>
      <c r="B19" s="22">
        <v>15</v>
      </c>
      <c r="C19" s="14">
        <v>10</v>
      </c>
      <c r="D19" s="18">
        <v>25</v>
      </c>
    </row>
    <row r="20" spans="1:4" ht="18" customHeight="1" x14ac:dyDescent="0.15">
      <c r="A20" s="5">
        <v>13</v>
      </c>
      <c r="B20" s="22">
        <v>17</v>
      </c>
      <c r="C20" s="14">
        <v>7</v>
      </c>
      <c r="D20" s="18">
        <v>24</v>
      </c>
    </row>
    <row r="21" spans="1:4" ht="18" customHeight="1" x14ac:dyDescent="0.15">
      <c r="A21" s="5">
        <v>14</v>
      </c>
      <c r="B21" s="22">
        <v>24</v>
      </c>
      <c r="C21" s="14">
        <v>15</v>
      </c>
      <c r="D21" s="18">
        <v>39</v>
      </c>
    </row>
    <row r="22" spans="1:4" ht="18" customHeight="1" x14ac:dyDescent="0.15">
      <c r="A22" s="5" t="s">
        <v>12</v>
      </c>
      <c r="B22" s="22">
        <v>85</v>
      </c>
      <c r="C22" s="14">
        <v>68</v>
      </c>
      <c r="D22" s="18">
        <v>153</v>
      </c>
    </row>
    <row r="23" spans="1:4" ht="18" customHeight="1" x14ac:dyDescent="0.15">
      <c r="A23" s="5" t="s">
        <v>6</v>
      </c>
      <c r="B23" s="22">
        <v>207</v>
      </c>
      <c r="C23" s="14">
        <v>172</v>
      </c>
      <c r="D23" s="18">
        <v>379</v>
      </c>
    </row>
    <row r="24" spans="1:4" ht="18" customHeight="1" x14ac:dyDescent="0.15">
      <c r="A24" s="5">
        <v>15</v>
      </c>
      <c r="B24" s="22">
        <v>15</v>
      </c>
      <c r="C24" s="14">
        <v>13</v>
      </c>
      <c r="D24" s="18">
        <v>28</v>
      </c>
    </row>
    <row r="25" spans="1:4" ht="18" customHeight="1" x14ac:dyDescent="0.15">
      <c r="A25" s="5">
        <v>16</v>
      </c>
      <c r="B25" s="22">
        <v>13</v>
      </c>
      <c r="C25" s="14">
        <v>11</v>
      </c>
      <c r="D25" s="18">
        <v>24</v>
      </c>
    </row>
    <row r="26" spans="1:4" ht="18" customHeight="1" x14ac:dyDescent="0.15">
      <c r="A26" s="5">
        <v>17</v>
      </c>
      <c r="B26" s="22">
        <v>28</v>
      </c>
      <c r="C26" s="14">
        <v>11</v>
      </c>
      <c r="D26" s="18">
        <v>39</v>
      </c>
    </row>
    <row r="27" spans="1:4" ht="18" customHeight="1" x14ac:dyDescent="0.15">
      <c r="A27" s="5">
        <v>18</v>
      </c>
      <c r="B27" s="22">
        <v>14</v>
      </c>
      <c r="C27" s="14">
        <v>8</v>
      </c>
      <c r="D27" s="18">
        <v>22</v>
      </c>
    </row>
    <row r="28" spans="1:4" ht="18" customHeight="1" x14ac:dyDescent="0.15">
      <c r="A28" s="5">
        <v>19</v>
      </c>
      <c r="B28" s="22">
        <v>17</v>
      </c>
      <c r="C28" s="14">
        <v>13</v>
      </c>
      <c r="D28" s="18">
        <v>30</v>
      </c>
    </row>
    <row r="29" spans="1:4" ht="18" customHeight="1" x14ac:dyDescent="0.15">
      <c r="A29" s="5" t="s">
        <v>14</v>
      </c>
      <c r="B29" s="22">
        <v>87</v>
      </c>
      <c r="C29" s="14">
        <v>56</v>
      </c>
      <c r="D29" s="18">
        <v>143</v>
      </c>
    </row>
    <row r="30" spans="1:4" ht="18" customHeight="1" x14ac:dyDescent="0.15">
      <c r="A30" s="5">
        <v>20</v>
      </c>
      <c r="B30" s="22">
        <v>9</v>
      </c>
      <c r="C30" s="14">
        <v>7</v>
      </c>
      <c r="D30" s="18">
        <v>16</v>
      </c>
    </row>
    <row r="31" spans="1:4" ht="18" customHeight="1" x14ac:dyDescent="0.15">
      <c r="A31" s="5">
        <v>21</v>
      </c>
      <c r="B31" s="22">
        <v>12</v>
      </c>
      <c r="C31" s="14">
        <v>16</v>
      </c>
      <c r="D31" s="18">
        <v>28</v>
      </c>
    </row>
    <row r="32" spans="1:4" ht="18" customHeight="1" x14ac:dyDescent="0.15">
      <c r="A32" s="5">
        <v>22</v>
      </c>
      <c r="B32" s="22">
        <v>17</v>
      </c>
      <c r="C32" s="14">
        <v>17</v>
      </c>
      <c r="D32" s="18">
        <v>34</v>
      </c>
    </row>
    <row r="33" spans="1:4" ht="18" customHeight="1" x14ac:dyDescent="0.15">
      <c r="A33" s="5">
        <v>23</v>
      </c>
      <c r="B33" s="22">
        <v>9</v>
      </c>
      <c r="C33" s="14">
        <v>15</v>
      </c>
      <c r="D33" s="18">
        <v>24</v>
      </c>
    </row>
    <row r="34" spans="1:4" ht="18" customHeight="1" x14ac:dyDescent="0.15">
      <c r="A34" s="5">
        <v>24</v>
      </c>
      <c r="B34" s="22">
        <v>15</v>
      </c>
      <c r="C34" s="14">
        <v>14</v>
      </c>
      <c r="D34" s="18">
        <v>29</v>
      </c>
    </row>
    <row r="35" spans="1:4" ht="18" customHeight="1" x14ac:dyDescent="0.15">
      <c r="A35" s="5" t="s">
        <v>9</v>
      </c>
      <c r="B35" s="22">
        <v>62</v>
      </c>
      <c r="C35" s="14">
        <v>69</v>
      </c>
      <c r="D35" s="18">
        <v>131</v>
      </c>
    </row>
    <row r="36" spans="1:4" ht="18" customHeight="1" x14ac:dyDescent="0.15">
      <c r="A36" s="5">
        <v>25</v>
      </c>
      <c r="B36" s="22">
        <v>8</v>
      </c>
      <c r="C36" s="14">
        <v>12</v>
      </c>
      <c r="D36" s="18">
        <v>20</v>
      </c>
    </row>
    <row r="37" spans="1:4" ht="18" customHeight="1" x14ac:dyDescent="0.15">
      <c r="A37" s="5">
        <v>26</v>
      </c>
      <c r="B37" s="22">
        <v>12</v>
      </c>
      <c r="C37" s="14">
        <v>10</v>
      </c>
      <c r="D37" s="18">
        <v>22</v>
      </c>
    </row>
    <row r="38" spans="1:4" ht="18" customHeight="1" x14ac:dyDescent="0.15">
      <c r="A38" s="5">
        <v>27</v>
      </c>
      <c r="B38" s="22">
        <v>14</v>
      </c>
      <c r="C38" s="14">
        <v>19</v>
      </c>
      <c r="D38" s="18">
        <v>33</v>
      </c>
    </row>
    <row r="39" spans="1:4" ht="18" customHeight="1" x14ac:dyDescent="0.15">
      <c r="A39" s="5">
        <v>28</v>
      </c>
      <c r="B39" s="22">
        <v>25</v>
      </c>
      <c r="C39" s="14">
        <v>21</v>
      </c>
      <c r="D39" s="18">
        <v>46</v>
      </c>
    </row>
    <row r="40" spans="1:4" ht="18" customHeight="1" x14ac:dyDescent="0.15">
      <c r="A40" s="5">
        <v>29</v>
      </c>
      <c r="B40" s="22">
        <v>8</v>
      </c>
      <c r="C40" s="14">
        <v>14</v>
      </c>
      <c r="D40" s="18">
        <v>22</v>
      </c>
    </row>
    <row r="41" spans="1:4" ht="18" customHeight="1" x14ac:dyDescent="0.15">
      <c r="A41" s="5" t="s">
        <v>2</v>
      </c>
      <c r="B41" s="22">
        <v>67</v>
      </c>
      <c r="C41" s="14">
        <v>76</v>
      </c>
      <c r="D41" s="18">
        <v>143</v>
      </c>
    </row>
    <row r="42" spans="1:4" ht="18" customHeight="1" x14ac:dyDescent="0.15">
      <c r="A42" s="5">
        <v>30</v>
      </c>
      <c r="B42" s="22">
        <v>16</v>
      </c>
      <c r="C42" s="14">
        <v>11</v>
      </c>
      <c r="D42" s="18">
        <v>27</v>
      </c>
    </row>
    <row r="43" spans="1:4" ht="18" customHeight="1" x14ac:dyDescent="0.15">
      <c r="A43" s="5">
        <v>31</v>
      </c>
      <c r="B43" s="22">
        <v>20</v>
      </c>
      <c r="C43" s="14">
        <v>11</v>
      </c>
      <c r="D43" s="18">
        <v>31</v>
      </c>
    </row>
    <row r="44" spans="1:4" ht="18" customHeight="1" x14ac:dyDescent="0.15">
      <c r="A44" s="5">
        <v>32</v>
      </c>
      <c r="B44" s="22">
        <v>22</v>
      </c>
      <c r="C44" s="14">
        <v>12</v>
      </c>
      <c r="D44" s="18">
        <v>34</v>
      </c>
    </row>
    <row r="45" spans="1:4" ht="18" customHeight="1" x14ac:dyDescent="0.15">
      <c r="A45" s="5">
        <v>33</v>
      </c>
      <c r="B45" s="22">
        <v>13</v>
      </c>
      <c r="C45" s="14">
        <v>15</v>
      </c>
      <c r="D45" s="18">
        <v>28</v>
      </c>
    </row>
    <row r="46" spans="1:4" ht="18" customHeight="1" x14ac:dyDescent="0.15">
      <c r="A46" s="5">
        <v>34</v>
      </c>
      <c r="B46" s="22">
        <v>16</v>
      </c>
      <c r="C46" s="14">
        <v>19</v>
      </c>
      <c r="D46" s="18">
        <v>35</v>
      </c>
    </row>
    <row r="47" spans="1:4" ht="18" customHeight="1" x14ac:dyDescent="0.15">
      <c r="A47" s="5" t="s">
        <v>15</v>
      </c>
      <c r="B47" s="22">
        <v>87</v>
      </c>
      <c r="C47" s="14">
        <v>68</v>
      </c>
      <c r="D47" s="18">
        <v>155</v>
      </c>
    </row>
    <row r="48" spans="1:4" ht="18" customHeight="1" x14ac:dyDescent="0.15">
      <c r="A48" s="5">
        <v>35</v>
      </c>
      <c r="B48" s="22">
        <v>16</v>
      </c>
      <c r="C48" s="14">
        <v>13</v>
      </c>
      <c r="D48" s="18">
        <v>29</v>
      </c>
    </row>
    <row r="49" spans="1:4" ht="18" customHeight="1" x14ac:dyDescent="0.15">
      <c r="A49" s="5">
        <v>36</v>
      </c>
      <c r="B49" s="22">
        <v>24</v>
      </c>
      <c r="C49" s="14">
        <v>19</v>
      </c>
      <c r="D49" s="18">
        <v>43</v>
      </c>
    </row>
    <row r="50" spans="1:4" ht="18" customHeight="1" x14ac:dyDescent="0.15">
      <c r="A50" s="5">
        <v>37</v>
      </c>
      <c r="B50" s="22">
        <v>23</v>
      </c>
      <c r="C50" s="14">
        <v>24</v>
      </c>
      <c r="D50" s="18">
        <v>47</v>
      </c>
    </row>
    <row r="51" spans="1:4" ht="18" customHeight="1" x14ac:dyDescent="0.15">
      <c r="A51" s="5">
        <v>38</v>
      </c>
      <c r="B51" s="22">
        <v>27</v>
      </c>
      <c r="C51" s="14">
        <v>19</v>
      </c>
      <c r="D51" s="18">
        <v>46</v>
      </c>
    </row>
    <row r="52" spans="1:4" ht="18" customHeight="1" x14ac:dyDescent="0.15">
      <c r="A52" s="5">
        <v>39</v>
      </c>
      <c r="B52" s="22">
        <v>27</v>
      </c>
      <c r="C52" s="14">
        <v>13</v>
      </c>
      <c r="D52" s="18">
        <v>40</v>
      </c>
    </row>
    <row r="53" spans="1:4" ht="18" customHeight="1" x14ac:dyDescent="0.15">
      <c r="A53" s="5" t="s">
        <v>18</v>
      </c>
      <c r="B53" s="22">
        <v>117</v>
      </c>
      <c r="C53" s="14">
        <v>88</v>
      </c>
      <c r="D53" s="18">
        <v>205</v>
      </c>
    </row>
    <row r="54" spans="1:4" ht="18" customHeight="1" x14ac:dyDescent="0.15">
      <c r="A54" s="5">
        <v>40</v>
      </c>
      <c r="B54" s="22">
        <v>35</v>
      </c>
      <c r="C54" s="14">
        <v>20</v>
      </c>
      <c r="D54" s="18">
        <v>55</v>
      </c>
    </row>
    <row r="55" spans="1:4" ht="18" customHeight="1" x14ac:dyDescent="0.15">
      <c r="A55" s="5">
        <v>41</v>
      </c>
      <c r="B55" s="22">
        <v>18</v>
      </c>
      <c r="C55" s="14">
        <v>21</v>
      </c>
      <c r="D55" s="18">
        <v>39</v>
      </c>
    </row>
    <row r="56" spans="1:4" ht="18" customHeight="1" x14ac:dyDescent="0.15">
      <c r="A56" s="5">
        <v>42</v>
      </c>
      <c r="B56" s="22">
        <v>22</v>
      </c>
      <c r="C56" s="14">
        <v>20</v>
      </c>
      <c r="D56" s="18">
        <v>42</v>
      </c>
    </row>
    <row r="57" spans="1:4" ht="18" customHeight="1" x14ac:dyDescent="0.15">
      <c r="A57" s="5">
        <v>43</v>
      </c>
      <c r="B57" s="22">
        <v>37</v>
      </c>
      <c r="C57" s="14">
        <v>23</v>
      </c>
      <c r="D57" s="18">
        <v>60</v>
      </c>
    </row>
    <row r="58" spans="1:4" ht="18" customHeight="1" x14ac:dyDescent="0.15">
      <c r="A58" s="5">
        <v>44</v>
      </c>
      <c r="B58" s="22">
        <v>29</v>
      </c>
      <c r="C58" s="14">
        <v>32</v>
      </c>
      <c r="D58" s="18">
        <v>61</v>
      </c>
    </row>
    <row r="59" spans="1:4" ht="18" customHeight="1" x14ac:dyDescent="0.15">
      <c r="A59" s="5" t="s">
        <v>21</v>
      </c>
      <c r="B59" s="22">
        <v>141</v>
      </c>
      <c r="C59" s="14">
        <v>116</v>
      </c>
      <c r="D59" s="18">
        <v>257</v>
      </c>
    </row>
    <row r="60" spans="1:4" ht="18" customHeight="1" x14ac:dyDescent="0.15">
      <c r="A60" s="5">
        <v>45</v>
      </c>
      <c r="B60" s="22">
        <v>30</v>
      </c>
      <c r="C60" s="14">
        <v>25</v>
      </c>
      <c r="D60" s="18">
        <v>55</v>
      </c>
    </row>
    <row r="61" spans="1:4" ht="18" customHeight="1" x14ac:dyDescent="0.15">
      <c r="A61" s="5">
        <v>46</v>
      </c>
      <c r="B61" s="22">
        <v>25</v>
      </c>
      <c r="C61" s="14">
        <v>25</v>
      </c>
      <c r="D61" s="18">
        <v>50</v>
      </c>
    </row>
    <row r="62" spans="1:4" ht="18" customHeight="1" x14ac:dyDescent="0.15">
      <c r="A62" s="5">
        <v>47</v>
      </c>
      <c r="B62" s="22">
        <v>16</v>
      </c>
      <c r="C62" s="14">
        <v>26</v>
      </c>
      <c r="D62" s="18">
        <v>42</v>
      </c>
    </row>
    <row r="63" spans="1:4" ht="18" customHeight="1" x14ac:dyDescent="0.15">
      <c r="A63" s="5">
        <v>48</v>
      </c>
      <c r="B63" s="22">
        <v>23</v>
      </c>
      <c r="C63" s="14">
        <v>31</v>
      </c>
      <c r="D63" s="18">
        <v>54</v>
      </c>
    </row>
    <row r="64" spans="1:4" ht="18" customHeight="1" x14ac:dyDescent="0.15">
      <c r="A64" s="5">
        <v>49</v>
      </c>
      <c r="B64" s="22">
        <v>29</v>
      </c>
      <c r="C64" s="14">
        <v>26</v>
      </c>
      <c r="D64" s="18">
        <v>55</v>
      </c>
    </row>
    <row r="65" spans="1:4" ht="18" customHeight="1" x14ac:dyDescent="0.15">
      <c r="A65" s="5" t="s">
        <v>17</v>
      </c>
      <c r="B65" s="22">
        <v>123</v>
      </c>
      <c r="C65" s="14">
        <v>133</v>
      </c>
      <c r="D65" s="18">
        <v>256</v>
      </c>
    </row>
    <row r="66" spans="1:4" ht="18" customHeight="1" x14ac:dyDescent="0.15">
      <c r="A66" s="5">
        <v>50</v>
      </c>
      <c r="B66" s="22">
        <v>33</v>
      </c>
      <c r="C66" s="14">
        <v>29</v>
      </c>
      <c r="D66" s="18">
        <v>62</v>
      </c>
    </row>
    <row r="67" spans="1:4" ht="18" customHeight="1" x14ac:dyDescent="0.15">
      <c r="A67" s="5">
        <v>51</v>
      </c>
      <c r="B67" s="22">
        <v>31</v>
      </c>
      <c r="C67" s="14">
        <v>31</v>
      </c>
      <c r="D67" s="18">
        <v>62</v>
      </c>
    </row>
    <row r="68" spans="1:4" ht="18" customHeight="1" x14ac:dyDescent="0.15">
      <c r="A68" s="5">
        <v>52</v>
      </c>
      <c r="B68" s="22">
        <v>34</v>
      </c>
      <c r="C68" s="14">
        <v>38</v>
      </c>
      <c r="D68" s="18">
        <v>72</v>
      </c>
    </row>
    <row r="69" spans="1:4" ht="18" customHeight="1" x14ac:dyDescent="0.15">
      <c r="A69" s="5">
        <v>53</v>
      </c>
      <c r="B69" s="22">
        <v>22</v>
      </c>
      <c r="C69" s="14">
        <v>27</v>
      </c>
      <c r="D69" s="18">
        <v>49</v>
      </c>
    </row>
    <row r="70" spans="1:4" ht="18" customHeight="1" x14ac:dyDescent="0.15">
      <c r="A70" s="5">
        <v>54</v>
      </c>
      <c r="B70" s="22">
        <v>26</v>
      </c>
      <c r="C70" s="14">
        <v>21</v>
      </c>
      <c r="D70" s="18">
        <v>47</v>
      </c>
    </row>
    <row r="71" spans="1:4" ht="18" customHeight="1" x14ac:dyDescent="0.15">
      <c r="A71" s="5" t="s">
        <v>22</v>
      </c>
      <c r="B71" s="22">
        <v>146</v>
      </c>
      <c r="C71" s="14">
        <v>146</v>
      </c>
      <c r="D71" s="18">
        <v>292</v>
      </c>
    </row>
    <row r="72" spans="1:4" ht="18" customHeight="1" x14ac:dyDescent="0.15">
      <c r="A72" s="5">
        <v>55</v>
      </c>
      <c r="B72" s="22">
        <v>23</v>
      </c>
      <c r="C72" s="14">
        <v>38</v>
      </c>
      <c r="D72" s="18">
        <v>61</v>
      </c>
    </row>
    <row r="73" spans="1:4" ht="18" customHeight="1" x14ac:dyDescent="0.15">
      <c r="A73" s="5">
        <v>56</v>
      </c>
      <c r="B73" s="22">
        <v>25</v>
      </c>
      <c r="C73" s="14">
        <v>27</v>
      </c>
      <c r="D73" s="18">
        <v>52</v>
      </c>
    </row>
    <row r="74" spans="1:4" ht="18" customHeight="1" x14ac:dyDescent="0.15">
      <c r="A74" s="5">
        <v>57</v>
      </c>
      <c r="B74" s="22">
        <v>25</v>
      </c>
      <c r="C74" s="14">
        <v>29</v>
      </c>
      <c r="D74" s="18">
        <v>54</v>
      </c>
    </row>
    <row r="75" spans="1:4" ht="18" customHeight="1" x14ac:dyDescent="0.15">
      <c r="A75" s="5">
        <v>58</v>
      </c>
      <c r="B75" s="22">
        <v>37</v>
      </c>
      <c r="C75" s="14">
        <v>24</v>
      </c>
      <c r="D75" s="18">
        <v>61</v>
      </c>
    </row>
    <row r="76" spans="1:4" ht="18" customHeight="1" x14ac:dyDescent="0.15">
      <c r="A76" s="5">
        <v>59</v>
      </c>
      <c r="B76" s="22">
        <v>27</v>
      </c>
      <c r="C76" s="14">
        <v>22</v>
      </c>
      <c r="D76" s="18">
        <v>49</v>
      </c>
    </row>
    <row r="77" spans="1:4" ht="18" customHeight="1" x14ac:dyDescent="0.15">
      <c r="A77" s="5" t="s">
        <v>27</v>
      </c>
      <c r="B77" s="22">
        <v>137</v>
      </c>
      <c r="C77" s="14">
        <v>140</v>
      </c>
      <c r="D77" s="18">
        <v>277</v>
      </c>
    </row>
    <row r="78" spans="1:4" ht="18" customHeight="1" x14ac:dyDescent="0.15">
      <c r="A78" s="5">
        <v>60</v>
      </c>
      <c r="B78" s="22">
        <v>26</v>
      </c>
      <c r="C78" s="14">
        <v>40</v>
      </c>
      <c r="D78" s="18">
        <v>66</v>
      </c>
    </row>
    <row r="79" spans="1:4" ht="18" customHeight="1" x14ac:dyDescent="0.15">
      <c r="A79" s="5">
        <v>61</v>
      </c>
      <c r="B79" s="22">
        <v>26</v>
      </c>
      <c r="C79" s="14">
        <v>21</v>
      </c>
      <c r="D79" s="18">
        <v>47</v>
      </c>
    </row>
    <row r="80" spans="1:4" ht="18" customHeight="1" x14ac:dyDescent="0.15">
      <c r="A80" s="5">
        <v>62</v>
      </c>
      <c r="B80" s="22">
        <v>32</v>
      </c>
      <c r="C80" s="14">
        <v>19</v>
      </c>
      <c r="D80" s="18">
        <v>51</v>
      </c>
    </row>
    <row r="81" spans="1:4" ht="18" customHeight="1" x14ac:dyDescent="0.15">
      <c r="A81" s="5">
        <v>63</v>
      </c>
      <c r="B81" s="22">
        <v>25</v>
      </c>
      <c r="C81" s="14">
        <v>13</v>
      </c>
      <c r="D81" s="18">
        <v>38</v>
      </c>
    </row>
    <row r="82" spans="1:4" ht="18" customHeight="1" x14ac:dyDescent="0.15">
      <c r="A82" s="5">
        <v>64</v>
      </c>
      <c r="B82" s="22">
        <v>29</v>
      </c>
      <c r="C82" s="14">
        <v>31</v>
      </c>
      <c r="D82" s="18">
        <v>60</v>
      </c>
    </row>
    <row r="83" spans="1:4" ht="18" customHeight="1" x14ac:dyDescent="0.15">
      <c r="A83" s="5" t="s">
        <v>28</v>
      </c>
      <c r="B83" s="22">
        <v>138</v>
      </c>
      <c r="C83" s="14">
        <v>124</v>
      </c>
      <c r="D83" s="18">
        <v>262</v>
      </c>
    </row>
    <row r="84" spans="1:4" ht="18" customHeight="1" x14ac:dyDescent="0.15">
      <c r="A84" s="5" t="s">
        <v>31</v>
      </c>
      <c r="B84" s="22">
        <v>1105</v>
      </c>
      <c r="C84" s="14">
        <v>1016</v>
      </c>
      <c r="D84" s="18">
        <v>2121</v>
      </c>
    </row>
    <row r="85" spans="1:4" ht="18" customHeight="1" x14ac:dyDescent="0.15">
      <c r="A85" s="5">
        <v>65</v>
      </c>
      <c r="B85" s="22">
        <v>30</v>
      </c>
      <c r="C85" s="14">
        <v>33</v>
      </c>
      <c r="D85" s="18">
        <v>63</v>
      </c>
    </row>
    <row r="86" spans="1:4" ht="18" customHeight="1" x14ac:dyDescent="0.15">
      <c r="A86" s="5">
        <v>66</v>
      </c>
      <c r="B86" s="22">
        <v>27</v>
      </c>
      <c r="C86" s="14">
        <v>32</v>
      </c>
      <c r="D86" s="18">
        <v>59</v>
      </c>
    </row>
    <row r="87" spans="1:4" ht="18" customHeight="1" x14ac:dyDescent="0.15">
      <c r="A87" s="5">
        <v>67</v>
      </c>
      <c r="B87" s="22">
        <v>30</v>
      </c>
      <c r="C87" s="14">
        <v>16</v>
      </c>
      <c r="D87" s="18">
        <v>46</v>
      </c>
    </row>
    <row r="88" spans="1:4" ht="18" customHeight="1" x14ac:dyDescent="0.15">
      <c r="A88" s="5">
        <v>68</v>
      </c>
      <c r="B88" s="22">
        <v>25</v>
      </c>
      <c r="C88" s="14">
        <v>26</v>
      </c>
      <c r="D88" s="18">
        <v>51</v>
      </c>
    </row>
    <row r="89" spans="1:4" ht="18" customHeight="1" x14ac:dyDescent="0.15">
      <c r="A89" s="5">
        <v>69</v>
      </c>
      <c r="B89" s="22">
        <v>28</v>
      </c>
      <c r="C89" s="14">
        <v>37</v>
      </c>
      <c r="D89" s="18">
        <v>65</v>
      </c>
    </row>
    <row r="90" spans="1:4" ht="18" customHeight="1" x14ac:dyDescent="0.15">
      <c r="A90" s="5" t="s">
        <v>20</v>
      </c>
      <c r="B90" s="22">
        <v>140</v>
      </c>
      <c r="C90" s="14">
        <v>144</v>
      </c>
      <c r="D90" s="18">
        <v>284</v>
      </c>
    </row>
    <row r="91" spans="1:4" ht="18" customHeight="1" x14ac:dyDescent="0.15">
      <c r="A91" s="5">
        <v>70</v>
      </c>
      <c r="B91" s="22">
        <v>25</v>
      </c>
      <c r="C91" s="14">
        <v>29</v>
      </c>
      <c r="D91" s="18">
        <v>54</v>
      </c>
    </row>
    <row r="92" spans="1:4" ht="18" customHeight="1" x14ac:dyDescent="0.15">
      <c r="A92" s="5">
        <v>71</v>
      </c>
      <c r="B92" s="22">
        <v>28</v>
      </c>
      <c r="C92" s="14">
        <v>22</v>
      </c>
      <c r="D92" s="18">
        <v>50</v>
      </c>
    </row>
    <row r="93" spans="1:4" ht="18" customHeight="1" x14ac:dyDescent="0.15">
      <c r="A93" s="5">
        <v>72</v>
      </c>
      <c r="B93" s="22">
        <v>30</v>
      </c>
      <c r="C93" s="14">
        <v>27</v>
      </c>
      <c r="D93" s="18">
        <v>57</v>
      </c>
    </row>
    <row r="94" spans="1:4" ht="18" customHeight="1" x14ac:dyDescent="0.15">
      <c r="A94" s="5">
        <v>73</v>
      </c>
      <c r="B94" s="22">
        <v>33</v>
      </c>
      <c r="C94" s="14">
        <v>29</v>
      </c>
      <c r="D94" s="18">
        <v>62</v>
      </c>
    </row>
    <row r="95" spans="1:4" ht="18" customHeight="1" x14ac:dyDescent="0.15">
      <c r="A95" s="5">
        <v>74</v>
      </c>
      <c r="B95" s="22">
        <v>33</v>
      </c>
      <c r="C95" s="14">
        <v>27</v>
      </c>
      <c r="D95" s="18">
        <v>60</v>
      </c>
    </row>
    <row r="96" spans="1:4" ht="18" customHeight="1" x14ac:dyDescent="0.15">
      <c r="A96" s="5" t="s">
        <v>33</v>
      </c>
      <c r="B96" s="22">
        <v>149</v>
      </c>
      <c r="C96" s="14">
        <v>134</v>
      </c>
      <c r="D96" s="18">
        <v>283</v>
      </c>
    </row>
    <row r="97" spans="1:4" ht="18" customHeight="1" x14ac:dyDescent="0.15">
      <c r="A97" s="5">
        <v>75</v>
      </c>
      <c r="B97" s="22">
        <v>37</v>
      </c>
      <c r="C97" s="14">
        <v>29</v>
      </c>
      <c r="D97" s="18">
        <v>66</v>
      </c>
    </row>
    <row r="98" spans="1:4" ht="18" customHeight="1" x14ac:dyDescent="0.15">
      <c r="A98" s="5">
        <v>76</v>
      </c>
      <c r="B98" s="22">
        <v>32</v>
      </c>
      <c r="C98" s="14">
        <v>39</v>
      </c>
      <c r="D98" s="18">
        <v>71</v>
      </c>
    </row>
    <row r="99" spans="1:4" ht="18" customHeight="1" x14ac:dyDescent="0.15">
      <c r="A99" s="5">
        <v>77</v>
      </c>
      <c r="B99" s="22">
        <v>27</v>
      </c>
      <c r="C99" s="14">
        <v>43</v>
      </c>
      <c r="D99" s="18">
        <v>70</v>
      </c>
    </row>
    <row r="100" spans="1:4" ht="18" customHeight="1" x14ac:dyDescent="0.15">
      <c r="A100" s="5">
        <v>78</v>
      </c>
      <c r="B100" s="22">
        <v>32</v>
      </c>
      <c r="C100" s="14">
        <v>37</v>
      </c>
      <c r="D100" s="18">
        <v>69</v>
      </c>
    </row>
    <row r="101" spans="1:4" ht="18" customHeight="1" x14ac:dyDescent="0.15">
      <c r="A101" s="5">
        <v>79</v>
      </c>
      <c r="B101" s="22">
        <v>22</v>
      </c>
      <c r="C101" s="14">
        <v>30</v>
      </c>
      <c r="D101" s="18">
        <v>52</v>
      </c>
    </row>
    <row r="102" spans="1:4" ht="18" customHeight="1" x14ac:dyDescent="0.15">
      <c r="A102" s="5" t="s">
        <v>0</v>
      </c>
      <c r="B102" s="22">
        <v>150</v>
      </c>
      <c r="C102" s="14">
        <v>178</v>
      </c>
      <c r="D102" s="18">
        <v>328</v>
      </c>
    </row>
    <row r="103" spans="1:4" ht="18" customHeight="1" x14ac:dyDescent="0.15">
      <c r="A103" s="5">
        <v>80</v>
      </c>
      <c r="B103" s="22">
        <v>12</v>
      </c>
      <c r="C103" s="14">
        <v>22</v>
      </c>
      <c r="D103" s="18">
        <v>34</v>
      </c>
    </row>
    <row r="104" spans="1:4" ht="18" customHeight="1" x14ac:dyDescent="0.15">
      <c r="A104" s="5">
        <v>81</v>
      </c>
      <c r="B104" s="22">
        <v>20</v>
      </c>
      <c r="C104" s="14">
        <v>25</v>
      </c>
      <c r="D104" s="18">
        <v>45</v>
      </c>
    </row>
    <row r="105" spans="1:4" ht="18" customHeight="1" x14ac:dyDescent="0.15">
      <c r="A105" s="5">
        <v>82</v>
      </c>
      <c r="B105" s="22">
        <v>19</v>
      </c>
      <c r="C105" s="14">
        <v>29</v>
      </c>
      <c r="D105" s="18">
        <v>48</v>
      </c>
    </row>
    <row r="106" spans="1:4" ht="18" customHeight="1" x14ac:dyDescent="0.15">
      <c r="A106" s="5">
        <v>83</v>
      </c>
      <c r="B106" s="22">
        <v>18</v>
      </c>
      <c r="C106" s="14">
        <v>27</v>
      </c>
      <c r="D106" s="18">
        <v>45</v>
      </c>
    </row>
    <row r="107" spans="1:4" ht="18" customHeight="1" x14ac:dyDescent="0.15">
      <c r="A107" s="5">
        <v>84</v>
      </c>
      <c r="B107" s="22">
        <v>10</v>
      </c>
      <c r="C107" s="14">
        <v>35</v>
      </c>
      <c r="D107" s="18">
        <v>45</v>
      </c>
    </row>
    <row r="108" spans="1:4" ht="18" customHeight="1" x14ac:dyDescent="0.15">
      <c r="A108" s="5" t="s">
        <v>35</v>
      </c>
      <c r="B108" s="22">
        <v>79</v>
      </c>
      <c r="C108" s="14">
        <v>138</v>
      </c>
      <c r="D108" s="18">
        <v>217</v>
      </c>
    </row>
    <row r="109" spans="1:4" ht="18" customHeight="1" x14ac:dyDescent="0.15">
      <c r="A109" s="5">
        <v>85</v>
      </c>
      <c r="B109" s="22">
        <v>12</v>
      </c>
      <c r="C109" s="14">
        <v>20</v>
      </c>
      <c r="D109" s="18">
        <v>32</v>
      </c>
    </row>
    <row r="110" spans="1:4" ht="18" customHeight="1" x14ac:dyDescent="0.15">
      <c r="A110" s="5">
        <v>86</v>
      </c>
      <c r="B110" s="22">
        <v>11</v>
      </c>
      <c r="C110" s="14">
        <v>23</v>
      </c>
      <c r="D110" s="18">
        <v>34</v>
      </c>
    </row>
    <row r="111" spans="1:4" ht="18" customHeight="1" x14ac:dyDescent="0.15">
      <c r="A111" s="5">
        <v>87</v>
      </c>
      <c r="B111" s="22">
        <v>11</v>
      </c>
      <c r="C111" s="14">
        <v>28</v>
      </c>
      <c r="D111" s="18">
        <v>39</v>
      </c>
    </row>
    <row r="112" spans="1:4" ht="18" customHeight="1" x14ac:dyDescent="0.15">
      <c r="A112" s="5">
        <v>88</v>
      </c>
      <c r="B112" s="22">
        <v>15</v>
      </c>
      <c r="C112" s="14">
        <v>26</v>
      </c>
      <c r="D112" s="18">
        <v>41</v>
      </c>
    </row>
    <row r="113" spans="1:4" ht="18" customHeight="1" x14ac:dyDescent="0.15">
      <c r="A113" s="5">
        <v>89</v>
      </c>
      <c r="B113" s="22">
        <v>12</v>
      </c>
      <c r="C113" s="14">
        <v>17</v>
      </c>
      <c r="D113" s="18">
        <v>29</v>
      </c>
    </row>
    <row r="114" spans="1:4" ht="18" customHeight="1" x14ac:dyDescent="0.15">
      <c r="A114" s="5" t="s">
        <v>37</v>
      </c>
      <c r="B114" s="22">
        <v>61</v>
      </c>
      <c r="C114" s="14">
        <v>114</v>
      </c>
      <c r="D114" s="18">
        <v>175</v>
      </c>
    </row>
    <row r="115" spans="1:4" ht="18" customHeight="1" x14ac:dyDescent="0.15">
      <c r="A115" s="5">
        <v>90</v>
      </c>
      <c r="B115" s="22">
        <v>7</v>
      </c>
      <c r="C115" s="14">
        <v>23</v>
      </c>
      <c r="D115" s="18">
        <v>30</v>
      </c>
    </row>
    <row r="116" spans="1:4" ht="18" customHeight="1" x14ac:dyDescent="0.15">
      <c r="A116" s="5">
        <v>91</v>
      </c>
      <c r="B116" s="22">
        <v>8</v>
      </c>
      <c r="C116" s="14">
        <v>20</v>
      </c>
      <c r="D116" s="18">
        <v>28</v>
      </c>
    </row>
    <row r="117" spans="1:4" ht="18" customHeight="1" x14ac:dyDescent="0.15">
      <c r="A117" s="5">
        <v>92</v>
      </c>
      <c r="B117" s="22">
        <v>6</v>
      </c>
      <c r="C117" s="14">
        <v>13</v>
      </c>
      <c r="D117" s="18">
        <v>19</v>
      </c>
    </row>
    <row r="118" spans="1:4" ht="18" customHeight="1" x14ac:dyDescent="0.15">
      <c r="A118" s="5">
        <v>93</v>
      </c>
      <c r="B118" s="22">
        <v>7</v>
      </c>
      <c r="C118" s="14">
        <v>17</v>
      </c>
      <c r="D118" s="18">
        <v>24</v>
      </c>
    </row>
    <row r="119" spans="1:4" ht="18" customHeight="1" x14ac:dyDescent="0.15">
      <c r="A119" s="5">
        <v>94</v>
      </c>
      <c r="B119" s="22">
        <v>8</v>
      </c>
      <c r="C119" s="14">
        <v>7</v>
      </c>
      <c r="D119" s="18">
        <v>15</v>
      </c>
    </row>
    <row r="120" spans="1:4" ht="18" customHeight="1" x14ac:dyDescent="0.15">
      <c r="A120" s="5" t="s">
        <v>39</v>
      </c>
      <c r="B120" s="22">
        <v>36</v>
      </c>
      <c r="C120" s="14">
        <v>80</v>
      </c>
      <c r="D120" s="18">
        <v>116</v>
      </c>
    </row>
    <row r="121" spans="1:4" ht="18" customHeight="1" x14ac:dyDescent="0.15">
      <c r="A121" s="5">
        <v>95</v>
      </c>
      <c r="B121" s="22">
        <v>1</v>
      </c>
      <c r="C121" s="14">
        <v>15</v>
      </c>
      <c r="D121" s="18">
        <v>16</v>
      </c>
    </row>
    <row r="122" spans="1:4" ht="18" customHeight="1" x14ac:dyDescent="0.15">
      <c r="A122" s="5">
        <v>96</v>
      </c>
      <c r="B122" s="22">
        <v>3</v>
      </c>
      <c r="C122" s="14">
        <v>8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8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5</v>
      </c>
      <c r="C126" s="14">
        <v>34</v>
      </c>
      <c r="D126" s="18">
        <v>3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620</v>
      </c>
      <c r="C130" s="14">
        <v>825</v>
      </c>
      <c r="D130" s="18">
        <v>1445</v>
      </c>
    </row>
    <row r="131" spans="1:4" ht="18" customHeight="1" x14ac:dyDescent="0.15">
      <c r="A131" s="7" t="s">
        <v>45</v>
      </c>
      <c r="B131" s="23">
        <v>1932</v>
      </c>
      <c r="C131" s="15">
        <v>2013</v>
      </c>
      <c r="D131" s="19">
        <v>39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2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7">
        <v>2</v>
      </c>
      <c r="C7" s="14">
        <v>2</v>
      </c>
      <c r="D7" s="18">
        <v>4</v>
      </c>
    </row>
    <row r="8" spans="1:4" ht="18" customHeight="1" x14ac:dyDescent="0.15">
      <c r="A8" s="5">
        <v>3</v>
      </c>
      <c r="B8" s="27">
        <v>1</v>
      </c>
      <c r="C8" s="14">
        <v>2</v>
      </c>
      <c r="D8" s="18">
        <v>3</v>
      </c>
    </row>
    <row r="9" spans="1:4" ht="18" customHeight="1" x14ac:dyDescent="0.15">
      <c r="A9" s="5">
        <v>4</v>
      </c>
      <c r="B9" s="28">
        <v>2</v>
      </c>
      <c r="C9" s="30">
        <v>5</v>
      </c>
      <c r="D9" s="32">
        <v>7</v>
      </c>
    </row>
    <row r="10" spans="1:4" ht="18" customHeight="1" x14ac:dyDescent="0.15">
      <c r="A10" s="5" t="s">
        <v>7</v>
      </c>
      <c r="B10" s="22">
        <v>6</v>
      </c>
      <c r="C10" s="14">
        <v>12</v>
      </c>
      <c r="D10" s="18">
        <v>18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3</v>
      </c>
      <c r="C12" s="14">
        <v>5</v>
      </c>
      <c r="D12" s="18">
        <v>8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5</v>
      </c>
      <c r="C14" s="14">
        <v>3</v>
      </c>
      <c r="D14" s="18">
        <v>8</v>
      </c>
    </row>
    <row r="15" spans="1:4" ht="18" customHeight="1" x14ac:dyDescent="0.15">
      <c r="A15" s="5">
        <v>9</v>
      </c>
      <c r="B15" s="27">
        <v>5</v>
      </c>
      <c r="C15" s="14">
        <v>2</v>
      </c>
      <c r="D15" s="18">
        <v>7</v>
      </c>
    </row>
    <row r="16" spans="1:4" ht="18" customHeight="1" x14ac:dyDescent="0.15">
      <c r="A16" s="5" t="s">
        <v>11</v>
      </c>
      <c r="B16" s="22">
        <v>16</v>
      </c>
      <c r="C16" s="14">
        <v>13</v>
      </c>
      <c r="D16" s="18">
        <v>29</v>
      </c>
    </row>
    <row r="17" spans="1:4" ht="18" customHeight="1" x14ac:dyDescent="0.15">
      <c r="A17" s="5">
        <v>10</v>
      </c>
      <c r="B17" s="22">
        <v>2</v>
      </c>
      <c r="C17" s="14">
        <v>5</v>
      </c>
      <c r="D17" s="18">
        <v>7</v>
      </c>
    </row>
    <row r="18" spans="1:4" ht="18" customHeight="1" x14ac:dyDescent="0.15">
      <c r="A18" s="5">
        <v>11</v>
      </c>
      <c r="B18" s="22">
        <v>4</v>
      </c>
      <c r="C18" s="14">
        <v>7</v>
      </c>
      <c r="D18" s="18">
        <v>11</v>
      </c>
    </row>
    <row r="19" spans="1:4" ht="18" customHeight="1" x14ac:dyDescent="0.15">
      <c r="A19" s="5">
        <v>12</v>
      </c>
      <c r="B19" s="22">
        <v>8</v>
      </c>
      <c r="C19" s="14">
        <v>5</v>
      </c>
      <c r="D19" s="18">
        <v>13</v>
      </c>
    </row>
    <row r="20" spans="1:4" ht="18" customHeight="1" x14ac:dyDescent="0.15">
      <c r="A20" s="5">
        <v>13</v>
      </c>
      <c r="B20" s="22">
        <v>6</v>
      </c>
      <c r="C20" s="14">
        <v>3</v>
      </c>
      <c r="D20" s="18">
        <v>9</v>
      </c>
    </row>
    <row r="21" spans="1:4" ht="18" customHeight="1" x14ac:dyDescent="0.15">
      <c r="A21" s="5">
        <v>14</v>
      </c>
      <c r="B21" s="22">
        <v>7</v>
      </c>
      <c r="C21" s="14">
        <v>6</v>
      </c>
      <c r="D21" s="18">
        <v>13</v>
      </c>
    </row>
    <row r="22" spans="1:4" ht="18" customHeight="1" x14ac:dyDescent="0.15">
      <c r="A22" s="5" t="s">
        <v>12</v>
      </c>
      <c r="B22" s="22">
        <v>27</v>
      </c>
      <c r="C22" s="14">
        <v>26</v>
      </c>
      <c r="D22" s="18">
        <v>53</v>
      </c>
    </row>
    <row r="23" spans="1:4" ht="18" customHeight="1" x14ac:dyDescent="0.15">
      <c r="A23" s="5" t="s">
        <v>6</v>
      </c>
      <c r="B23" s="22">
        <v>49</v>
      </c>
      <c r="C23" s="14">
        <v>51</v>
      </c>
      <c r="D23" s="18">
        <v>100</v>
      </c>
    </row>
    <row r="24" spans="1:4" ht="18" customHeight="1" x14ac:dyDescent="0.15">
      <c r="A24" s="5">
        <v>15</v>
      </c>
      <c r="B24" s="22">
        <v>4</v>
      </c>
      <c r="C24" s="14">
        <v>7</v>
      </c>
      <c r="D24" s="18">
        <v>11</v>
      </c>
    </row>
    <row r="25" spans="1:4" ht="18" customHeight="1" x14ac:dyDescent="0.15">
      <c r="A25" s="5">
        <v>16</v>
      </c>
      <c r="B25" s="22">
        <v>9</v>
      </c>
      <c r="C25" s="14">
        <v>7</v>
      </c>
      <c r="D25" s="18">
        <v>16</v>
      </c>
    </row>
    <row r="26" spans="1:4" ht="18" customHeight="1" x14ac:dyDescent="0.15">
      <c r="A26" s="5">
        <v>17</v>
      </c>
      <c r="B26" s="22">
        <v>3</v>
      </c>
      <c r="C26" s="14">
        <v>7</v>
      </c>
      <c r="D26" s="18">
        <v>10</v>
      </c>
    </row>
    <row r="27" spans="1:4" ht="18" customHeight="1" x14ac:dyDescent="0.15">
      <c r="A27" s="5">
        <v>18</v>
      </c>
      <c r="B27" s="22">
        <v>5</v>
      </c>
      <c r="C27" s="14">
        <v>4</v>
      </c>
      <c r="D27" s="18">
        <v>9</v>
      </c>
    </row>
    <row r="28" spans="1:4" ht="18" customHeight="1" x14ac:dyDescent="0.15">
      <c r="A28" s="5">
        <v>19</v>
      </c>
      <c r="B28" s="22">
        <v>8</v>
      </c>
      <c r="C28" s="14">
        <v>3</v>
      </c>
      <c r="D28" s="18">
        <v>11</v>
      </c>
    </row>
    <row r="29" spans="1:4" ht="18" customHeight="1" x14ac:dyDescent="0.15">
      <c r="A29" s="5" t="s">
        <v>14</v>
      </c>
      <c r="B29" s="22">
        <v>29</v>
      </c>
      <c r="C29" s="14">
        <v>28</v>
      </c>
      <c r="D29" s="18">
        <v>57</v>
      </c>
    </row>
    <row r="30" spans="1:4" ht="18" customHeight="1" x14ac:dyDescent="0.15">
      <c r="A30" s="5">
        <v>20</v>
      </c>
      <c r="B30" s="22">
        <v>10</v>
      </c>
      <c r="C30" s="14">
        <v>1</v>
      </c>
      <c r="D30" s="18">
        <v>11</v>
      </c>
    </row>
    <row r="31" spans="1:4" ht="18" customHeight="1" x14ac:dyDescent="0.15">
      <c r="A31" s="5">
        <v>21</v>
      </c>
      <c r="B31" s="22">
        <v>4</v>
      </c>
      <c r="C31" s="14">
        <v>8</v>
      </c>
      <c r="D31" s="18">
        <v>12</v>
      </c>
    </row>
    <row r="32" spans="1:4" ht="18" customHeight="1" x14ac:dyDescent="0.15">
      <c r="A32" s="5">
        <v>22</v>
      </c>
      <c r="B32" s="22">
        <v>4</v>
      </c>
      <c r="C32" s="14">
        <v>5</v>
      </c>
      <c r="D32" s="18">
        <v>9</v>
      </c>
    </row>
    <row r="33" spans="1:4" ht="18" customHeight="1" x14ac:dyDescent="0.15">
      <c r="A33" s="5">
        <v>23</v>
      </c>
      <c r="B33" s="22">
        <v>0</v>
      </c>
      <c r="C33" s="14">
        <v>5</v>
      </c>
      <c r="D33" s="18">
        <v>5</v>
      </c>
    </row>
    <row r="34" spans="1:4" ht="18" customHeight="1" x14ac:dyDescent="0.15">
      <c r="A34" s="5">
        <v>24</v>
      </c>
      <c r="B34" s="22">
        <v>5</v>
      </c>
      <c r="C34" s="14">
        <v>2</v>
      </c>
      <c r="D34" s="18">
        <v>7</v>
      </c>
    </row>
    <row r="35" spans="1:4" ht="18" customHeight="1" x14ac:dyDescent="0.15">
      <c r="A35" s="5" t="s">
        <v>9</v>
      </c>
      <c r="B35" s="22">
        <v>23</v>
      </c>
      <c r="C35" s="14">
        <v>21</v>
      </c>
      <c r="D35" s="18">
        <v>44</v>
      </c>
    </row>
    <row r="36" spans="1:4" ht="18" customHeight="1" x14ac:dyDescent="0.15">
      <c r="A36" s="5">
        <v>25</v>
      </c>
      <c r="B36" s="22">
        <v>3</v>
      </c>
      <c r="C36" s="14">
        <v>0</v>
      </c>
      <c r="D36" s="18">
        <v>3</v>
      </c>
    </row>
    <row r="37" spans="1:4" ht="18" customHeight="1" x14ac:dyDescent="0.15">
      <c r="A37" s="5">
        <v>26</v>
      </c>
      <c r="B37" s="22">
        <v>5</v>
      </c>
      <c r="C37" s="14">
        <v>3</v>
      </c>
      <c r="D37" s="18">
        <v>8</v>
      </c>
    </row>
    <row r="38" spans="1:4" ht="18" customHeight="1" x14ac:dyDescent="0.15">
      <c r="A38" s="5">
        <v>27</v>
      </c>
      <c r="B38" s="22">
        <v>2</v>
      </c>
      <c r="C38" s="14">
        <v>3</v>
      </c>
      <c r="D38" s="18">
        <v>5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5</v>
      </c>
      <c r="C40" s="14">
        <v>2</v>
      </c>
      <c r="D40" s="18">
        <v>7</v>
      </c>
    </row>
    <row r="41" spans="1:4" ht="18" customHeight="1" x14ac:dyDescent="0.15">
      <c r="A41" s="5" t="s">
        <v>2</v>
      </c>
      <c r="B41" s="22">
        <v>18</v>
      </c>
      <c r="C41" s="14">
        <v>10</v>
      </c>
      <c r="D41" s="18">
        <v>28</v>
      </c>
    </row>
    <row r="42" spans="1:4" ht="18" customHeight="1" x14ac:dyDescent="0.15">
      <c r="A42" s="5">
        <v>30</v>
      </c>
      <c r="B42" s="22">
        <v>6</v>
      </c>
      <c r="C42" s="14">
        <v>3</v>
      </c>
      <c r="D42" s="18">
        <v>9</v>
      </c>
    </row>
    <row r="43" spans="1:4" ht="18" customHeight="1" x14ac:dyDescent="0.15">
      <c r="A43" s="5">
        <v>31</v>
      </c>
      <c r="B43" s="22">
        <v>3</v>
      </c>
      <c r="C43" s="14">
        <v>3</v>
      </c>
      <c r="D43" s="18">
        <v>6</v>
      </c>
    </row>
    <row r="44" spans="1:4" ht="18" customHeight="1" x14ac:dyDescent="0.15">
      <c r="A44" s="5">
        <v>32</v>
      </c>
      <c r="B44" s="22">
        <v>6</v>
      </c>
      <c r="C44" s="14">
        <v>2</v>
      </c>
      <c r="D44" s="18">
        <v>8</v>
      </c>
    </row>
    <row r="45" spans="1:4" ht="18" customHeight="1" x14ac:dyDescent="0.15">
      <c r="A45" s="5">
        <v>33</v>
      </c>
      <c r="B45" s="22">
        <v>7</v>
      </c>
      <c r="C45" s="14">
        <v>4</v>
      </c>
      <c r="D45" s="18">
        <v>11</v>
      </c>
    </row>
    <row r="46" spans="1:4" ht="18" customHeight="1" x14ac:dyDescent="0.15">
      <c r="A46" s="5">
        <v>34</v>
      </c>
      <c r="B46" s="22">
        <v>2</v>
      </c>
      <c r="C46" s="14">
        <v>3</v>
      </c>
      <c r="D46" s="18">
        <v>5</v>
      </c>
    </row>
    <row r="47" spans="1:4" ht="18" customHeight="1" x14ac:dyDescent="0.15">
      <c r="A47" s="5" t="s">
        <v>15</v>
      </c>
      <c r="B47" s="22">
        <v>24</v>
      </c>
      <c r="C47" s="14">
        <v>15</v>
      </c>
      <c r="D47" s="18">
        <v>39</v>
      </c>
    </row>
    <row r="48" spans="1:4" ht="18" customHeight="1" x14ac:dyDescent="0.15">
      <c r="A48" s="5">
        <v>35</v>
      </c>
      <c r="B48" s="22">
        <v>6</v>
      </c>
      <c r="C48" s="14">
        <v>1</v>
      </c>
      <c r="D48" s="18">
        <v>7</v>
      </c>
    </row>
    <row r="49" spans="1:4" ht="18" customHeight="1" x14ac:dyDescent="0.15">
      <c r="A49" s="5">
        <v>36</v>
      </c>
      <c r="B49" s="22">
        <v>6</v>
      </c>
      <c r="C49" s="14">
        <v>9</v>
      </c>
      <c r="D49" s="18">
        <v>15</v>
      </c>
    </row>
    <row r="50" spans="1:4" ht="18" customHeight="1" x14ac:dyDescent="0.15">
      <c r="A50" s="5">
        <v>37</v>
      </c>
      <c r="B50" s="22">
        <v>4</v>
      </c>
      <c r="C50" s="14">
        <v>3</v>
      </c>
      <c r="D50" s="18">
        <v>7</v>
      </c>
    </row>
    <row r="51" spans="1:4" ht="18" customHeight="1" x14ac:dyDescent="0.15">
      <c r="A51" s="5">
        <v>38</v>
      </c>
      <c r="B51" s="22">
        <v>8</v>
      </c>
      <c r="C51" s="14">
        <v>5</v>
      </c>
      <c r="D51" s="18">
        <v>13</v>
      </c>
    </row>
    <row r="52" spans="1:4" ht="18" customHeight="1" x14ac:dyDescent="0.15">
      <c r="A52" s="5">
        <v>39</v>
      </c>
      <c r="B52" s="22">
        <v>2</v>
      </c>
      <c r="C52" s="14">
        <v>5</v>
      </c>
      <c r="D52" s="18">
        <v>7</v>
      </c>
    </row>
    <row r="53" spans="1:4" ht="18" customHeight="1" x14ac:dyDescent="0.15">
      <c r="A53" s="5" t="s">
        <v>18</v>
      </c>
      <c r="B53" s="22">
        <v>26</v>
      </c>
      <c r="C53" s="14">
        <v>23</v>
      </c>
      <c r="D53" s="18">
        <v>49</v>
      </c>
    </row>
    <row r="54" spans="1:4" ht="18" customHeight="1" x14ac:dyDescent="0.15">
      <c r="A54" s="5">
        <v>40</v>
      </c>
      <c r="B54" s="22">
        <v>4</v>
      </c>
      <c r="C54" s="14">
        <v>4</v>
      </c>
      <c r="D54" s="18">
        <v>8</v>
      </c>
    </row>
    <row r="55" spans="1:4" ht="18" customHeight="1" x14ac:dyDescent="0.15">
      <c r="A55" s="5">
        <v>41</v>
      </c>
      <c r="B55" s="22">
        <v>5</v>
      </c>
      <c r="C55" s="14">
        <v>4</v>
      </c>
      <c r="D55" s="18">
        <v>9</v>
      </c>
    </row>
    <row r="56" spans="1:4" ht="18" customHeight="1" x14ac:dyDescent="0.15">
      <c r="A56" s="5">
        <v>42</v>
      </c>
      <c r="B56" s="22">
        <v>4</v>
      </c>
      <c r="C56" s="14">
        <v>7</v>
      </c>
      <c r="D56" s="18">
        <v>11</v>
      </c>
    </row>
    <row r="57" spans="1:4" ht="18" customHeight="1" x14ac:dyDescent="0.15">
      <c r="A57" s="5">
        <v>43</v>
      </c>
      <c r="B57" s="22">
        <v>7</v>
      </c>
      <c r="C57" s="14">
        <v>3</v>
      </c>
      <c r="D57" s="18">
        <v>10</v>
      </c>
    </row>
    <row r="58" spans="1:4" ht="18" customHeight="1" x14ac:dyDescent="0.15">
      <c r="A58" s="5">
        <v>44</v>
      </c>
      <c r="B58" s="22">
        <v>9</v>
      </c>
      <c r="C58" s="14">
        <v>7</v>
      </c>
      <c r="D58" s="18">
        <v>16</v>
      </c>
    </row>
    <row r="59" spans="1:4" ht="18" customHeight="1" x14ac:dyDescent="0.15">
      <c r="A59" s="5" t="s">
        <v>21</v>
      </c>
      <c r="B59" s="22">
        <v>29</v>
      </c>
      <c r="C59" s="14">
        <v>25</v>
      </c>
      <c r="D59" s="18">
        <v>54</v>
      </c>
    </row>
    <row r="60" spans="1:4" ht="18" customHeight="1" x14ac:dyDescent="0.15">
      <c r="A60" s="5">
        <v>45</v>
      </c>
      <c r="B60" s="22">
        <v>6</v>
      </c>
      <c r="C60" s="14">
        <v>10</v>
      </c>
      <c r="D60" s="18">
        <v>16</v>
      </c>
    </row>
    <row r="61" spans="1:4" ht="18" customHeight="1" x14ac:dyDescent="0.15">
      <c r="A61" s="5">
        <v>46</v>
      </c>
      <c r="B61" s="22">
        <v>8</v>
      </c>
      <c r="C61" s="14">
        <v>8</v>
      </c>
      <c r="D61" s="18">
        <v>16</v>
      </c>
    </row>
    <row r="62" spans="1:4" ht="18" customHeight="1" x14ac:dyDescent="0.15">
      <c r="A62" s="5">
        <v>47</v>
      </c>
      <c r="B62" s="22">
        <v>11</v>
      </c>
      <c r="C62" s="14">
        <v>7</v>
      </c>
      <c r="D62" s="18">
        <v>18</v>
      </c>
    </row>
    <row r="63" spans="1:4" ht="18" customHeight="1" x14ac:dyDescent="0.15">
      <c r="A63" s="5">
        <v>48</v>
      </c>
      <c r="B63" s="22">
        <v>11</v>
      </c>
      <c r="C63" s="14">
        <v>5</v>
      </c>
      <c r="D63" s="18">
        <v>16</v>
      </c>
    </row>
    <row r="64" spans="1:4" ht="18" customHeight="1" x14ac:dyDescent="0.15">
      <c r="A64" s="5">
        <v>49</v>
      </c>
      <c r="B64" s="22">
        <v>5</v>
      </c>
      <c r="C64" s="14">
        <v>7</v>
      </c>
      <c r="D64" s="18">
        <v>12</v>
      </c>
    </row>
    <row r="65" spans="1:4" ht="18" customHeight="1" x14ac:dyDescent="0.15">
      <c r="A65" s="5" t="s">
        <v>17</v>
      </c>
      <c r="B65" s="22">
        <v>41</v>
      </c>
      <c r="C65" s="14">
        <v>37</v>
      </c>
      <c r="D65" s="18">
        <v>78</v>
      </c>
    </row>
    <row r="66" spans="1:4" ht="18" customHeight="1" x14ac:dyDescent="0.15">
      <c r="A66" s="5">
        <v>50</v>
      </c>
      <c r="B66" s="22">
        <v>8</v>
      </c>
      <c r="C66" s="14">
        <v>5</v>
      </c>
      <c r="D66" s="18">
        <v>13</v>
      </c>
    </row>
    <row r="67" spans="1:4" ht="18" customHeight="1" x14ac:dyDescent="0.15">
      <c r="A67" s="5">
        <v>51</v>
      </c>
      <c r="B67" s="22">
        <v>12</v>
      </c>
      <c r="C67" s="14">
        <v>5</v>
      </c>
      <c r="D67" s="18">
        <v>17</v>
      </c>
    </row>
    <row r="68" spans="1:4" ht="18" customHeight="1" x14ac:dyDescent="0.15">
      <c r="A68" s="5">
        <v>52</v>
      </c>
      <c r="B68" s="22">
        <v>8</v>
      </c>
      <c r="C68" s="14">
        <v>8</v>
      </c>
      <c r="D68" s="18">
        <v>16</v>
      </c>
    </row>
    <row r="69" spans="1:4" ht="18" customHeight="1" x14ac:dyDescent="0.15">
      <c r="A69" s="5">
        <v>53</v>
      </c>
      <c r="B69" s="22">
        <v>13</v>
      </c>
      <c r="C69" s="14">
        <v>9</v>
      </c>
      <c r="D69" s="18">
        <v>22</v>
      </c>
    </row>
    <row r="70" spans="1:4" ht="18" customHeight="1" x14ac:dyDescent="0.15">
      <c r="A70" s="5">
        <v>54</v>
      </c>
      <c r="B70" s="22">
        <v>5</v>
      </c>
      <c r="C70" s="14">
        <v>4</v>
      </c>
      <c r="D70" s="18">
        <v>9</v>
      </c>
    </row>
    <row r="71" spans="1:4" ht="18" customHeight="1" x14ac:dyDescent="0.15">
      <c r="A71" s="5" t="s">
        <v>22</v>
      </c>
      <c r="B71" s="22">
        <v>46</v>
      </c>
      <c r="C71" s="14">
        <v>31</v>
      </c>
      <c r="D71" s="18">
        <v>77</v>
      </c>
    </row>
    <row r="72" spans="1:4" ht="18" customHeight="1" x14ac:dyDescent="0.15">
      <c r="A72" s="5">
        <v>55</v>
      </c>
      <c r="B72" s="22">
        <v>6</v>
      </c>
      <c r="C72" s="14">
        <v>5</v>
      </c>
      <c r="D72" s="18">
        <v>11</v>
      </c>
    </row>
    <row r="73" spans="1:4" ht="18" customHeight="1" x14ac:dyDescent="0.15">
      <c r="A73" s="5">
        <v>56</v>
      </c>
      <c r="B73" s="22">
        <v>7</v>
      </c>
      <c r="C73" s="14">
        <v>11</v>
      </c>
      <c r="D73" s="18">
        <v>18</v>
      </c>
    </row>
    <row r="74" spans="1:4" ht="18" customHeight="1" x14ac:dyDescent="0.15">
      <c r="A74" s="5">
        <v>57</v>
      </c>
      <c r="B74" s="22">
        <v>7</v>
      </c>
      <c r="C74" s="14">
        <v>8</v>
      </c>
      <c r="D74" s="18">
        <v>15</v>
      </c>
    </row>
    <row r="75" spans="1:4" ht="18" customHeight="1" x14ac:dyDescent="0.15">
      <c r="A75" s="5">
        <v>58</v>
      </c>
      <c r="B75" s="22">
        <v>9</v>
      </c>
      <c r="C75" s="14">
        <v>13</v>
      </c>
      <c r="D75" s="18">
        <v>22</v>
      </c>
    </row>
    <row r="76" spans="1:4" ht="18" customHeight="1" x14ac:dyDescent="0.15">
      <c r="A76" s="5">
        <v>59</v>
      </c>
      <c r="B76" s="22">
        <v>6</v>
      </c>
      <c r="C76" s="14">
        <v>14</v>
      </c>
      <c r="D76" s="18">
        <v>20</v>
      </c>
    </row>
    <row r="77" spans="1:4" ht="18" customHeight="1" x14ac:dyDescent="0.15">
      <c r="A77" s="5" t="s">
        <v>27</v>
      </c>
      <c r="B77" s="22">
        <v>35</v>
      </c>
      <c r="C77" s="14">
        <v>51</v>
      </c>
      <c r="D77" s="18">
        <v>86</v>
      </c>
    </row>
    <row r="78" spans="1:4" ht="18" customHeight="1" x14ac:dyDescent="0.15">
      <c r="A78" s="5">
        <v>60</v>
      </c>
      <c r="B78" s="22">
        <v>9</v>
      </c>
      <c r="C78" s="14">
        <v>9</v>
      </c>
      <c r="D78" s="18">
        <v>18</v>
      </c>
    </row>
    <row r="79" spans="1:4" ht="18" customHeight="1" x14ac:dyDescent="0.15">
      <c r="A79" s="5">
        <v>61</v>
      </c>
      <c r="B79" s="22">
        <v>9</v>
      </c>
      <c r="C79" s="14">
        <v>11</v>
      </c>
      <c r="D79" s="18">
        <v>20</v>
      </c>
    </row>
    <row r="80" spans="1:4" ht="18" customHeight="1" x14ac:dyDescent="0.15">
      <c r="A80" s="5">
        <v>62</v>
      </c>
      <c r="B80" s="22">
        <v>7</v>
      </c>
      <c r="C80" s="14">
        <v>9</v>
      </c>
      <c r="D80" s="18">
        <v>16</v>
      </c>
    </row>
    <row r="81" spans="1:4" ht="18" customHeight="1" x14ac:dyDescent="0.15">
      <c r="A81" s="5">
        <v>63</v>
      </c>
      <c r="B81" s="22">
        <v>6</v>
      </c>
      <c r="C81" s="14">
        <v>9</v>
      </c>
      <c r="D81" s="18">
        <v>15</v>
      </c>
    </row>
    <row r="82" spans="1:4" ht="18" customHeight="1" x14ac:dyDescent="0.15">
      <c r="A82" s="5">
        <v>64</v>
      </c>
      <c r="B82" s="22">
        <v>9</v>
      </c>
      <c r="C82" s="14">
        <v>7</v>
      </c>
      <c r="D82" s="18">
        <v>16</v>
      </c>
    </row>
    <row r="83" spans="1:4" ht="18" customHeight="1" x14ac:dyDescent="0.15">
      <c r="A83" s="5" t="s">
        <v>28</v>
      </c>
      <c r="B83" s="22">
        <v>40</v>
      </c>
      <c r="C83" s="14">
        <v>45</v>
      </c>
      <c r="D83" s="18">
        <v>85</v>
      </c>
    </row>
    <row r="84" spans="1:4" ht="18" customHeight="1" x14ac:dyDescent="0.15">
      <c r="A84" s="5" t="s">
        <v>31</v>
      </c>
      <c r="B84" s="22">
        <v>311</v>
      </c>
      <c r="C84" s="14">
        <v>286</v>
      </c>
      <c r="D84" s="18">
        <v>597</v>
      </c>
    </row>
    <row r="85" spans="1:4" ht="18" customHeight="1" x14ac:dyDescent="0.15">
      <c r="A85" s="5">
        <v>65</v>
      </c>
      <c r="B85" s="22">
        <v>9</v>
      </c>
      <c r="C85" s="14">
        <v>6</v>
      </c>
      <c r="D85" s="18">
        <v>15</v>
      </c>
    </row>
    <row r="86" spans="1:4" ht="18" customHeight="1" x14ac:dyDescent="0.15">
      <c r="A86" s="5">
        <v>66</v>
      </c>
      <c r="B86" s="22">
        <v>15</v>
      </c>
      <c r="C86" s="14">
        <v>7</v>
      </c>
      <c r="D86" s="18">
        <v>22</v>
      </c>
    </row>
    <row r="87" spans="1:4" ht="18" customHeight="1" x14ac:dyDescent="0.15">
      <c r="A87" s="5">
        <v>67</v>
      </c>
      <c r="B87" s="22">
        <v>8</v>
      </c>
      <c r="C87" s="14">
        <v>9</v>
      </c>
      <c r="D87" s="18">
        <v>17</v>
      </c>
    </row>
    <row r="88" spans="1:4" ht="18" customHeight="1" x14ac:dyDescent="0.15">
      <c r="A88" s="5">
        <v>68</v>
      </c>
      <c r="B88" s="22">
        <v>6</v>
      </c>
      <c r="C88" s="14">
        <v>8</v>
      </c>
      <c r="D88" s="18">
        <v>14</v>
      </c>
    </row>
    <row r="89" spans="1:4" ht="18" customHeight="1" x14ac:dyDescent="0.15">
      <c r="A89" s="5">
        <v>69</v>
      </c>
      <c r="B89" s="22">
        <v>5</v>
      </c>
      <c r="C89" s="14">
        <v>5</v>
      </c>
      <c r="D89" s="18">
        <v>10</v>
      </c>
    </row>
    <row r="90" spans="1:4" ht="18" customHeight="1" x14ac:dyDescent="0.15">
      <c r="A90" s="5" t="s">
        <v>20</v>
      </c>
      <c r="B90" s="22">
        <v>43</v>
      </c>
      <c r="C90" s="14">
        <v>35</v>
      </c>
      <c r="D90" s="18">
        <v>78</v>
      </c>
    </row>
    <row r="91" spans="1:4" ht="18" customHeight="1" x14ac:dyDescent="0.15">
      <c r="A91" s="5">
        <v>70</v>
      </c>
      <c r="B91" s="22">
        <v>5</v>
      </c>
      <c r="C91" s="14">
        <v>7</v>
      </c>
      <c r="D91" s="18">
        <v>12</v>
      </c>
    </row>
    <row r="92" spans="1:4" ht="18" customHeight="1" x14ac:dyDescent="0.15">
      <c r="A92" s="5">
        <v>71</v>
      </c>
      <c r="B92" s="22">
        <v>13</v>
      </c>
      <c r="C92" s="14">
        <v>14</v>
      </c>
      <c r="D92" s="18">
        <v>27</v>
      </c>
    </row>
    <row r="93" spans="1:4" ht="18" customHeight="1" x14ac:dyDescent="0.15">
      <c r="A93" s="5">
        <v>72</v>
      </c>
      <c r="B93" s="22">
        <v>16</v>
      </c>
      <c r="C93" s="14">
        <v>11</v>
      </c>
      <c r="D93" s="18">
        <v>27</v>
      </c>
    </row>
    <row r="94" spans="1:4" ht="18" customHeight="1" x14ac:dyDescent="0.15">
      <c r="A94" s="5">
        <v>73</v>
      </c>
      <c r="B94" s="22">
        <v>5</v>
      </c>
      <c r="C94" s="14">
        <v>16</v>
      </c>
      <c r="D94" s="18">
        <v>21</v>
      </c>
    </row>
    <row r="95" spans="1:4" ht="18" customHeight="1" x14ac:dyDescent="0.15">
      <c r="A95" s="5">
        <v>74</v>
      </c>
      <c r="B95" s="22">
        <v>10</v>
      </c>
      <c r="C95" s="14">
        <v>12</v>
      </c>
      <c r="D95" s="18">
        <v>22</v>
      </c>
    </row>
    <row r="96" spans="1:4" ht="18" customHeight="1" x14ac:dyDescent="0.15">
      <c r="A96" s="5" t="s">
        <v>33</v>
      </c>
      <c r="B96" s="22">
        <v>49</v>
      </c>
      <c r="C96" s="14">
        <v>60</v>
      </c>
      <c r="D96" s="18">
        <v>109</v>
      </c>
    </row>
    <row r="97" spans="1:4" ht="18" customHeight="1" x14ac:dyDescent="0.15">
      <c r="A97" s="5">
        <v>75</v>
      </c>
      <c r="B97" s="22">
        <v>13</v>
      </c>
      <c r="C97" s="14">
        <v>15</v>
      </c>
      <c r="D97" s="18">
        <v>28</v>
      </c>
    </row>
    <row r="98" spans="1:4" ht="18" customHeight="1" x14ac:dyDescent="0.15">
      <c r="A98" s="5">
        <v>76</v>
      </c>
      <c r="B98" s="22">
        <v>14</v>
      </c>
      <c r="C98" s="14">
        <v>16</v>
      </c>
      <c r="D98" s="18">
        <v>30</v>
      </c>
    </row>
    <row r="99" spans="1:4" ht="18" customHeight="1" x14ac:dyDescent="0.15">
      <c r="A99" s="5">
        <v>77</v>
      </c>
      <c r="B99" s="22">
        <v>18</v>
      </c>
      <c r="C99" s="14">
        <v>9</v>
      </c>
      <c r="D99" s="18">
        <v>27</v>
      </c>
    </row>
    <row r="100" spans="1:4" ht="18" customHeight="1" x14ac:dyDescent="0.15">
      <c r="A100" s="5">
        <v>78</v>
      </c>
      <c r="B100" s="22">
        <v>18</v>
      </c>
      <c r="C100" s="14">
        <v>15</v>
      </c>
      <c r="D100" s="18">
        <v>33</v>
      </c>
    </row>
    <row r="101" spans="1:4" ht="18" customHeight="1" x14ac:dyDescent="0.15">
      <c r="A101" s="5">
        <v>79</v>
      </c>
      <c r="B101" s="22">
        <v>10</v>
      </c>
      <c r="C101" s="14">
        <v>7</v>
      </c>
      <c r="D101" s="18">
        <v>17</v>
      </c>
    </row>
    <row r="102" spans="1:4" ht="18" customHeight="1" x14ac:dyDescent="0.15">
      <c r="A102" s="5" t="s">
        <v>0</v>
      </c>
      <c r="B102" s="22">
        <v>73</v>
      </c>
      <c r="C102" s="14">
        <v>62</v>
      </c>
      <c r="D102" s="18">
        <v>135</v>
      </c>
    </row>
    <row r="103" spans="1:4" ht="18" customHeight="1" x14ac:dyDescent="0.15">
      <c r="A103" s="5">
        <v>80</v>
      </c>
      <c r="B103" s="22">
        <v>5</v>
      </c>
      <c r="C103" s="14">
        <v>6</v>
      </c>
      <c r="D103" s="18">
        <v>11</v>
      </c>
    </row>
    <row r="104" spans="1:4" ht="18" customHeight="1" x14ac:dyDescent="0.15">
      <c r="A104" s="5">
        <v>81</v>
      </c>
      <c r="B104" s="22">
        <v>7</v>
      </c>
      <c r="C104" s="14">
        <v>4</v>
      </c>
      <c r="D104" s="18">
        <v>11</v>
      </c>
    </row>
    <row r="105" spans="1:4" ht="18" customHeight="1" x14ac:dyDescent="0.15">
      <c r="A105" s="5">
        <v>82</v>
      </c>
      <c r="B105" s="22">
        <v>3</v>
      </c>
      <c r="C105" s="14">
        <v>7</v>
      </c>
      <c r="D105" s="18">
        <v>10</v>
      </c>
    </row>
    <row r="106" spans="1:4" ht="18" customHeight="1" x14ac:dyDescent="0.15">
      <c r="A106" s="5">
        <v>83</v>
      </c>
      <c r="B106" s="22">
        <v>4</v>
      </c>
      <c r="C106" s="14">
        <v>12</v>
      </c>
      <c r="D106" s="18">
        <v>16</v>
      </c>
    </row>
    <row r="107" spans="1:4" ht="18" customHeight="1" x14ac:dyDescent="0.15">
      <c r="A107" s="5">
        <v>84</v>
      </c>
      <c r="B107" s="22">
        <v>6</v>
      </c>
      <c r="C107" s="14">
        <v>8</v>
      </c>
      <c r="D107" s="18">
        <v>14</v>
      </c>
    </row>
    <row r="108" spans="1:4" ht="18" customHeight="1" x14ac:dyDescent="0.15">
      <c r="A108" s="5" t="s">
        <v>35</v>
      </c>
      <c r="B108" s="22">
        <v>25</v>
      </c>
      <c r="C108" s="14">
        <v>37</v>
      </c>
      <c r="D108" s="18">
        <v>62</v>
      </c>
    </row>
    <row r="109" spans="1:4" ht="18" customHeight="1" x14ac:dyDescent="0.15">
      <c r="A109" s="5">
        <v>85</v>
      </c>
      <c r="B109" s="22">
        <v>3</v>
      </c>
      <c r="C109" s="14">
        <v>6</v>
      </c>
      <c r="D109" s="18">
        <v>9</v>
      </c>
    </row>
    <row r="110" spans="1:4" ht="18" customHeight="1" x14ac:dyDescent="0.15">
      <c r="A110" s="5">
        <v>86</v>
      </c>
      <c r="B110" s="22">
        <v>6</v>
      </c>
      <c r="C110" s="14">
        <v>6</v>
      </c>
      <c r="D110" s="18">
        <v>12</v>
      </c>
    </row>
    <row r="111" spans="1:4" ht="18" customHeight="1" x14ac:dyDescent="0.15">
      <c r="A111" s="5">
        <v>87</v>
      </c>
      <c r="B111" s="22">
        <v>4</v>
      </c>
      <c r="C111" s="14">
        <v>4</v>
      </c>
      <c r="D111" s="18">
        <v>8</v>
      </c>
    </row>
    <row r="112" spans="1:4" ht="18" customHeight="1" x14ac:dyDescent="0.15">
      <c r="A112" s="5">
        <v>88</v>
      </c>
      <c r="B112" s="22">
        <v>0</v>
      </c>
      <c r="C112" s="14">
        <v>11</v>
      </c>
      <c r="D112" s="18">
        <v>11</v>
      </c>
    </row>
    <row r="113" spans="1:4" ht="18" customHeight="1" x14ac:dyDescent="0.15">
      <c r="A113" s="5">
        <v>89</v>
      </c>
      <c r="B113" s="22">
        <v>4</v>
      </c>
      <c r="C113" s="14">
        <v>8</v>
      </c>
      <c r="D113" s="18">
        <v>12</v>
      </c>
    </row>
    <row r="114" spans="1:4" ht="18" customHeight="1" x14ac:dyDescent="0.15">
      <c r="A114" s="5" t="s">
        <v>37</v>
      </c>
      <c r="B114" s="22">
        <v>17</v>
      </c>
      <c r="C114" s="14">
        <v>35</v>
      </c>
      <c r="D114" s="18">
        <v>52</v>
      </c>
    </row>
    <row r="115" spans="1:4" ht="18" customHeight="1" x14ac:dyDescent="0.15">
      <c r="A115" s="5">
        <v>90</v>
      </c>
      <c r="B115" s="22">
        <v>7</v>
      </c>
      <c r="C115" s="14">
        <v>9</v>
      </c>
      <c r="D115" s="18">
        <v>16</v>
      </c>
    </row>
    <row r="116" spans="1:4" ht="18" customHeight="1" x14ac:dyDescent="0.15">
      <c r="A116" s="5">
        <v>91</v>
      </c>
      <c r="B116" s="22">
        <v>2</v>
      </c>
      <c r="C116" s="14">
        <v>7</v>
      </c>
      <c r="D116" s="18">
        <v>9</v>
      </c>
    </row>
    <row r="117" spans="1:4" ht="18" customHeight="1" x14ac:dyDescent="0.15">
      <c r="A117" s="5">
        <v>92</v>
      </c>
      <c r="B117" s="22">
        <v>1</v>
      </c>
      <c r="C117" s="14">
        <v>6</v>
      </c>
      <c r="D117" s="18">
        <v>7</v>
      </c>
    </row>
    <row r="118" spans="1:4" ht="18" customHeight="1" x14ac:dyDescent="0.15">
      <c r="A118" s="5">
        <v>93</v>
      </c>
      <c r="B118" s="22">
        <v>2</v>
      </c>
      <c r="C118" s="14">
        <v>8</v>
      </c>
      <c r="D118" s="18">
        <v>10</v>
      </c>
    </row>
    <row r="119" spans="1:4" ht="18" customHeight="1" x14ac:dyDescent="0.15">
      <c r="A119" s="5">
        <v>94</v>
      </c>
      <c r="B119" s="22">
        <v>2</v>
      </c>
      <c r="C119" s="14">
        <v>0</v>
      </c>
      <c r="D119" s="18">
        <v>2</v>
      </c>
    </row>
    <row r="120" spans="1:4" ht="18" customHeight="1" x14ac:dyDescent="0.15">
      <c r="A120" s="5" t="s">
        <v>39</v>
      </c>
      <c r="B120" s="22">
        <v>14</v>
      </c>
      <c r="C120" s="14">
        <v>30</v>
      </c>
      <c r="D120" s="18">
        <v>44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0</v>
      </c>
      <c r="C126" s="14">
        <v>10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221</v>
      </c>
      <c r="C130" s="14">
        <v>269</v>
      </c>
      <c r="D130" s="18">
        <v>490</v>
      </c>
    </row>
    <row r="131" spans="1:4" ht="18" customHeight="1" x14ac:dyDescent="0.15">
      <c r="A131" s="7" t="s">
        <v>45</v>
      </c>
      <c r="B131" s="23">
        <v>581</v>
      </c>
      <c r="C131" s="15">
        <v>606</v>
      </c>
      <c r="D131" s="19">
        <v>118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4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8</v>
      </c>
      <c r="C5" s="29">
        <v>15</v>
      </c>
      <c r="D5" s="31">
        <v>33</v>
      </c>
    </row>
    <row r="6" spans="1:4" ht="18" customHeight="1" x14ac:dyDescent="0.15">
      <c r="A6" s="5">
        <v>1</v>
      </c>
      <c r="B6" s="27">
        <v>16</v>
      </c>
      <c r="C6" s="14">
        <v>20</v>
      </c>
      <c r="D6" s="18">
        <v>36</v>
      </c>
    </row>
    <row r="7" spans="1:4" ht="18" customHeight="1" x14ac:dyDescent="0.15">
      <c r="A7" s="5">
        <v>2</v>
      </c>
      <c r="B7" s="27">
        <v>24</v>
      </c>
      <c r="C7" s="14">
        <v>21</v>
      </c>
      <c r="D7" s="18">
        <v>45</v>
      </c>
    </row>
    <row r="8" spans="1:4" ht="18" customHeight="1" x14ac:dyDescent="0.15">
      <c r="A8" s="5">
        <v>3</v>
      </c>
      <c r="B8" s="27">
        <v>13</v>
      </c>
      <c r="C8" s="14">
        <v>26</v>
      </c>
      <c r="D8" s="18">
        <v>39</v>
      </c>
    </row>
    <row r="9" spans="1:4" ht="18" customHeight="1" x14ac:dyDescent="0.15">
      <c r="A9" s="5">
        <v>4</v>
      </c>
      <c r="B9" s="28">
        <v>17</v>
      </c>
      <c r="C9" s="30">
        <v>24</v>
      </c>
      <c r="D9" s="32">
        <v>41</v>
      </c>
    </row>
    <row r="10" spans="1:4" ht="18" customHeight="1" x14ac:dyDescent="0.15">
      <c r="A10" s="5" t="s">
        <v>7</v>
      </c>
      <c r="B10" s="22">
        <v>88</v>
      </c>
      <c r="C10" s="14">
        <v>106</v>
      </c>
      <c r="D10" s="18">
        <v>194</v>
      </c>
    </row>
    <row r="11" spans="1:4" ht="18" customHeight="1" x14ac:dyDescent="0.15">
      <c r="A11" s="5">
        <v>5</v>
      </c>
      <c r="B11" s="27">
        <v>22</v>
      </c>
      <c r="C11" s="14">
        <v>21</v>
      </c>
      <c r="D11" s="18">
        <v>43</v>
      </c>
    </row>
    <row r="12" spans="1:4" ht="18" customHeight="1" x14ac:dyDescent="0.15">
      <c r="A12" s="5">
        <v>6</v>
      </c>
      <c r="B12" s="27">
        <v>21</v>
      </c>
      <c r="C12" s="14">
        <v>26</v>
      </c>
      <c r="D12" s="18">
        <v>47</v>
      </c>
    </row>
    <row r="13" spans="1:4" ht="18" customHeight="1" x14ac:dyDescent="0.15">
      <c r="A13" s="5">
        <v>7</v>
      </c>
      <c r="B13" s="27">
        <v>22</v>
      </c>
      <c r="C13" s="14">
        <v>19</v>
      </c>
      <c r="D13" s="18">
        <v>41</v>
      </c>
    </row>
    <row r="14" spans="1:4" ht="18" customHeight="1" x14ac:dyDescent="0.15">
      <c r="A14" s="5">
        <v>8</v>
      </c>
      <c r="B14" s="27">
        <v>19</v>
      </c>
      <c r="C14" s="14">
        <v>20</v>
      </c>
      <c r="D14" s="18">
        <v>39</v>
      </c>
    </row>
    <row r="15" spans="1:4" ht="18" customHeight="1" x14ac:dyDescent="0.15">
      <c r="A15" s="5">
        <v>9</v>
      </c>
      <c r="B15" s="27">
        <v>29</v>
      </c>
      <c r="C15" s="14">
        <v>17</v>
      </c>
      <c r="D15" s="18">
        <v>46</v>
      </c>
    </row>
    <row r="16" spans="1:4" ht="18" customHeight="1" x14ac:dyDescent="0.15">
      <c r="A16" s="5" t="s">
        <v>11</v>
      </c>
      <c r="B16" s="22">
        <v>113</v>
      </c>
      <c r="C16" s="14">
        <v>103</v>
      </c>
      <c r="D16" s="18">
        <v>216</v>
      </c>
    </row>
    <row r="17" spans="1:4" ht="18" customHeight="1" x14ac:dyDescent="0.15">
      <c r="A17" s="5">
        <v>10</v>
      </c>
      <c r="B17" s="22">
        <v>24</v>
      </c>
      <c r="C17" s="14">
        <v>11</v>
      </c>
      <c r="D17" s="18">
        <v>35</v>
      </c>
    </row>
    <row r="18" spans="1:4" ht="18" customHeight="1" x14ac:dyDescent="0.15">
      <c r="A18" s="5">
        <v>11</v>
      </c>
      <c r="B18" s="22">
        <v>18</v>
      </c>
      <c r="C18" s="14">
        <v>17</v>
      </c>
      <c r="D18" s="18">
        <v>35</v>
      </c>
    </row>
    <row r="19" spans="1:4" ht="18" customHeight="1" x14ac:dyDescent="0.15">
      <c r="A19" s="5">
        <v>12</v>
      </c>
      <c r="B19" s="22">
        <v>24</v>
      </c>
      <c r="C19" s="14">
        <v>12</v>
      </c>
      <c r="D19" s="18">
        <v>36</v>
      </c>
    </row>
    <row r="20" spans="1:4" ht="18" customHeight="1" x14ac:dyDescent="0.15">
      <c r="A20" s="5">
        <v>13</v>
      </c>
      <c r="B20" s="22">
        <v>23</v>
      </c>
      <c r="C20" s="14">
        <v>19</v>
      </c>
      <c r="D20" s="18">
        <v>42</v>
      </c>
    </row>
    <row r="21" spans="1:4" ht="18" customHeight="1" x14ac:dyDescent="0.15">
      <c r="A21" s="5">
        <v>14</v>
      </c>
      <c r="B21" s="22">
        <v>19</v>
      </c>
      <c r="C21" s="14">
        <v>28</v>
      </c>
      <c r="D21" s="18">
        <v>47</v>
      </c>
    </row>
    <row r="22" spans="1:4" ht="18" customHeight="1" x14ac:dyDescent="0.15">
      <c r="A22" s="5" t="s">
        <v>12</v>
      </c>
      <c r="B22" s="22">
        <v>108</v>
      </c>
      <c r="C22" s="14">
        <v>87</v>
      </c>
      <c r="D22" s="18">
        <v>195</v>
      </c>
    </row>
    <row r="23" spans="1:4" ht="18" customHeight="1" x14ac:dyDescent="0.15">
      <c r="A23" s="5" t="s">
        <v>6</v>
      </c>
      <c r="B23" s="22">
        <v>309</v>
      </c>
      <c r="C23" s="14">
        <v>296</v>
      </c>
      <c r="D23" s="18">
        <v>605</v>
      </c>
    </row>
    <row r="24" spans="1:4" ht="18" customHeight="1" x14ac:dyDescent="0.15">
      <c r="A24" s="5">
        <v>15</v>
      </c>
      <c r="B24" s="22">
        <v>19</v>
      </c>
      <c r="C24" s="14">
        <v>25</v>
      </c>
      <c r="D24" s="18">
        <v>44</v>
      </c>
    </row>
    <row r="25" spans="1:4" ht="18" customHeight="1" x14ac:dyDescent="0.15">
      <c r="A25" s="5">
        <v>16</v>
      </c>
      <c r="B25" s="22">
        <v>25</v>
      </c>
      <c r="C25" s="14">
        <v>13</v>
      </c>
      <c r="D25" s="18">
        <v>38</v>
      </c>
    </row>
    <row r="26" spans="1:4" ht="18" customHeight="1" x14ac:dyDescent="0.15">
      <c r="A26" s="5">
        <v>17</v>
      </c>
      <c r="B26" s="22">
        <v>33</v>
      </c>
      <c r="C26" s="14">
        <v>16</v>
      </c>
      <c r="D26" s="18">
        <v>49</v>
      </c>
    </row>
    <row r="27" spans="1:4" ht="18" customHeight="1" x14ac:dyDescent="0.15">
      <c r="A27" s="5">
        <v>18</v>
      </c>
      <c r="B27" s="22">
        <v>12</v>
      </c>
      <c r="C27" s="14">
        <v>18</v>
      </c>
      <c r="D27" s="18">
        <v>30</v>
      </c>
    </row>
    <row r="28" spans="1:4" ht="18" customHeight="1" x14ac:dyDescent="0.15">
      <c r="A28" s="5">
        <v>19</v>
      </c>
      <c r="B28" s="22">
        <v>22</v>
      </c>
      <c r="C28" s="14">
        <v>21</v>
      </c>
      <c r="D28" s="18">
        <v>43</v>
      </c>
    </row>
    <row r="29" spans="1:4" ht="18" customHeight="1" x14ac:dyDescent="0.15">
      <c r="A29" s="5" t="s">
        <v>14</v>
      </c>
      <c r="B29" s="22">
        <v>111</v>
      </c>
      <c r="C29" s="14">
        <v>93</v>
      </c>
      <c r="D29" s="18">
        <v>204</v>
      </c>
    </row>
    <row r="30" spans="1:4" ht="18" customHeight="1" x14ac:dyDescent="0.15">
      <c r="A30" s="5">
        <v>20</v>
      </c>
      <c r="B30" s="22">
        <v>20</v>
      </c>
      <c r="C30" s="14">
        <v>18</v>
      </c>
      <c r="D30" s="18">
        <v>38</v>
      </c>
    </row>
    <row r="31" spans="1:4" ht="18" customHeight="1" x14ac:dyDescent="0.15">
      <c r="A31" s="5">
        <v>21</v>
      </c>
      <c r="B31" s="22">
        <v>21</v>
      </c>
      <c r="C31" s="14">
        <v>20</v>
      </c>
      <c r="D31" s="18">
        <v>41</v>
      </c>
    </row>
    <row r="32" spans="1:4" ht="18" customHeight="1" x14ac:dyDescent="0.15">
      <c r="A32" s="5">
        <v>22</v>
      </c>
      <c r="B32" s="22">
        <v>24</v>
      </c>
      <c r="C32" s="14">
        <v>25</v>
      </c>
      <c r="D32" s="18">
        <v>49</v>
      </c>
    </row>
    <row r="33" spans="1:4" ht="18" customHeight="1" x14ac:dyDescent="0.15">
      <c r="A33" s="5">
        <v>23</v>
      </c>
      <c r="B33" s="22">
        <v>21</v>
      </c>
      <c r="C33" s="14">
        <v>26</v>
      </c>
      <c r="D33" s="18">
        <v>47</v>
      </c>
    </row>
    <row r="34" spans="1:4" ht="18" customHeight="1" x14ac:dyDescent="0.15">
      <c r="A34" s="5">
        <v>24</v>
      </c>
      <c r="B34" s="22">
        <v>23</v>
      </c>
      <c r="C34" s="14">
        <v>22</v>
      </c>
      <c r="D34" s="18">
        <v>45</v>
      </c>
    </row>
    <row r="35" spans="1:4" ht="18" customHeight="1" x14ac:dyDescent="0.15">
      <c r="A35" s="5" t="s">
        <v>9</v>
      </c>
      <c r="B35" s="22">
        <v>109</v>
      </c>
      <c r="C35" s="14">
        <v>111</v>
      </c>
      <c r="D35" s="18">
        <v>220</v>
      </c>
    </row>
    <row r="36" spans="1:4" ht="18" customHeight="1" x14ac:dyDescent="0.15">
      <c r="A36" s="5">
        <v>25</v>
      </c>
      <c r="B36" s="22">
        <v>33</v>
      </c>
      <c r="C36" s="14">
        <v>19</v>
      </c>
      <c r="D36" s="18">
        <v>52</v>
      </c>
    </row>
    <row r="37" spans="1:4" ht="18" customHeight="1" x14ac:dyDescent="0.15">
      <c r="A37" s="5">
        <v>26</v>
      </c>
      <c r="B37" s="22">
        <v>22</v>
      </c>
      <c r="C37" s="14">
        <v>30</v>
      </c>
      <c r="D37" s="18">
        <v>52</v>
      </c>
    </row>
    <row r="38" spans="1:4" ht="18" customHeight="1" x14ac:dyDescent="0.15">
      <c r="A38" s="5">
        <v>27</v>
      </c>
      <c r="B38" s="22">
        <v>15</v>
      </c>
      <c r="C38" s="14">
        <v>20</v>
      </c>
      <c r="D38" s="18">
        <v>35</v>
      </c>
    </row>
    <row r="39" spans="1:4" ht="18" customHeight="1" x14ac:dyDescent="0.15">
      <c r="A39" s="5">
        <v>28</v>
      </c>
      <c r="B39" s="22">
        <v>20</v>
      </c>
      <c r="C39" s="14">
        <v>20</v>
      </c>
      <c r="D39" s="18">
        <v>40</v>
      </c>
    </row>
    <row r="40" spans="1:4" ht="18" customHeight="1" x14ac:dyDescent="0.15">
      <c r="A40" s="5">
        <v>29</v>
      </c>
      <c r="B40" s="22">
        <v>29</v>
      </c>
      <c r="C40" s="14">
        <v>21</v>
      </c>
      <c r="D40" s="18">
        <v>50</v>
      </c>
    </row>
    <row r="41" spans="1:4" ht="18" customHeight="1" x14ac:dyDescent="0.15">
      <c r="A41" s="5" t="s">
        <v>2</v>
      </c>
      <c r="B41" s="22">
        <v>119</v>
      </c>
      <c r="C41" s="14">
        <v>110</v>
      </c>
      <c r="D41" s="18">
        <v>229</v>
      </c>
    </row>
    <row r="42" spans="1:4" ht="18" customHeight="1" x14ac:dyDescent="0.15">
      <c r="A42" s="5">
        <v>30</v>
      </c>
      <c r="B42" s="22">
        <v>19</v>
      </c>
      <c r="C42" s="14">
        <v>24</v>
      </c>
      <c r="D42" s="18">
        <v>43</v>
      </c>
    </row>
    <row r="43" spans="1:4" ht="18" customHeight="1" x14ac:dyDescent="0.15">
      <c r="A43" s="5">
        <v>31</v>
      </c>
      <c r="B43" s="22">
        <v>23</v>
      </c>
      <c r="C43" s="14">
        <v>22</v>
      </c>
      <c r="D43" s="18">
        <v>45</v>
      </c>
    </row>
    <row r="44" spans="1:4" ht="18" customHeight="1" x14ac:dyDescent="0.15">
      <c r="A44" s="5">
        <v>32</v>
      </c>
      <c r="B44" s="22">
        <v>29</v>
      </c>
      <c r="C44" s="14">
        <v>16</v>
      </c>
      <c r="D44" s="18">
        <v>45</v>
      </c>
    </row>
    <row r="45" spans="1:4" ht="18" customHeight="1" x14ac:dyDescent="0.15">
      <c r="A45" s="5">
        <v>33</v>
      </c>
      <c r="B45" s="22">
        <v>28</v>
      </c>
      <c r="C45" s="14">
        <v>19</v>
      </c>
      <c r="D45" s="18">
        <v>47</v>
      </c>
    </row>
    <row r="46" spans="1:4" ht="18" customHeight="1" x14ac:dyDescent="0.15">
      <c r="A46" s="5">
        <v>34</v>
      </c>
      <c r="B46" s="22">
        <v>29</v>
      </c>
      <c r="C46" s="14">
        <v>26</v>
      </c>
      <c r="D46" s="18">
        <v>55</v>
      </c>
    </row>
    <row r="47" spans="1:4" ht="18" customHeight="1" x14ac:dyDescent="0.15">
      <c r="A47" s="5" t="s">
        <v>15</v>
      </c>
      <c r="B47" s="22">
        <v>128</v>
      </c>
      <c r="C47" s="14">
        <v>107</v>
      </c>
      <c r="D47" s="18">
        <v>235</v>
      </c>
    </row>
    <row r="48" spans="1:4" ht="18" customHeight="1" x14ac:dyDescent="0.15">
      <c r="A48" s="5">
        <v>35</v>
      </c>
      <c r="B48" s="22">
        <v>25</v>
      </c>
      <c r="C48" s="14">
        <v>27</v>
      </c>
      <c r="D48" s="18">
        <v>52</v>
      </c>
    </row>
    <row r="49" spans="1:4" ht="18" customHeight="1" x14ac:dyDescent="0.15">
      <c r="A49" s="5">
        <v>36</v>
      </c>
      <c r="B49" s="22">
        <v>27</v>
      </c>
      <c r="C49" s="14">
        <v>28</v>
      </c>
      <c r="D49" s="18">
        <v>55</v>
      </c>
    </row>
    <row r="50" spans="1:4" ht="18" customHeight="1" x14ac:dyDescent="0.15">
      <c r="A50" s="5">
        <v>37</v>
      </c>
      <c r="B50" s="22">
        <v>29</v>
      </c>
      <c r="C50" s="14">
        <v>39</v>
      </c>
      <c r="D50" s="18">
        <v>68</v>
      </c>
    </row>
    <row r="51" spans="1:4" ht="18" customHeight="1" x14ac:dyDescent="0.15">
      <c r="A51" s="5">
        <v>38</v>
      </c>
      <c r="B51" s="22">
        <v>17</v>
      </c>
      <c r="C51" s="14">
        <v>19</v>
      </c>
      <c r="D51" s="18">
        <v>36</v>
      </c>
    </row>
    <row r="52" spans="1:4" ht="18" customHeight="1" x14ac:dyDescent="0.15">
      <c r="A52" s="5">
        <v>39</v>
      </c>
      <c r="B52" s="22">
        <v>20</v>
      </c>
      <c r="C52" s="14">
        <v>25</v>
      </c>
      <c r="D52" s="18">
        <v>45</v>
      </c>
    </row>
    <row r="53" spans="1:4" ht="18" customHeight="1" x14ac:dyDescent="0.15">
      <c r="A53" s="5" t="s">
        <v>18</v>
      </c>
      <c r="B53" s="22">
        <v>118</v>
      </c>
      <c r="C53" s="14">
        <v>138</v>
      </c>
      <c r="D53" s="18">
        <v>256</v>
      </c>
    </row>
    <row r="54" spans="1:4" ht="18" customHeight="1" x14ac:dyDescent="0.15">
      <c r="A54" s="5">
        <v>40</v>
      </c>
      <c r="B54" s="22">
        <v>27</v>
      </c>
      <c r="C54" s="14">
        <v>29</v>
      </c>
      <c r="D54" s="18">
        <v>56</v>
      </c>
    </row>
    <row r="55" spans="1:4" ht="18" customHeight="1" x14ac:dyDescent="0.15">
      <c r="A55" s="5">
        <v>41</v>
      </c>
      <c r="B55" s="22">
        <v>32</v>
      </c>
      <c r="C55" s="14">
        <v>30</v>
      </c>
      <c r="D55" s="18">
        <v>62</v>
      </c>
    </row>
    <row r="56" spans="1:4" ht="18" customHeight="1" x14ac:dyDescent="0.15">
      <c r="A56" s="5">
        <v>42</v>
      </c>
      <c r="B56" s="22">
        <v>29</v>
      </c>
      <c r="C56" s="14">
        <v>26</v>
      </c>
      <c r="D56" s="18">
        <v>55</v>
      </c>
    </row>
    <row r="57" spans="1:4" ht="18" customHeight="1" x14ac:dyDescent="0.15">
      <c r="A57" s="5">
        <v>43</v>
      </c>
      <c r="B57" s="22">
        <v>37</v>
      </c>
      <c r="C57" s="14">
        <v>26</v>
      </c>
      <c r="D57" s="18">
        <v>63</v>
      </c>
    </row>
    <row r="58" spans="1:4" ht="18" customHeight="1" x14ac:dyDescent="0.15">
      <c r="A58" s="5">
        <v>44</v>
      </c>
      <c r="B58" s="22">
        <v>31</v>
      </c>
      <c r="C58" s="14">
        <v>27</v>
      </c>
      <c r="D58" s="18">
        <v>58</v>
      </c>
    </row>
    <row r="59" spans="1:4" ht="18" customHeight="1" x14ac:dyDescent="0.15">
      <c r="A59" s="5" t="s">
        <v>21</v>
      </c>
      <c r="B59" s="22">
        <v>156</v>
      </c>
      <c r="C59" s="14">
        <v>138</v>
      </c>
      <c r="D59" s="18">
        <v>294</v>
      </c>
    </row>
    <row r="60" spans="1:4" ht="18" customHeight="1" x14ac:dyDescent="0.15">
      <c r="A60" s="5">
        <v>45</v>
      </c>
      <c r="B60" s="22">
        <v>26</v>
      </c>
      <c r="C60" s="14">
        <v>29</v>
      </c>
      <c r="D60" s="18">
        <v>55</v>
      </c>
    </row>
    <row r="61" spans="1:4" ht="18" customHeight="1" x14ac:dyDescent="0.15">
      <c r="A61" s="5">
        <v>46</v>
      </c>
      <c r="B61" s="22">
        <v>28</v>
      </c>
      <c r="C61" s="14">
        <v>14</v>
      </c>
      <c r="D61" s="18">
        <v>42</v>
      </c>
    </row>
    <row r="62" spans="1:4" ht="18" customHeight="1" x14ac:dyDescent="0.15">
      <c r="A62" s="5">
        <v>47</v>
      </c>
      <c r="B62" s="22">
        <v>33</v>
      </c>
      <c r="C62" s="14">
        <v>33</v>
      </c>
      <c r="D62" s="18">
        <v>66</v>
      </c>
    </row>
    <row r="63" spans="1:4" ht="18" customHeight="1" x14ac:dyDescent="0.15">
      <c r="A63" s="5">
        <v>48</v>
      </c>
      <c r="B63" s="22">
        <v>37</v>
      </c>
      <c r="C63" s="14">
        <v>50</v>
      </c>
      <c r="D63" s="18">
        <v>87</v>
      </c>
    </row>
    <row r="64" spans="1:4" ht="18" customHeight="1" x14ac:dyDescent="0.15">
      <c r="A64" s="5">
        <v>49</v>
      </c>
      <c r="B64" s="22">
        <v>37</v>
      </c>
      <c r="C64" s="14">
        <v>22</v>
      </c>
      <c r="D64" s="18">
        <v>59</v>
      </c>
    </row>
    <row r="65" spans="1:4" ht="18" customHeight="1" x14ac:dyDescent="0.15">
      <c r="A65" s="5" t="s">
        <v>17</v>
      </c>
      <c r="B65" s="22">
        <v>161</v>
      </c>
      <c r="C65" s="14">
        <v>148</v>
      </c>
      <c r="D65" s="18">
        <v>309</v>
      </c>
    </row>
    <row r="66" spans="1:4" ht="18" customHeight="1" x14ac:dyDescent="0.15">
      <c r="A66" s="5">
        <v>50</v>
      </c>
      <c r="B66" s="22">
        <v>41</v>
      </c>
      <c r="C66" s="14">
        <v>37</v>
      </c>
      <c r="D66" s="18">
        <v>78</v>
      </c>
    </row>
    <row r="67" spans="1:4" ht="18" customHeight="1" x14ac:dyDescent="0.15">
      <c r="A67" s="5">
        <v>51</v>
      </c>
      <c r="B67" s="22">
        <v>26</v>
      </c>
      <c r="C67" s="14">
        <v>32</v>
      </c>
      <c r="D67" s="18">
        <v>58</v>
      </c>
    </row>
    <row r="68" spans="1:4" ht="18" customHeight="1" x14ac:dyDescent="0.15">
      <c r="A68" s="5">
        <v>52</v>
      </c>
      <c r="B68" s="22">
        <v>44</v>
      </c>
      <c r="C68" s="14">
        <v>39</v>
      </c>
      <c r="D68" s="18">
        <v>83</v>
      </c>
    </row>
    <row r="69" spans="1:4" ht="18" customHeight="1" x14ac:dyDescent="0.15">
      <c r="A69" s="5">
        <v>53</v>
      </c>
      <c r="B69" s="22">
        <v>35</v>
      </c>
      <c r="C69" s="14">
        <v>31</v>
      </c>
      <c r="D69" s="18">
        <v>66</v>
      </c>
    </row>
    <row r="70" spans="1:4" ht="18" customHeight="1" x14ac:dyDescent="0.15">
      <c r="A70" s="5">
        <v>54</v>
      </c>
      <c r="B70" s="22">
        <v>41</v>
      </c>
      <c r="C70" s="14">
        <v>39</v>
      </c>
      <c r="D70" s="18">
        <v>80</v>
      </c>
    </row>
    <row r="71" spans="1:4" ht="18" customHeight="1" x14ac:dyDescent="0.15">
      <c r="A71" s="5" t="s">
        <v>22</v>
      </c>
      <c r="B71" s="22">
        <v>187</v>
      </c>
      <c r="C71" s="14">
        <v>178</v>
      </c>
      <c r="D71" s="18">
        <v>365</v>
      </c>
    </row>
    <row r="72" spans="1:4" ht="18" customHeight="1" x14ac:dyDescent="0.15">
      <c r="A72" s="5">
        <v>55</v>
      </c>
      <c r="B72" s="22">
        <v>26</v>
      </c>
      <c r="C72" s="14">
        <v>26</v>
      </c>
      <c r="D72" s="18">
        <v>52</v>
      </c>
    </row>
    <row r="73" spans="1:4" ht="18" customHeight="1" x14ac:dyDescent="0.15">
      <c r="A73" s="5">
        <v>56</v>
      </c>
      <c r="B73" s="22">
        <v>42</v>
      </c>
      <c r="C73" s="14">
        <v>46</v>
      </c>
      <c r="D73" s="18">
        <v>88</v>
      </c>
    </row>
    <row r="74" spans="1:4" ht="18" customHeight="1" x14ac:dyDescent="0.15">
      <c r="A74" s="5">
        <v>57</v>
      </c>
      <c r="B74" s="22">
        <v>36</v>
      </c>
      <c r="C74" s="14">
        <v>38</v>
      </c>
      <c r="D74" s="18">
        <v>74</v>
      </c>
    </row>
    <row r="75" spans="1:4" ht="18" customHeight="1" x14ac:dyDescent="0.15">
      <c r="A75" s="5">
        <v>58</v>
      </c>
      <c r="B75" s="22">
        <v>51</v>
      </c>
      <c r="C75" s="14">
        <v>44</v>
      </c>
      <c r="D75" s="18">
        <v>95</v>
      </c>
    </row>
    <row r="76" spans="1:4" ht="18" customHeight="1" x14ac:dyDescent="0.15">
      <c r="A76" s="5">
        <v>59</v>
      </c>
      <c r="B76" s="22">
        <v>29</v>
      </c>
      <c r="C76" s="14">
        <v>44</v>
      </c>
      <c r="D76" s="18">
        <v>73</v>
      </c>
    </row>
    <row r="77" spans="1:4" ht="18" customHeight="1" x14ac:dyDescent="0.15">
      <c r="A77" s="5" t="s">
        <v>27</v>
      </c>
      <c r="B77" s="22">
        <v>184</v>
      </c>
      <c r="C77" s="14">
        <v>198</v>
      </c>
      <c r="D77" s="18">
        <v>382</v>
      </c>
    </row>
    <row r="78" spans="1:4" ht="18" customHeight="1" x14ac:dyDescent="0.15">
      <c r="A78" s="5">
        <v>60</v>
      </c>
      <c r="B78" s="22">
        <v>31</v>
      </c>
      <c r="C78" s="14">
        <v>39</v>
      </c>
      <c r="D78" s="18">
        <v>70</v>
      </c>
    </row>
    <row r="79" spans="1:4" ht="18" customHeight="1" x14ac:dyDescent="0.15">
      <c r="A79" s="5">
        <v>61</v>
      </c>
      <c r="B79" s="22">
        <v>40</v>
      </c>
      <c r="C79" s="14">
        <v>31</v>
      </c>
      <c r="D79" s="18">
        <v>71</v>
      </c>
    </row>
    <row r="80" spans="1:4" ht="18" customHeight="1" x14ac:dyDescent="0.15">
      <c r="A80" s="5">
        <v>62</v>
      </c>
      <c r="B80" s="22">
        <v>32</v>
      </c>
      <c r="C80" s="14">
        <v>30</v>
      </c>
      <c r="D80" s="18">
        <v>62</v>
      </c>
    </row>
    <row r="81" spans="1:4" ht="18" customHeight="1" x14ac:dyDescent="0.15">
      <c r="A81" s="5">
        <v>63</v>
      </c>
      <c r="B81" s="22">
        <v>32</v>
      </c>
      <c r="C81" s="14">
        <v>30</v>
      </c>
      <c r="D81" s="18">
        <v>62</v>
      </c>
    </row>
    <row r="82" spans="1:4" ht="18" customHeight="1" x14ac:dyDescent="0.15">
      <c r="A82" s="5">
        <v>64</v>
      </c>
      <c r="B82" s="22">
        <v>30</v>
      </c>
      <c r="C82" s="14">
        <v>26</v>
      </c>
      <c r="D82" s="18">
        <v>56</v>
      </c>
    </row>
    <row r="83" spans="1:4" ht="18" customHeight="1" x14ac:dyDescent="0.15">
      <c r="A83" s="5" t="s">
        <v>28</v>
      </c>
      <c r="B83" s="22">
        <v>165</v>
      </c>
      <c r="C83" s="14">
        <v>156</v>
      </c>
      <c r="D83" s="18">
        <v>321</v>
      </c>
    </row>
    <row r="84" spans="1:4" ht="18" customHeight="1" x14ac:dyDescent="0.15">
      <c r="A84" s="5" t="s">
        <v>31</v>
      </c>
      <c r="B84" s="22">
        <v>1438</v>
      </c>
      <c r="C84" s="14">
        <v>1377</v>
      </c>
      <c r="D84" s="18">
        <v>2815</v>
      </c>
    </row>
    <row r="85" spans="1:4" ht="18" customHeight="1" x14ac:dyDescent="0.15">
      <c r="A85" s="5">
        <v>65</v>
      </c>
      <c r="B85" s="22">
        <v>31</v>
      </c>
      <c r="C85" s="14">
        <v>31</v>
      </c>
      <c r="D85" s="18">
        <v>62</v>
      </c>
    </row>
    <row r="86" spans="1:4" ht="18" customHeight="1" x14ac:dyDescent="0.15">
      <c r="A86" s="5">
        <v>66</v>
      </c>
      <c r="B86" s="22">
        <v>34</v>
      </c>
      <c r="C86" s="14">
        <v>29</v>
      </c>
      <c r="D86" s="18">
        <v>63</v>
      </c>
    </row>
    <row r="87" spans="1:4" ht="18" customHeight="1" x14ac:dyDescent="0.15">
      <c r="A87" s="5">
        <v>67</v>
      </c>
      <c r="B87" s="22">
        <v>26</v>
      </c>
      <c r="C87" s="14">
        <v>30</v>
      </c>
      <c r="D87" s="18">
        <v>56</v>
      </c>
    </row>
    <row r="88" spans="1:4" ht="18" customHeight="1" x14ac:dyDescent="0.15">
      <c r="A88" s="5">
        <v>68</v>
      </c>
      <c r="B88" s="22">
        <v>30</v>
      </c>
      <c r="C88" s="14">
        <v>35</v>
      </c>
      <c r="D88" s="18">
        <v>65</v>
      </c>
    </row>
    <row r="89" spans="1:4" ht="18" customHeight="1" x14ac:dyDescent="0.15">
      <c r="A89" s="5">
        <v>69</v>
      </c>
      <c r="B89" s="22">
        <v>20</v>
      </c>
      <c r="C89" s="14">
        <v>39</v>
      </c>
      <c r="D89" s="18">
        <v>59</v>
      </c>
    </row>
    <row r="90" spans="1:4" ht="18" customHeight="1" x14ac:dyDescent="0.15">
      <c r="A90" s="5" t="s">
        <v>20</v>
      </c>
      <c r="B90" s="22">
        <v>141</v>
      </c>
      <c r="C90" s="14">
        <v>164</v>
      </c>
      <c r="D90" s="18">
        <v>305</v>
      </c>
    </row>
    <row r="91" spans="1:4" ht="18" customHeight="1" x14ac:dyDescent="0.15">
      <c r="A91" s="5">
        <v>70</v>
      </c>
      <c r="B91" s="22">
        <v>30</v>
      </c>
      <c r="C91" s="14">
        <v>29</v>
      </c>
      <c r="D91" s="18">
        <v>59</v>
      </c>
    </row>
    <row r="92" spans="1:4" ht="18" customHeight="1" x14ac:dyDescent="0.15">
      <c r="A92" s="5">
        <v>71</v>
      </c>
      <c r="B92" s="22">
        <v>33</v>
      </c>
      <c r="C92" s="14">
        <v>40</v>
      </c>
      <c r="D92" s="18">
        <v>73</v>
      </c>
    </row>
    <row r="93" spans="1:4" ht="18" customHeight="1" x14ac:dyDescent="0.15">
      <c r="A93" s="5">
        <v>72</v>
      </c>
      <c r="B93" s="22">
        <v>31</v>
      </c>
      <c r="C93" s="14">
        <v>35</v>
      </c>
      <c r="D93" s="18">
        <v>66</v>
      </c>
    </row>
    <row r="94" spans="1:4" ht="18" customHeight="1" x14ac:dyDescent="0.15">
      <c r="A94" s="5">
        <v>73</v>
      </c>
      <c r="B94" s="22">
        <v>33</v>
      </c>
      <c r="C94" s="14">
        <v>32</v>
      </c>
      <c r="D94" s="18">
        <v>65</v>
      </c>
    </row>
    <row r="95" spans="1:4" ht="18" customHeight="1" x14ac:dyDescent="0.15">
      <c r="A95" s="5">
        <v>74</v>
      </c>
      <c r="B95" s="22">
        <v>25</v>
      </c>
      <c r="C95" s="14">
        <v>39</v>
      </c>
      <c r="D95" s="18">
        <v>64</v>
      </c>
    </row>
    <row r="96" spans="1:4" ht="18" customHeight="1" x14ac:dyDescent="0.15">
      <c r="A96" s="5" t="s">
        <v>33</v>
      </c>
      <c r="B96" s="22">
        <v>152</v>
      </c>
      <c r="C96" s="14">
        <v>175</v>
      </c>
      <c r="D96" s="18">
        <v>327</v>
      </c>
    </row>
    <row r="97" spans="1:4" ht="18" customHeight="1" x14ac:dyDescent="0.15">
      <c r="A97" s="5">
        <v>75</v>
      </c>
      <c r="B97" s="22">
        <v>29</v>
      </c>
      <c r="C97" s="14">
        <v>36</v>
      </c>
      <c r="D97" s="18">
        <v>65</v>
      </c>
    </row>
    <row r="98" spans="1:4" ht="18" customHeight="1" x14ac:dyDescent="0.15">
      <c r="A98" s="5">
        <v>76</v>
      </c>
      <c r="B98" s="22">
        <v>36</v>
      </c>
      <c r="C98" s="14">
        <v>40</v>
      </c>
      <c r="D98" s="18">
        <v>76</v>
      </c>
    </row>
    <row r="99" spans="1:4" ht="18" customHeight="1" x14ac:dyDescent="0.15">
      <c r="A99" s="5">
        <v>77</v>
      </c>
      <c r="B99" s="22">
        <v>35</v>
      </c>
      <c r="C99" s="14">
        <v>34</v>
      </c>
      <c r="D99" s="18">
        <v>69</v>
      </c>
    </row>
    <row r="100" spans="1:4" ht="18" customHeight="1" x14ac:dyDescent="0.15">
      <c r="A100" s="5">
        <v>78</v>
      </c>
      <c r="B100" s="22">
        <v>40</v>
      </c>
      <c r="C100" s="14">
        <v>41</v>
      </c>
      <c r="D100" s="18">
        <v>81</v>
      </c>
    </row>
    <row r="101" spans="1:4" ht="18" customHeight="1" x14ac:dyDescent="0.15">
      <c r="A101" s="5">
        <v>79</v>
      </c>
      <c r="B101" s="22">
        <v>17</v>
      </c>
      <c r="C101" s="14">
        <v>25</v>
      </c>
      <c r="D101" s="18">
        <v>42</v>
      </c>
    </row>
    <row r="102" spans="1:4" ht="18" customHeight="1" x14ac:dyDescent="0.15">
      <c r="A102" s="5" t="s">
        <v>0</v>
      </c>
      <c r="B102" s="22">
        <v>157</v>
      </c>
      <c r="C102" s="14">
        <v>176</v>
      </c>
      <c r="D102" s="18">
        <v>333</v>
      </c>
    </row>
    <row r="103" spans="1:4" ht="18" customHeight="1" x14ac:dyDescent="0.15">
      <c r="A103" s="5">
        <v>80</v>
      </c>
      <c r="B103" s="22">
        <v>17</v>
      </c>
      <c r="C103" s="14">
        <v>14</v>
      </c>
      <c r="D103" s="18">
        <v>31</v>
      </c>
    </row>
    <row r="104" spans="1:4" ht="18" customHeight="1" x14ac:dyDescent="0.15">
      <c r="A104" s="5">
        <v>81</v>
      </c>
      <c r="B104" s="22">
        <v>17</v>
      </c>
      <c r="C104" s="14">
        <v>31</v>
      </c>
      <c r="D104" s="18">
        <v>48</v>
      </c>
    </row>
    <row r="105" spans="1:4" ht="18" customHeight="1" x14ac:dyDescent="0.15">
      <c r="A105" s="5">
        <v>82</v>
      </c>
      <c r="B105" s="22">
        <v>18</v>
      </c>
      <c r="C105" s="14">
        <v>28</v>
      </c>
      <c r="D105" s="18">
        <v>46</v>
      </c>
    </row>
    <row r="106" spans="1:4" ht="18" customHeight="1" x14ac:dyDescent="0.15">
      <c r="A106" s="5">
        <v>83</v>
      </c>
      <c r="B106" s="22">
        <v>14</v>
      </c>
      <c r="C106" s="14">
        <v>27</v>
      </c>
      <c r="D106" s="18">
        <v>41</v>
      </c>
    </row>
    <row r="107" spans="1:4" ht="18" customHeight="1" x14ac:dyDescent="0.15">
      <c r="A107" s="5">
        <v>84</v>
      </c>
      <c r="B107" s="22">
        <v>17</v>
      </c>
      <c r="C107" s="14">
        <v>31</v>
      </c>
      <c r="D107" s="18">
        <v>48</v>
      </c>
    </row>
    <row r="108" spans="1:4" ht="18" customHeight="1" x14ac:dyDescent="0.15">
      <c r="A108" s="5" t="s">
        <v>35</v>
      </c>
      <c r="B108" s="22">
        <v>83</v>
      </c>
      <c r="C108" s="14">
        <v>131</v>
      </c>
      <c r="D108" s="18">
        <v>214</v>
      </c>
    </row>
    <row r="109" spans="1:4" ht="18" customHeight="1" x14ac:dyDescent="0.15">
      <c r="A109" s="5">
        <v>85</v>
      </c>
      <c r="B109" s="22">
        <v>9</v>
      </c>
      <c r="C109" s="14">
        <v>27</v>
      </c>
      <c r="D109" s="18">
        <v>36</v>
      </c>
    </row>
    <row r="110" spans="1:4" ht="18" customHeight="1" x14ac:dyDescent="0.15">
      <c r="A110" s="5">
        <v>86</v>
      </c>
      <c r="B110" s="22">
        <v>11</v>
      </c>
      <c r="C110" s="14">
        <v>21</v>
      </c>
      <c r="D110" s="18">
        <v>32</v>
      </c>
    </row>
    <row r="111" spans="1:4" ht="18" customHeight="1" x14ac:dyDescent="0.15">
      <c r="A111" s="5">
        <v>87</v>
      </c>
      <c r="B111" s="22">
        <v>17</v>
      </c>
      <c r="C111" s="14">
        <v>17</v>
      </c>
      <c r="D111" s="18">
        <v>34</v>
      </c>
    </row>
    <row r="112" spans="1:4" ht="18" customHeight="1" x14ac:dyDescent="0.15">
      <c r="A112" s="5">
        <v>88</v>
      </c>
      <c r="B112" s="22">
        <v>15</v>
      </c>
      <c r="C112" s="14">
        <v>25</v>
      </c>
      <c r="D112" s="18">
        <v>40</v>
      </c>
    </row>
    <row r="113" spans="1:4" ht="18" customHeight="1" x14ac:dyDescent="0.15">
      <c r="A113" s="5">
        <v>89</v>
      </c>
      <c r="B113" s="22">
        <v>13</v>
      </c>
      <c r="C113" s="14">
        <v>18</v>
      </c>
      <c r="D113" s="18">
        <v>31</v>
      </c>
    </row>
    <row r="114" spans="1:4" ht="18" customHeight="1" x14ac:dyDescent="0.15">
      <c r="A114" s="5" t="s">
        <v>37</v>
      </c>
      <c r="B114" s="22">
        <v>65</v>
      </c>
      <c r="C114" s="14">
        <v>108</v>
      </c>
      <c r="D114" s="18">
        <v>173</v>
      </c>
    </row>
    <row r="115" spans="1:4" ht="18" customHeight="1" x14ac:dyDescent="0.15">
      <c r="A115" s="5">
        <v>90</v>
      </c>
      <c r="B115" s="22">
        <v>9</v>
      </c>
      <c r="C115" s="14">
        <v>19</v>
      </c>
      <c r="D115" s="18">
        <v>28</v>
      </c>
    </row>
    <row r="116" spans="1:4" ht="18" customHeight="1" x14ac:dyDescent="0.15">
      <c r="A116" s="5">
        <v>91</v>
      </c>
      <c r="B116" s="22">
        <v>6</v>
      </c>
      <c r="C116" s="14">
        <v>19</v>
      </c>
      <c r="D116" s="18">
        <v>25</v>
      </c>
    </row>
    <row r="117" spans="1:4" ht="18" customHeight="1" x14ac:dyDescent="0.15">
      <c r="A117" s="5">
        <v>92</v>
      </c>
      <c r="B117" s="22">
        <v>7</v>
      </c>
      <c r="C117" s="14">
        <v>14</v>
      </c>
      <c r="D117" s="18">
        <v>21</v>
      </c>
    </row>
    <row r="118" spans="1:4" ht="18" customHeight="1" x14ac:dyDescent="0.15">
      <c r="A118" s="5">
        <v>93</v>
      </c>
      <c r="B118" s="22">
        <v>4</v>
      </c>
      <c r="C118" s="14">
        <v>15</v>
      </c>
      <c r="D118" s="18">
        <v>19</v>
      </c>
    </row>
    <row r="119" spans="1:4" ht="18" customHeight="1" x14ac:dyDescent="0.15">
      <c r="A119" s="5">
        <v>94</v>
      </c>
      <c r="B119" s="22">
        <v>1</v>
      </c>
      <c r="C119" s="14">
        <v>11</v>
      </c>
      <c r="D119" s="18">
        <v>12</v>
      </c>
    </row>
    <row r="120" spans="1:4" ht="18" customHeight="1" x14ac:dyDescent="0.15">
      <c r="A120" s="5" t="s">
        <v>39</v>
      </c>
      <c r="B120" s="22">
        <v>27</v>
      </c>
      <c r="C120" s="14">
        <v>78</v>
      </c>
      <c r="D120" s="18">
        <v>105</v>
      </c>
    </row>
    <row r="121" spans="1:4" ht="18" customHeight="1" x14ac:dyDescent="0.15">
      <c r="A121" s="5">
        <v>95</v>
      </c>
      <c r="B121" s="22">
        <v>2</v>
      </c>
      <c r="C121" s="14">
        <v>9</v>
      </c>
      <c r="D121" s="18">
        <v>11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24</v>
      </c>
      <c r="D126" s="18">
        <v>30</v>
      </c>
    </row>
    <row r="127" spans="1:4" ht="18" customHeight="1" x14ac:dyDescent="0.15">
      <c r="A127" s="5">
        <v>100</v>
      </c>
      <c r="B127" s="22">
        <v>2</v>
      </c>
      <c r="C127" s="14">
        <v>1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2</v>
      </c>
      <c r="C129" s="14">
        <v>3</v>
      </c>
      <c r="D129" s="18">
        <v>5</v>
      </c>
    </row>
    <row r="130" spans="1:4" ht="18" customHeight="1" x14ac:dyDescent="0.15">
      <c r="A130" s="5" t="s">
        <v>46</v>
      </c>
      <c r="B130" s="22">
        <v>633</v>
      </c>
      <c r="C130" s="14">
        <v>859</v>
      </c>
      <c r="D130" s="18">
        <v>1492</v>
      </c>
    </row>
    <row r="131" spans="1:4" ht="18" customHeight="1" x14ac:dyDescent="0.15">
      <c r="A131" s="7" t="s">
        <v>45</v>
      </c>
      <c r="B131" s="23">
        <v>2380</v>
      </c>
      <c r="C131" s="15">
        <v>2532</v>
      </c>
      <c r="D131" s="19">
        <v>49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1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6</v>
      </c>
      <c r="C5" s="29">
        <v>104</v>
      </c>
      <c r="D5" s="31">
        <v>220</v>
      </c>
    </row>
    <row r="6" spans="1:4" ht="18" customHeight="1" x14ac:dyDescent="0.15">
      <c r="A6" s="5">
        <v>1</v>
      </c>
      <c r="B6" s="27">
        <v>116</v>
      </c>
      <c r="C6" s="14">
        <v>120</v>
      </c>
      <c r="D6" s="18">
        <v>236</v>
      </c>
    </row>
    <row r="7" spans="1:4" ht="18" customHeight="1" x14ac:dyDescent="0.15">
      <c r="A7" s="5">
        <v>2</v>
      </c>
      <c r="B7" s="27">
        <v>127</v>
      </c>
      <c r="C7" s="14">
        <v>112</v>
      </c>
      <c r="D7" s="18">
        <v>239</v>
      </c>
    </row>
    <row r="8" spans="1:4" ht="18" customHeight="1" x14ac:dyDescent="0.15">
      <c r="A8" s="5">
        <v>3</v>
      </c>
      <c r="B8" s="27">
        <v>149</v>
      </c>
      <c r="C8" s="14">
        <v>137</v>
      </c>
      <c r="D8" s="18">
        <v>286</v>
      </c>
    </row>
    <row r="9" spans="1:4" ht="18" customHeight="1" x14ac:dyDescent="0.15">
      <c r="A9" s="5">
        <v>4</v>
      </c>
      <c r="B9" s="28">
        <v>142</v>
      </c>
      <c r="C9" s="30">
        <v>152</v>
      </c>
      <c r="D9" s="32">
        <v>294</v>
      </c>
    </row>
    <row r="10" spans="1:4" ht="18" customHeight="1" x14ac:dyDescent="0.15">
      <c r="A10" s="5" t="s">
        <v>7</v>
      </c>
      <c r="B10" s="22">
        <v>650</v>
      </c>
      <c r="C10" s="14">
        <v>625</v>
      </c>
      <c r="D10" s="18">
        <v>1275</v>
      </c>
    </row>
    <row r="11" spans="1:4" ht="18" customHeight="1" x14ac:dyDescent="0.15">
      <c r="A11" s="5">
        <v>5</v>
      </c>
      <c r="B11" s="27">
        <v>171</v>
      </c>
      <c r="C11" s="14">
        <v>164</v>
      </c>
      <c r="D11" s="18">
        <v>335</v>
      </c>
    </row>
    <row r="12" spans="1:4" ht="18" customHeight="1" x14ac:dyDescent="0.15">
      <c r="A12" s="5">
        <v>6</v>
      </c>
      <c r="B12" s="27">
        <v>149</v>
      </c>
      <c r="C12" s="14">
        <v>153</v>
      </c>
      <c r="D12" s="18">
        <v>302</v>
      </c>
    </row>
    <row r="13" spans="1:4" ht="18" customHeight="1" x14ac:dyDescent="0.15">
      <c r="A13" s="5">
        <v>7</v>
      </c>
      <c r="B13" s="27">
        <v>189</v>
      </c>
      <c r="C13" s="14">
        <v>164</v>
      </c>
      <c r="D13" s="18">
        <v>353</v>
      </c>
    </row>
    <row r="14" spans="1:4" ht="18" customHeight="1" x14ac:dyDescent="0.15">
      <c r="A14" s="5">
        <v>8</v>
      </c>
      <c r="B14" s="27">
        <v>173</v>
      </c>
      <c r="C14" s="14">
        <v>166</v>
      </c>
      <c r="D14" s="18">
        <v>339</v>
      </c>
    </row>
    <row r="15" spans="1:4" ht="18" customHeight="1" x14ac:dyDescent="0.15">
      <c r="A15" s="5">
        <v>9</v>
      </c>
      <c r="B15" s="27">
        <v>221</v>
      </c>
      <c r="C15" s="14">
        <v>173</v>
      </c>
      <c r="D15" s="18">
        <v>394</v>
      </c>
    </row>
    <row r="16" spans="1:4" ht="18" customHeight="1" x14ac:dyDescent="0.15">
      <c r="A16" s="5" t="s">
        <v>11</v>
      </c>
      <c r="B16" s="22">
        <v>903</v>
      </c>
      <c r="C16" s="14">
        <v>820</v>
      </c>
      <c r="D16" s="18">
        <v>1723</v>
      </c>
    </row>
    <row r="17" spans="1:4" ht="18" customHeight="1" x14ac:dyDescent="0.15">
      <c r="A17" s="5">
        <v>10</v>
      </c>
      <c r="B17" s="22">
        <v>200</v>
      </c>
      <c r="C17" s="14">
        <v>169</v>
      </c>
      <c r="D17" s="18">
        <v>369</v>
      </c>
    </row>
    <row r="18" spans="1:4" ht="18" customHeight="1" x14ac:dyDescent="0.15">
      <c r="A18" s="5">
        <v>11</v>
      </c>
      <c r="B18" s="22">
        <v>189</v>
      </c>
      <c r="C18" s="14">
        <v>157</v>
      </c>
      <c r="D18" s="18">
        <v>346</v>
      </c>
    </row>
    <row r="19" spans="1:4" ht="18" customHeight="1" x14ac:dyDescent="0.15">
      <c r="A19" s="5">
        <v>12</v>
      </c>
      <c r="B19" s="22">
        <v>201</v>
      </c>
      <c r="C19" s="14">
        <v>206</v>
      </c>
      <c r="D19" s="18">
        <v>407</v>
      </c>
    </row>
    <row r="20" spans="1:4" ht="18" customHeight="1" x14ac:dyDescent="0.15">
      <c r="A20" s="5">
        <v>13</v>
      </c>
      <c r="B20" s="22">
        <v>201</v>
      </c>
      <c r="C20" s="14">
        <v>207</v>
      </c>
      <c r="D20" s="18">
        <v>408</v>
      </c>
    </row>
    <row r="21" spans="1:4" ht="18" customHeight="1" x14ac:dyDescent="0.15">
      <c r="A21" s="5">
        <v>14</v>
      </c>
      <c r="B21" s="22">
        <v>200</v>
      </c>
      <c r="C21" s="14">
        <v>208</v>
      </c>
      <c r="D21" s="18">
        <v>408</v>
      </c>
    </row>
    <row r="22" spans="1:4" ht="18" customHeight="1" x14ac:dyDescent="0.15">
      <c r="A22" s="5" t="s">
        <v>12</v>
      </c>
      <c r="B22" s="22">
        <v>991</v>
      </c>
      <c r="C22" s="14">
        <v>947</v>
      </c>
      <c r="D22" s="18">
        <v>1938</v>
      </c>
    </row>
    <row r="23" spans="1:4" ht="18" customHeight="1" x14ac:dyDescent="0.15">
      <c r="A23" s="5" t="s">
        <v>6</v>
      </c>
      <c r="B23" s="22">
        <v>2544</v>
      </c>
      <c r="C23" s="14">
        <v>2392</v>
      </c>
      <c r="D23" s="18">
        <v>4936</v>
      </c>
    </row>
    <row r="24" spans="1:4" ht="18" customHeight="1" x14ac:dyDescent="0.15">
      <c r="A24" s="5">
        <v>15</v>
      </c>
      <c r="B24" s="22">
        <v>223</v>
      </c>
      <c r="C24" s="14">
        <v>197</v>
      </c>
      <c r="D24" s="18">
        <v>420</v>
      </c>
    </row>
    <row r="25" spans="1:4" ht="18" customHeight="1" x14ac:dyDescent="0.15">
      <c r="A25" s="5">
        <v>16</v>
      </c>
      <c r="B25" s="22">
        <v>218</v>
      </c>
      <c r="C25" s="14">
        <v>232</v>
      </c>
      <c r="D25" s="18">
        <v>450</v>
      </c>
    </row>
    <row r="26" spans="1:4" ht="18" customHeight="1" x14ac:dyDescent="0.15">
      <c r="A26" s="5">
        <v>17</v>
      </c>
      <c r="B26" s="22">
        <v>251</v>
      </c>
      <c r="C26" s="14">
        <v>211</v>
      </c>
      <c r="D26" s="18">
        <v>462</v>
      </c>
    </row>
    <row r="27" spans="1:4" ht="18" customHeight="1" x14ac:dyDescent="0.15">
      <c r="A27" s="5">
        <v>18</v>
      </c>
      <c r="B27" s="22">
        <v>219</v>
      </c>
      <c r="C27" s="14">
        <v>221</v>
      </c>
      <c r="D27" s="18">
        <v>440</v>
      </c>
    </row>
    <row r="28" spans="1:4" ht="18" customHeight="1" x14ac:dyDescent="0.15">
      <c r="A28" s="5">
        <v>19</v>
      </c>
      <c r="B28" s="22">
        <v>244</v>
      </c>
      <c r="C28" s="14">
        <v>219</v>
      </c>
      <c r="D28" s="18">
        <v>463</v>
      </c>
    </row>
    <row r="29" spans="1:4" ht="18" customHeight="1" x14ac:dyDescent="0.15">
      <c r="A29" s="5" t="s">
        <v>14</v>
      </c>
      <c r="B29" s="22">
        <v>1155</v>
      </c>
      <c r="C29" s="14">
        <v>1080</v>
      </c>
      <c r="D29" s="18">
        <v>2235</v>
      </c>
    </row>
    <row r="30" spans="1:4" ht="18" customHeight="1" x14ac:dyDescent="0.15">
      <c r="A30" s="5">
        <v>20</v>
      </c>
      <c r="B30" s="22">
        <v>218</v>
      </c>
      <c r="C30" s="14">
        <v>208</v>
      </c>
      <c r="D30" s="18">
        <v>426</v>
      </c>
    </row>
    <row r="31" spans="1:4" ht="18" customHeight="1" x14ac:dyDescent="0.15">
      <c r="A31" s="5">
        <v>21</v>
      </c>
      <c r="B31" s="22">
        <v>237</v>
      </c>
      <c r="C31" s="14">
        <v>209</v>
      </c>
      <c r="D31" s="18">
        <v>446</v>
      </c>
    </row>
    <row r="32" spans="1:4" ht="18" customHeight="1" x14ac:dyDescent="0.15">
      <c r="A32" s="5">
        <v>22</v>
      </c>
      <c r="B32" s="22">
        <v>226</v>
      </c>
      <c r="C32" s="14">
        <v>190</v>
      </c>
      <c r="D32" s="18">
        <v>416</v>
      </c>
    </row>
    <row r="33" spans="1:4" ht="18" customHeight="1" x14ac:dyDescent="0.15">
      <c r="A33" s="5">
        <v>23</v>
      </c>
      <c r="B33" s="22">
        <v>214</v>
      </c>
      <c r="C33" s="14">
        <v>200</v>
      </c>
      <c r="D33" s="18">
        <v>414</v>
      </c>
    </row>
    <row r="34" spans="1:4" ht="18" customHeight="1" x14ac:dyDescent="0.15">
      <c r="A34" s="5">
        <v>24</v>
      </c>
      <c r="B34" s="22">
        <v>203</v>
      </c>
      <c r="C34" s="14">
        <v>182</v>
      </c>
      <c r="D34" s="18">
        <v>385</v>
      </c>
    </row>
    <row r="35" spans="1:4" ht="18" customHeight="1" x14ac:dyDescent="0.15">
      <c r="A35" s="5" t="s">
        <v>9</v>
      </c>
      <c r="B35" s="22">
        <v>1098</v>
      </c>
      <c r="C35" s="14">
        <v>989</v>
      </c>
      <c r="D35" s="18">
        <v>2087</v>
      </c>
    </row>
    <row r="36" spans="1:4" ht="18" customHeight="1" x14ac:dyDescent="0.15">
      <c r="A36" s="5">
        <v>25</v>
      </c>
      <c r="B36" s="22">
        <v>264</v>
      </c>
      <c r="C36" s="14">
        <v>171</v>
      </c>
      <c r="D36" s="18">
        <v>435</v>
      </c>
    </row>
    <row r="37" spans="1:4" ht="18" customHeight="1" x14ac:dyDescent="0.15">
      <c r="A37" s="5">
        <v>26</v>
      </c>
      <c r="B37" s="22">
        <v>209</v>
      </c>
      <c r="C37" s="14">
        <v>225</v>
      </c>
      <c r="D37" s="18">
        <v>434</v>
      </c>
    </row>
    <row r="38" spans="1:4" ht="18" customHeight="1" x14ac:dyDescent="0.15">
      <c r="A38" s="5">
        <v>27</v>
      </c>
      <c r="B38" s="22">
        <v>191</v>
      </c>
      <c r="C38" s="14">
        <v>202</v>
      </c>
      <c r="D38" s="18">
        <v>393</v>
      </c>
    </row>
    <row r="39" spans="1:4" ht="18" customHeight="1" x14ac:dyDescent="0.15">
      <c r="A39" s="5">
        <v>28</v>
      </c>
      <c r="B39" s="22">
        <v>216</v>
      </c>
      <c r="C39" s="14">
        <v>178</v>
      </c>
      <c r="D39" s="18">
        <v>394</v>
      </c>
    </row>
    <row r="40" spans="1:4" ht="18" customHeight="1" x14ac:dyDescent="0.15">
      <c r="A40" s="5">
        <v>29</v>
      </c>
      <c r="B40" s="22">
        <v>226</v>
      </c>
      <c r="C40" s="14">
        <v>204</v>
      </c>
      <c r="D40" s="18">
        <v>430</v>
      </c>
    </row>
    <row r="41" spans="1:4" ht="18" customHeight="1" x14ac:dyDescent="0.15">
      <c r="A41" s="5" t="s">
        <v>2</v>
      </c>
      <c r="B41" s="22">
        <v>1106</v>
      </c>
      <c r="C41" s="14">
        <v>980</v>
      </c>
      <c r="D41" s="18">
        <v>2086</v>
      </c>
    </row>
    <row r="42" spans="1:4" ht="18" customHeight="1" x14ac:dyDescent="0.15">
      <c r="A42" s="5">
        <v>30</v>
      </c>
      <c r="B42" s="22">
        <v>238</v>
      </c>
      <c r="C42" s="14">
        <v>183</v>
      </c>
      <c r="D42" s="18">
        <v>421</v>
      </c>
    </row>
    <row r="43" spans="1:4" ht="18" customHeight="1" x14ac:dyDescent="0.15">
      <c r="A43" s="5">
        <v>31</v>
      </c>
      <c r="B43" s="22">
        <v>218</v>
      </c>
      <c r="C43" s="14">
        <v>196</v>
      </c>
      <c r="D43" s="18">
        <v>414</v>
      </c>
    </row>
    <row r="44" spans="1:4" ht="18" customHeight="1" x14ac:dyDescent="0.15">
      <c r="A44" s="5">
        <v>32</v>
      </c>
      <c r="B44" s="22">
        <v>205</v>
      </c>
      <c r="C44" s="14">
        <v>199</v>
      </c>
      <c r="D44" s="18">
        <v>404</v>
      </c>
    </row>
    <row r="45" spans="1:4" ht="18" customHeight="1" x14ac:dyDescent="0.15">
      <c r="A45" s="5">
        <v>33</v>
      </c>
      <c r="B45" s="22">
        <v>209</v>
      </c>
      <c r="C45" s="14">
        <v>175</v>
      </c>
      <c r="D45" s="18">
        <v>384</v>
      </c>
    </row>
    <row r="46" spans="1:4" ht="18" customHeight="1" x14ac:dyDescent="0.15">
      <c r="A46" s="5">
        <v>34</v>
      </c>
      <c r="B46" s="22">
        <v>222</v>
      </c>
      <c r="C46" s="14">
        <v>172</v>
      </c>
      <c r="D46" s="18">
        <v>394</v>
      </c>
    </row>
    <row r="47" spans="1:4" ht="18" customHeight="1" x14ac:dyDescent="0.15">
      <c r="A47" s="5" t="s">
        <v>15</v>
      </c>
      <c r="B47" s="22">
        <v>1092</v>
      </c>
      <c r="C47" s="14">
        <v>925</v>
      </c>
      <c r="D47" s="18">
        <v>2017</v>
      </c>
    </row>
    <row r="48" spans="1:4" ht="18" customHeight="1" x14ac:dyDescent="0.15">
      <c r="A48" s="5">
        <v>35</v>
      </c>
      <c r="B48" s="22">
        <v>235</v>
      </c>
      <c r="C48" s="14">
        <v>188</v>
      </c>
      <c r="D48" s="18">
        <v>423</v>
      </c>
    </row>
    <row r="49" spans="1:4" ht="18" customHeight="1" x14ac:dyDescent="0.15">
      <c r="A49" s="5">
        <v>36</v>
      </c>
      <c r="B49" s="22">
        <v>224</v>
      </c>
      <c r="C49" s="14">
        <v>203</v>
      </c>
      <c r="D49" s="18">
        <v>427</v>
      </c>
    </row>
    <row r="50" spans="1:4" ht="18" customHeight="1" x14ac:dyDescent="0.15">
      <c r="A50" s="5">
        <v>37</v>
      </c>
      <c r="B50" s="22">
        <v>213</v>
      </c>
      <c r="C50" s="14">
        <v>211</v>
      </c>
      <c r="D50" s="18">
        <v>424</v>
      </c>
    </row>
    <row r="51" spans="1:4" ht="18" customHeight="1" x14ac:dyDescent="0.15">
      <c r="A51" s="5">
        <v>38</v>
      </c>
      <c r="B51" s="22">
        <v>215</v>
      </c>
      <c r="C51" s="14">
        <v>216</v>
      </c>
      <c r="D51" s="18">
        <v>431</v>
      </c>
    </row>
    <row r="52" spans="1:4" ht="18" customHeight="1" x14ac:dyDescent="0.15">
      <c r="A52" s="5">
        <v>39</v>
      </c>
      <c r="B52" s="22">
        <v>241</v>
      </c>
      <c r="C52" s="14">
        <v>237</v>
      </c>
      <c r="D52" s="18">
        <v>478</v>
      </c>
    </row>
    <row r="53" spans="1:4" ht="18" customHeight="1" x14ac:dyDescent="0.15">
      <c r="A53" s="5" t="s">
        <v>18</v>
      </c>
      <c r="B53" s="22">
        <v>1128</v>
      </c>
      <c r="C53" s="14">
        <v>1055</v>
      </c>
      <c r="D53" s="18">
        <v>2183</v>
      </c>
    </row>
    <row r="54" spans="1:4" ht="18" customHeight="1" x14ac:dyDescent="0.15">
      <c r="A54" s="5">
        <v>40</v>
      </c>
      <c r="B54" s="22">
        <v>235</v>
      </c>
      <c r="C54" s="14">
        <v>234</v>
      </c>
      <c r="D54" s="18">
        <v>469</v>
      </c>
    </row>
    <row r="55" spans="1:4" ht="18" customHeight="1" x14ac:dyDescent="0.15">
      <c r="A55" s="5">
        <v>41</v>
      </c>
      <c r="B55" s="22">
        <v>253</v>
      </c>
      <c r="C55" s="14">
        <v>255</v>
      </c>
      <c r="D55" s="18">
        <v>508</v>
      </c>
    </row>
    <row r="56" spans="1:4" ht="18" customHeight="1" x14ac:dyDescent="0.15">
      <c r="A56" s="5">
        <v>42</v>
      </c>
      <c r="B56" s="22">
        <v>248</v>
      </c>
      <c r="C56" s="14">
        <v>244</v>
      </c>
      <c r="D56" s="18">
        <v>492</v>
      </c>
    </row>
    <row r="57" spans="1:4" ht="18" customHeight="1" x14ac:dyDescent="0.15">
      <c r="A57" s="5">
        <v>43</v>
      </c>
      <c r="B57" s="22">
        <v>258</v>
      </c>
      <c r="C57" s="14">
        <v>248</v>
      </c>
      <c r="D57" s="18">
        <v>506</v>
      </c>
    </row>
    <row r="58" spans="1:4" ht="18" customHeight="1" x14ac:dyDescent="0.15">
      <c r="A58" s="5">
        <v>44</v>
      </c>
      <c r="B58" s="22">
        <v>250</v>
      </c>
      <c r="C58" s="14">
        <v>259</v>
      </c>
      <c r="D58" s="18">
        <v>509</v>
      </c>
    </row>
    <row r="59" spans="1:4" ht="18" customHeight="1" x14ac:dyDescent="0.15">
      <c r="A59" s="5" t="s">
        <v>21</v>
      </c>
      <c r="B59" s="22">
        <v>1244</v>
      </c>
      <c r="C59" s="14">
        <v>1240</v>
      </c>
      <c r="D59" s="18">
        <v>2484</v>
      </c>
    </row>
    <row r="60" spans="1:4" ht="18" customHeight="1" x14ac:dyDescent="0.15">
      <c r="A60" s="5">
        <v>45</v>
      </c>
      <c r="B60" s="22">
        <v>280</v>
      </c>
      <c r="C60" s="14">
        <v>265</v>
      </c>
      <c r="D60" s="18">
        <v>545</v>
      </c>
    </row>
    <row r="61" spans="1:4" ht="18" customHeight="1" x14ac:dyDescent="0.15">
      <c r="A61" s="5">
        <v>46</v>
      </c>
      <c r="B61" s="22">
        <v>285</v>
      </c>
      <c r="C61" s="14">
        <v>267</v>
      </c>
      <c r="D61" s="18">
        <v>552</v>
      </c>
    </row>
    <row r="62" spans="1:4" ht="18" customHeight="1" x14ac:dyDescent="0.15">
      <c r="A62" s="5">
        <v>47</v>
      </c>
      <c r="B62" s="22">
        <v>331</v>
      </c>
      <c r="C62" s="14">
        <v>310</v>
      </c>
      <c r="D62" s="18">
        <v>641</v>
      </c>
    </row>
    <row r="63" spans="1:4" ht="18" customHeight="1" x14ac:dyDescent="0.15">
      <c r="A63" s="5">
        <v>48</v>
      </c>
      <c r="B63" s="22">
        <v>356</v>
      </c>
      <c r="C63" s="14">
        <v>324</v>
      </c>
      <c r="D63" s="18">
        <v>680</v>
      </c>
    </row>
    <row r="64" spans="1:4" ht="18" customHeight="1" x14ac:dyDescent="0.15">
      <c r="A64" s="5">
        <v>49</v>
      </c>
      <c r="B64" s="22">
        <v>333</v>
      </c>
      <c r="C64" s="14">
        <v>334</v>
      </c>
      <c r="D64" s="18">
        <v>667</v>
      </c>
    </row>
    <row r="65" spans="1:4" ht="18" customHeight="1" x14ac:dyDescent="0.15">
      <c r="A65" s="5" t="s">
        <v>17</v>
      </c>
      <c r="B65" s="22">
        <v>1585</v>
      </c>
      <c r="C65" s="14">
        <v>1500</v>
      </c>
      <c r="D65" s="18">
        <v>3085</v>
      </c>
    </row>
    <row r="66" spans="1:4" ht="18" customHeight="1" x14ac:dyDescent="0.15">
      <c r="A66" s="5">
        <v>50</v>
      </c>
      <c r="B66" s="22">
        <v>351</v>
      </c>
      <c r="C66" s="14">
        <v>328</v>
      </c>
      <c r="D66" s="18">
        <v>679</v>
      </c>
    </row>
    <row r="67" spans="1:4" ht="18" customHeight="1" x14ac:dyDescent="0.15">
      <c r="A67" s="5">
        <v>51</v>
      </c>
      <c r="B67" s="22">
        <v>342</v>
      </c>
      <c r="C67" s="14">
        <v>355</v>
      </c>
      <c r="D67" s="18">
        <v>697</v>
      </c>
    </row>
    <row r="68" spans="1:4" ht="18" customHeight="1" x14ac:dyDescent="0.15">
      <c r="A68" s="5">
        <v>52</v>
      </c>
      <c r="B68" s="22">
        <v>381</v>
      </c>
      <c r="C68" s="14">
        <v>380</v>
      </c>
      <c r="D68" s="18">
        <v>761</v>
      </c>
    </row>
    <row r="69" spans="1:4" ht="18" customHeight="1" x14ac:dyDescent="0.15">
      <c r="A69" s="5">
        <v>53</v>
      </c>
      <c r="B69" s="22">
        <v>352</v>
      </c>
      <c r="C69" s="14">
        <v>327</v>
      </c>
      <c r="D69" s="18">
        <v>679</v>
      </c>
    </row>
    <row r="70" spans="1:4" ht="18" customHeight="1" x14ac:dyDescent="0.15">
      <c r="A70" s="5">
        <v>54</v>
      </c>
      <c r="B70" s="22">
        <v>313</v>
      </c>
      <c r="C70" s="14">
        <v>328</v>
      </c>
      <c r="D70" s="18">
        <v>641</v>
      </c>
    </row>
    <row r="71" spans="1:4" ht="18" customHeight="1" x14ac:dyDescent="0.15">
      <c r="A71" s="5" t="s">
        <v>22</v>
      </c>
      <c r="B71" s="22">
        <v>1739</v>
      </c>
      <c r="C71" s="14">
        <v>1718</v>
      </c>
      <c r="D71" s="18">
        <v>3457</v>
      </c>
    </row>
    <row r="72" spans="1:4" ht="18" customHeight="1" x14ac:dyDescent="0.15">
      <c r="A72" s="5">
        <v>55</v>
      </c>
      <c r="B72" s="22">
        <v>309</v>
      </c>
      <c r="C72" s="14">
        <v>291</v>
      </c>
      <c r="D72" s="18">
        <v>600</v>
      </c>
    </row>
    <row r="73" spans="1:4" ht="18" customHeight="1" x14ac:dyDescent="0.15">
      <c r="A73" s="5">
        <v>56</v>
      </c>
      <c r="B73" s="22">
        <v>304</v>
      </c>
      <c r="C73" s="14">
        <v>287</v>
      </c>
      <c r="D73" s="18">
        <v>591</v>
      </c>
    </row>
    <row r="74" spans="1:4" ht="18" customHeight="1" x14ac:dyDescent="0.15">
      <c r="A74" s="5">
        <v>57</v>
      </c>
      <c r="B74" s="22">
        <v>299</v>
      </c>
      <c r="C74" s="14">
        <v>297</v>
      </c>
      <c r="D74" s="18">
        <v>596</v>
      </c>
    </row>
    <row r="75" spans="1:4" ht="18" customHeight="1" x14ac:dyDescent="0.15">
      <c r="A75" s="5">
        <v>58</v>
      </c>
      <c r="B75" s="22">
        <v>269</v>
      </c>
      <c r="C75" s="14">
        <v>281</v>
      </c>
      <c r="D75" s="18">
        <v>550</v>
      </c>
    </row>
    <row r="76" spans="1:4" ht="18" customHeight="1" x14ac:dyDescent="0.15">
      <c r="A76" s="5">
        <v>59</v>
      </c>
      <c r="B76" s="22">
        <v>208</v>
      </c>
      <c r="C76" s="14">
        <v>209</v>
      </c>
      <c r="D76" s="18">
        <v>417</v>
      </c>
    </row>
    <row r="77" spans="1:4" ht="18" customHeight="1" x14ac:dyDescent="0.15">
      <c r="A77" s="5" t="s">
        <v>27</v>
      </c>
      <c r="B77" s="22">
        <v>1389</v>
      </c>
      <c r="C77" s="14">
        <v>1365</v>
      </c>
      <c r="D77" s="18">
        <v>2754</v>
      </c>
    </row>
    <row r="78" spans="1:4" ht="18" customHeight="1" x14ac:dyDescent="0.15">
      <c r="A78" s="5">
        <v>60</v>
      </c>
      <c r="B78" s="22">
        <v>233</v>
      </c>
      <c r="C78" s="14">
        <v>288</v>
      </c>
      <c r="D78" s="18">
        <v>521</v>
      </c>
    </row>
    <row r="79" spans="1:4" ht="18" customHeight="1" x14ac:dyDescent="0.15">
      <c r="A79" s="5">
        <v>61</v>
      </c>
      <c r="B79" s="22">
        <v>245</v>
      </c>
      <c r="C79" s="14">
        <v>253</v>
      </c>
      <c r="D79" s="18">
        <v>498</v>
      </c>
    </row>
    <row r="80" spans="1:4" ht="18" customHeight="1" x14ac:dyDescent="0.15">
      <c r="A80" s="5">
        <v>62</v>
      </c>
      <c r="B80" s="22">
        <v>241</v>
      </c>
      <c r="C80" s="14">
        <v>260</v>
      </c>
      <c r="D80" s="18">
        <v>501</v>
      </c>
    </row>
    <row r="81" spans="1:4" ht="18" customHeight="1" x14ac:dyDescent="0.15">
      <c r="A81" s="5">
        <v>63</v>
      </c>
      <c r="B81" s="22">
        <v>233</v>
      </c>
      <c r="C81" s="14">
        <v>235</v>
      </c>
      <c r="D81" s="18">
        <v>468</v>
      </c>
    </row>
    <row r="82" spans="1:4" ht="18" customHeight="1" x14ac:dyDescent="0.15">
      <c r="A82" s="5">
        <v>64</v>
      </c>
      <c r="B82" s="22">
        <v>212</v>
      </c>
      <c r="C82" s="14">
        <v>236</v>
      </c>
      <c r="D82" s="18">
        <v>448</v>
      </c>
    </row>
    <row r="83" spans="1:4" ht="18" customHeight="1" x14ac:dyDescent="0.15">
      <c r="A83" s="5" t="s">
        <v>28</v>
      </c>
      <c r="B83" s="22">
        <v>1164</v>
      </c>
      <c r="C83" s="14">
        <v>1272</v>
      </c>
      <c r="D83" s="18">
        <v>2436</v>
      </c>
    </row>
    <row r="84" spans="1:4" ht="18" customHeight="1" x14ac:dyDescent="0.15">
      <c r="A84" s="5" t="s">
        <v>31</v>
      </c>
      <c r="B84" s="22">
        <v>12700</v>
      </c>
      <c r="C84" s="14">
        <v>12124</v>
      </c>
      <c r="D84" s="18">
        <v>24824</v>
      </c>
    </row>
    <row r="85" spans="1:4" ht="18" customHeight="1" x14ac:dyDescent="0.15">
      <c r="A85" s="5">
        <v>65</v>
      </c>
      <c r="B85" s="22">
        <v>217</v>
      </c>
      <c r="C85" s="14">
        <v>236</v>
      </c>
      <c r="D85" s="18">
        <v>453</v>
      </c>
    </row>
    <row r="86" spans="1:4" ht="18" customHeight="1" x14ac:dyDescent="0.15">
      <c r="A86" s="5">
        <v>66</v>
      </c>
      <c r="B86" s="22">
        <v>233</v>
      </c>
      <c r="C86" s="14">
        <v>213</v>
      </c>
      <c r="D86" s="18">
        <v>446</v>
      </c>
    </row>
    <row r="87" spans="1:4" ht="18" customHeight="1" x14ac:dyDescent="0.15">
      <c r="A87" s="5">
        <v>67</v>
      </c>
      <c r="B87" s="22">
        <v>207</v>
      </c>
      <c r="C87" s="14">
        <v>230</v>
      </c>
      <c r="D87" s="18">
        <v>437</v>
      </c>
    </row>
    <row r="88" spans="1:4" ht="18" customHeight="1" x14ac:dyDescent="0.15">
      <c r="A88" s="5">
        <v>68</v>
      </c>
      <c r="B88" s="22">
        <v>195</v>
      </c>
      <c r="C88" s="14">
        <v>230</v>
      </c>
      <c r="D88" s="18">
        <v>425</v>
      </c>
    </row>
    <row r="89" spans="1:4" ht="18" customHeight="1" x14ac:dyDescent="0.15">
      <c r="A89" s="5">
        <v>69</v>
      </c>
      <c r="B89" s="22">
        <v>199</v>
      </c>
      <c r="C89" s="14">
        <v>222</v>
      </c>
      <c r="D89" s="18">
        <v>421</v>
      </c>
    </row>
    <row r="90" spans="1:4" ht="18" customHeight="1" x14ac:dyDescent="0.15">
      <c r="A90" s="5" t="s">
        <v>20</v>
      </c>
      <c r="B90" s="22">
        <v>1051</v>
      </c>
      <c r="C90" s="14">
        <v>1131</v>
      </c>
      <c r="D90" s="18">
        <v>2182</v>
      </c>
    </row>
    <row r="91" spans="1:4" ht="18" customHeight="1" x14ac:dyDescent="0.15">
      <c r="A91" s="5">
        <v>70</v>
      </c>
      <c r="B91" s="22">
        <v>218</v>
      </c>
      <c r="C91" s="14">
        <v>242</v>
      </c>
      <c r="D91" s="18">
        <v>460</v>
      </c>
    </row>
    <row r="92" spans="1:4" ht="18" customHeight="1" x14ac:dyDescent="0.15">
      <c r="A92" s="5">
        <v>71</v>
      </c>
      <c r="B92" s="22">
        <v>223</v>
      </c>
      <c r="C92" s="14">
        <v>249</v>
      </c>
      <c r="D92" s="18">
        <v>472</v>
      </c>
    </row>
    <row r="93" spans="1:4" ht="18" customHeight="1" x14ac:dyDescent="0.15">
      <c r="A93" s="5">
        <v>72</v>
      </c>
      <c r="B93" s="22">
        <v>233</v>
      </c>
      <c r="C93" s="14">
        <v>261</v>
      </c>
      <c r="D93" s="18">
        <v>494</v>
      </c>
    </row>
    <row r="94" spans="1:4" ht="18" customHeight="1" x14ac:dyDescent="0.15">
      <c r="A94" s="5">
        <v>73</v>
      </c>
      <c r="B94" s="22">
        <v>252</v>
      </c>
      <c r="C94" s="14">
        <v>254</v>
      </c>
      <c r="D94" s="18">
        <v>506</v>
      </c>
    </row>
    <row r="95" spans="1:4" ht="18" customHeight="1" x14ac:dyDescent="0.15">
      <c r="A95" s="5">
        <v>74</v>
      </c>
      <c r="B95" s="22">
        <v>217</v>
      </c>
      <c r="C95" s="14">
        <v>268</v>
      </c>
      <c r="D95" s="18">
        <v>485</v>
      </c>
    </row>
    <row r="96" spans="1:4" ht="18" customHeight="1" x14ac:dyDescent="0.15">
      <c r="A96" s="5" t="s">
        <v>33</v>
      </c>
      <c r="B96" s="22">
        <v>1143</v>
      </c>
      <c r="C96" s="14">
        <v>1274</v>
      </c>
      <c r="D96" s="18">
        <v>2417</v>
      </c>
    </row>
    <row r="97" spans="1:4" ht="18" customHeight="1" x14ac:dyDescent="0.15">
      <c r="A97" s="5">
        <v>75</v>
      </c>
      <c r="B97" s="22">
        <v>235</v>
      </c>
      <c r="C97" s="14">
        <v>284</v>
      </c>
      <c r="D97" s="18">
        <v>519</v>
      </c>
    </row>
    <row r="98" spans="1:4" ht="18" customHeight="1" x14ac:dyDescent="0.15">
      <c r="A98" s="5">
        <v>76</v>
      </c>
      <c r="B98" s="22">
        <v>260</v>
      </c>
      <c r="C98" s="14">
        <v>284</v>
      </c>
      <c r="D98" s="18">
        <v>544</v>
      </c>
    </row>
    <row r="99" spans="1:4" ht="18" customHeight="1" x14ac:dyDescent="0.15">
      <c r="A99" s="5">
        <v>77</v>
      </c>
      <c r="B99" s="22">
        <v>299</v>
      </c>
      <c r="C99" s="14">
        <v>296</v>
      </c>
      <c r="D99" s="18">
        <v>595</v>
      </c>
    </row>
    <row r="100" spans="1:4" ht="18" customHeight="1" x14ac:dyDescent="0.15">
      <c r="A100" s="5">
        <v>78</v>
      </c>
      <c r="B100" s="22">
        <v>257</v>
      </c>
      <c r="C100" s="14">
        <v>341</v>
      </c>
      <c r="D100" s="18">
        <v>598</v>
      </c>
    </row>
    <row r="101" spans="1:4" ht="18" customHeight="1" x14ac:dyDescent="0.15">
      <c r="A101" s="5">
        <v>79</v>
      </c>
      <c r="B101" s="22">
        <v>160</v>
      </c>
      <c r="C101" s="14">
        <v>192</v>
      </c>
      <c r="D101" s="18">
        <v>352</v>
      </c>
    </row>
    <row r="102" spans="1:4" ht="18" customHeight="1" x14ac:dyDescent="0.15">
      <c r="A102" s="5" t="s">
        <v>0</v>
      </c>
      <c r="B102" s="22">
        <v>1211</v>
      </c>
      <c r="C102" s="14">
        <v>1397</v>
      </c>
      <c r="D102" s="18">
        <v>2608</v>
      </c>
    </row>
    <row r="103" spans="1:4" ht="18" customHeight="1" x14ac:dyDescent="0.15">
      <c r="A103" s="5">
        <v>80</v>
      </c>
      <c r="B103" s="22">
        <v>112</v>
      </c>
      <c r="C103" s="14">
        <v>126</v>
      </c>
      <c r="D103" s="18">
        <v>238</v>
      </c>
    </row>
    <row r="104" spans="1:4" ht="18" customHeight="1" x14ac:dyDescent="0.15">
      <c r="A104" s="5">
        <v>81</v>
      </c>
      <c r="B104" s="22">
        <v>149</v>
      </c>
      <c r="C104" s="14">
        <v>194</v>
      </c>
      <c r="D104" s="18">
        <v>343</v>
      </c>
    </row>
    <row r="105" spans="1:4" ht="18" customHeight="1" x14ac:dyDescent="0.15">
      <c r="A105" s="5">
        <v>82</v>
      </c>
      <c r="B105" s="22">
        <v>129</v>
      </c>
      <c r="C105" s="14">
        <v>182</v>
      </c>
      <c r="D105" s="18">
        <v>311</v>
      </c>
    </row>
    <row r="106" spans="1:4" ht="18" customHeight="1" x14ac:dyDescent="0.15">
      <c r="A106" s="5">
        <v>83</v>
      </c>
      <c r="B106" s="22">
        <v>137</v>
      </c>
      <c r="C106" s="14">
        <v>189</v>
      </c>
      <c r="D106" s="18">
        <v>326</v>
      </c>
    </row>
    <row r="107" spans="1:4" ht="18" customHeight="1" x14ac:dyDescent="0.15">
      <c r="A107" s="5">
        <v>84</v>
      </c>
      <c r="B107" s="22">
        <v>121</v>
      </c>
      <c r="C107" s="14">
        <v>181</v>
      </c>
      <c r="D107" s="18">
        <v>302</v>
      </c>
    </row>
    <row r="108" spans="1:4" ht="18" customHeight="1" x14ac:dyDescent="0.15">
      <c r="A108" s="5" t="s">
        <v>35</v>
      </c>
      <c r="B108" s="22">
        <v>648</v>
      </c>
      <c r="C108" s="14">
        <v>872</v>
      </c>
      <c r="D108" s="18">
        <v>1520</v>
      </c>
    </row>
    <row r="109" spans="1:4" ht="18" customHeight="1" x14ac:dyDescent="0.15">
      <c r="A109" s="5">
        <v>85</v>
      </c>
      <c r="B109" s="22">
        <v>99</v>
      </c>
      <c r="C109" s="14">
        <v>154</v>
      </c>
      <c r="D109" s="18">
        <v>253</v>
      </c>
    </row>
    <row r="110" spans="1:4" ht="18" customHeight="1" x14ac:dyDescent="0.15">
      <c r="A110" s="5">
        <v>86</v>
      </c>
      <c r="B110" s="22">
        <v>89</v>
      </c>
      <c r="C110" s="14">
        <v>136</v>
      </c>
      <c r="D110" s="18">
        <v>225</v>
      </c>
    </row>
    <row r="111" spans="1:4" ht="18" customHeight="1" x14ac:dyDescent="0.15">
      <c r="A111" s="5">
        <v>87</v>
      </c>
      <c r="B111" s="22">
        <v>72</v>
      </c>
      <c r="C111" s="14">
        <v>105</v>
      </c>
      <c r="D111" s="18">
        <v>177</v>
      </c>
    </row>
    <row r="112" spans="1:4" ht="18" customHeight="1" x14ac:dyDescent="0.15">
      <c r="A112" s="5">
        <v>88</v>
      </c>
      <c r="B112" s="22">
        <v>67</v>
      </c>
      <c r="C112" s="14">
        <v>118</v>
      </c>
      <c r="D112" s="18">
        <v>185</v>
      </c>
    </row>
    <row r="113" spans="1:4" ht="18" customHeight="1" x14ac:dyDescent="0.15">
      <c r="A113" s="5">
        <v>89</v>
      </c>
      <c r="B113" s="22">
        <v>63</v>
      </c>
      <c r="C113" s="14">
        <v>100</v>
      </c>
      <c r="D113" s="18">
        <v>163</v>
      </c>
    </row>
    <row r="114" spans="1:4" ht="18" customHeight="1" x14ac:dyDescent="0.15">
      <c r="A114" s="5" t="s">
        <v>37</v>
      </c>
      <c r="B114" s="22">
        <v>390</v>
      </c>
      <c r="C114" s="14">
        <v>613</v>
      </c>
      <c r="D114" s="18">
        <v>1003</v>
      </c>
    </row>
    <row r="115" spans="1:4" ht="18" customHeight="1" x14ac:dyDescent="0.15">
      <c r="A115" s="5">
        <v>90</v>
      </c>
      <c r="B115" s="22">
        <v>59</v>
      </c>
      <c r="C115" s="14">
        <v>118</v>
      </c>
      <c r="D115" s="18">
        <v>177</v>
      </c>
    </row>
    <row r="116" spans="1:4" ht="18" customHeight="1" x14ac:dyDescent="0.15">
      <c r="A116" s="5">
        <v>91</v>
      </c>
      <c r="B116" s="22">
        <v>35</v>
      </c>
      <c r="C116" s="14">
        <v>97</v>
      </c>
      <c r="D116" s="18">
        <v>132</v>
      </c>
    </row>
    <row r="117" spans="1:4" ht="18" customHeight="1" x14ac:dyDescent="0.15">
      <c r="A117" s="5">
        <v>92</v>
      </c>
      <c r="B117" s="22">
        <v>28</v>
      </c>
      <c r="C117" s="14">
        <v>115</v>
      </c>
      <c r="D117" s="18">
        <v>143</v>
      </c>
    </row>
    <row r="118" spans="1:4" ht="18" customHeight="1" x14ac:dyDescent="0.15">
      <c r="A118" s="5">
        <v>93</v>
      </c>
      <c r="B118" s="22">
        <v>13</v>
      </c>
      <c r="C118" s="14">
        <v>94</v>
      </c>
      <c r="D118" s="18">
        <v>107</v>
      </c>
    </row>
    <row r="119" spans="1:4" ht="18" customHeight="1" x14ac:dyDescent="0.15">
      <c r="A119" s="5">
        <v>94</v>
      </c>
      <c r="B119" s="22">
        <v>22</v>
      </c>
      <c r="C119" s="14">
        <v>68</v>
      </c>
      <c r="D119" s="18">
        <v>90</v>
      </c>
    </row>
    <row r="120" spans="1:4" ht="18" customHeight="1" x14ac:dyDescent="0.15">
      <c r="A120" s="5" t="s">
        <v>39</v>
      </c>
      <c r="B120" s="22">
        <v>157</v>
      </c>
      <c r="C120" s="14">
        <v>492</v>
      </c>
      <c r="D120" s="18">
        <v>649</v>
      </c>
    </row>
    <row r="121" spans="1:4" ht="18" customHeight="1" x14ac:dyDescent="0.15">
      <c r="A121" s="5">
        <v>95</v>
      </c>
      <c r="B121" s="22">
        <v>17</v>
      </c>
      <c r="C121" s="14">
        <v>61</v>
      </c>
      <c r="D121" s="18">
        <v>78</v>
      </c>
    </row>
    <row r="122" spans="1:4" ht="18" customHeight="1" x14ac:dyDescent="0.15">
      <c r="A122" s="5">
        <v>96</v>
      </c>
      <c r="B122" s="22">
        <v>11</v>
      </c>
      <c r="C122" s="14">
        <v>33</v>
      </c>
      <c r="D122" s="18">
        <v>44</v>
      </c>
    </row>
    <row r="123" spans="1:4" ht="18" customHeight="1" x14ac:dyDescent="0.15">
      <c r="A123" s="5">
        <v>97</v>
      </c>
      <c r="B123" s="22">
        <v>9</v>
      </c>
      <c r="C123" s="14">
        <v>28</v>
      </c>
      <c r="D123" s="18">
        <v>37</v>
      </c>
    </row>
    <row r="124" spans="1:4" ht="18" customHeight="1" x14ac:dyDescent="0.15">
      <c r="A124" s="5">
        <v>98</v>
      </c>
      <c r="B124" s="22">
        <v>6</v>
      </c>
      <c r="C124" s="14">
        <v>18</v>
      </c>
      <c r="D124" s="18">
        <v>24</v>
      </c>
    </row>
    <row r="125" spans="1:4" ht="18" customHeight="1" x14ac:dyDescent="0.15">
      <c r="A125" s="5">
        <v>99</v>
      </c>
      <c r="B125" s="22">
        <v>5</v>
      </c>
      <c r="C125" s="14">
        <v>12</v>
      </c>
      <c r="D125" s="18">
        <v>17</v>
      </c>
    </row>
    <row r="126" spans="1:4" ht="18" customHeight="1" x14ac:dyDescent="0.15">
      <c r="A126" s="5" t="s">
        <v>40</v>
      </c>
      <c r="B126" s="22">
        <v>48</v>
      </c>
      <c r="C126" s="14">
        <v>152</v>
      </c>
      <c r="D126" s="18">
        <v>200</v>
      </c>
    </row>
    <row r="127" spans="1:4" ht="18" customHeight="1" x14ac:dyDescent="0.15">
      <c r="A127" s="5">
        <v>100</v>
      </c>
      <c r="B127" s="22">
        <v>4</v>
      </c>
      <c r="C127" s="14">
        <v>10</v>
      </c>
      <c r="D127" s="18">
        <v>14</v>
      </c>
    </row>
    <row r="128" spans="1:4" ht="18" customHeight="1" x14ac:dyDescent="0.15">
      <c r="A128" s="6" t="s">
        <v>43</v>
      </c>
      <c r="B128" s="22">
        <v>1</v>
      </c>
      <c r="C128" s="14">
        <v>20</v>
      </c>
      <c r="D128" s="18">
        <v>21</v>
      </c>
    </row>
    <row r="129" spans="1:4" ht="18" customHeight="1" x14ac:dyDescent="0.15">
      <c r="A129" s="5" t="s">
        <v>44</v>
      </c>
      <c r="B129" s="22">
        <v>5</v>
      </c>
      <c r="C129" s="14">
        <v>30</v>
      </c>
      <c r="D129" s="18">
        <v>35</v>
      </c>
    </row>
    <row r="130" spans="1:4" ht="18" customHeight="1" x14ac:dyDescent="0.15">
      <c r="A130" s="5" t="s">
        <v>46</v>
      </c>
      <c r="B130" s="22">
        <v>4653</v>
      </c>
      <c r="C130" s="14">
        <v>5961</v>
      </c>
      <c r="D130" s="18">
        <v>10614</v>
      </c>
    </row>
    <row r="131" spans="1:4" ht="18" customHeight="1" x14ac:dyDescent="0.15">
      <c r="A131" s="7" t="s">
        <v>45</v>
      </c>
      <c r="B131" s="23">
        <v>19897</v>
      </c>
      <c r="C131" s="15">
        <v>20477</v>
      </c>
      <c r="D131" s="19">
        <v>403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1FE2DE-93A5-492A-89DF-7957D6D25D55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2</v>
      </c>
      <c r="B1" s="61"/>
      <c r="C1" s="61"/>
      <c r="D1" s="61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60">
        <v>0</v>
      </c>
      <c r="B5" s="58" t="s">
        <v>220</v>
      </c>
      <c r="C5" s="57" t="s">
        <v>220</v>
      </c>
      <c r="D5" s="56" t="s">
        <v>220</v>
      </c>
    </row>
    <row r="6" spans="1:4" ht="18" customHeight="1" x14ac:dyDescent="0.15">
      <c r="A6" s="55">
        <v>1</v>
      </c>
      <c r="B6" s="58" t="s">
        <v>220</v>
      </c>
      <c r="C6" s="57" t="s">
        <v>220</v>
      </c>
      <c r="D6" s="56" t="s">
        <v>220</v>
      </c>
    </row>
    <row r="7" spans="1:4" ht="18" customHeight="1" x14ac:dyDescent="0.15">
      <c r="A7" s="55">
        <v>2</v>
      </c>
      <c r="B7" s="58" t="s">
        <v>220</v>
      </c>
      <c r="C7" s="57" t="s">
        <v>220</v>
      </c>
      <c r="D7" s="56" t="s">
        <v>220</v>
      </c>
    </row>
    <row r="8" spans="1:4" ht="18" customHeight="1" x14ac:dyDescent="0.15">
      <c r="A8" s="55">
        <v>3</v>
      </c>
      <c r="B8" s="58" t="s">
        <v>220</v>
      </c>
      <c r="C8" s="57" t="s">
        <v>220</v>
      </c>
      <c r="D8" s="56" t="s">
        <v>220</v>
      </c>
    </row>
    <row r="9" spans="1:4" ht="18" customHeight="1" x14ac:dyDescent="0.15">
      <c r="A9" s="55">
        <v>4</v>
      </c>
      <c r="B9" s="58" t="s">
        <v>220</v>
      </c>
      <c r="C9" s="57" t="s">
        <v>220</v>
      </c>
      <c r="D9" s="56" t="s">
        <v>220</v>
      </c>
    </row>
    <row r="10" spans="1:4" ht="18" customHeight="1" x14ac:dyDescent="0.15">
      <c r="A10" s="55" t="s">
        <v>7</v>
      </c>
      <c r="B10" s="58" t="s">
        <v>220</v>
      </c>
      <c r="C10" s="57" t="s">
        <v>220</v>
      </c>
      <c r="D10" s="56" t="s">
        <v>220</v>
      </c>
    </row>
    <row r="11" spans="1:4" ht="18" customHeight="1" x14ac:dyDescent="0.15">
      <c r="A11" s="55">
        <v>5</v>
      </c>
      <c r="B11" s="58" t="s">
        <v>220</v>
      </c>
      <c r="C11" s="57" t="s">
        <v>220</v>
      </c>
      <c r="D11" s="56" t="s">
        <v>220</v>
      </c>
    </row>
    <row r="12" spans="1:4" ht="18" customHeight="1" x14ac:dyDescent="0.15">
      <c r="A12" s="55">
        <v>6</v>
      </c>
      <c r="B12" s="58" t="s">
        <v>220</v>
      </c>
      <c r="C12" s="57" t="s">
        <v>220</v>
      </c>
      <c r="D12" s="56" t="s">
        <v>220</v>
      </c>
    </row>
    <row r="13" spans="1:4" ht="18" customHeight="1" x14ac:dyDescent="0.15">
      <c r="A13" s="55">
        <v>7</v>
      </c>
      <c r="B13" s="58" t="s">
        <v>220</v>
      </c>
      <c r="C13" s="57" t="s">
        <v>220</v>
      </c>
      <c r="D13" s="56" t="s">
        <v>220</v>
      </c>
    </row>
    <row r="14" spans="1:4" ht="18" customHeight="1" x14ac:dyDescent="0.15">
      <c r="A14" s="55">
        <v>8</v>
      </c>
      <c r="B14" s="58" t="s">
        <v>220</v>
      </c>
      <c r="C14" s="57" t="s">
        <v>220</v>
      </c>
      <c r="D14" s="56" t="s">
        <v>220</v>
      </c>
    </row>
    <row r="15" spans="1:4" ht="18" customHeight="1" x14ac:dyDescent="0.15">
      <c r="A15" s="55">
        <v>9</v>
      </c>
      <c r="B15" s="58" t="s">
        <v>220</v>
      </c>
      <c r="C15" s="57" t="s">
        <v>220</v>
      </c>
      <c r="D15" s="56" t="s">
        <v>220</v>
      </c>
    </row>
    <row r="16" spans="1:4" ht="18" customHeight="1" x14ac:dyDescent="0.15">
      <c r="A16" s="55" t="s">
        <v>11</v>
      </c>
      <c r="B16" s="58" t="s">
        <v>220</v>
      </c>
      <c r="C16" s="57" t="s">
        <v>220</v>
      </c>
      <c r="D16" s="56" t="s">
        <v>220</v>
      </c>
    </row>
    <row r="17" spans="1:4" ht="18" customHeight="1" x14ac:dyDescent="0.15">
      <c r="A17" s="55">
        <v>10</v>
      </c>
      <c r="B17" s="58" t="s">
        <v>220</v>
      </c>
      <c r="C17" s="57" t="s">
        <v>220</v>
      </c>
      <c r="D17" s="56" t="s">
        <v>220</v>
      </c>
    </row>
    <row r="18" spans="1:4" ht="18" customHeight="1" x14ac:dyDescent="0.15">
      <c r="A18" s="55">
        <v>11</v>
      </c>
      <c r="B18" s="58" t="s">
        <v>220</v>
      </c>
      <c r="C18" s="57" t="s">
        <v>220</v>
      </c>
      <c r="D18" s="56" t="s">
        <v>220</v>
      </c>
    </row>
    <row r="19" spans="1:4" ht="18" customHeight="1" x14ac:dyDescent="0.15">
      <c r="A19" s="55">
        <v>12</v>
      </c>
      <c r="B19" s="58" t="s">
        <v>220</v>
      </c>
      <c r="C19" s="57" t="s">
        <v>220</v>
      </c>
      <c r="D19" s="56" t="s">
        <v>220</v>
      </c>
    </row>
    <row r="20" spans="1:4" ht="18" customHeight="1" x14ac:dyDescent="0.15">
      <c r="A20" s="55">
        <v>13</v>
      </c>
      <c r="B20" s="58" t="s">
        <v>220</v>
      </c>
      <c r="C20" s="57" t="s">
        <v>220</v>
      </c>
      <c r="D20" s="56" t="s">
        <v>220</v>
      </c>
    </row>
    <row r="21" spans="1:4" ht="18" customHeight="1" x14ac:dyDescent="0.15">
      <c r="A21" s="55">
        <v>14</v>
      </c>
      <c r="B21" s="58" t="s">
        <v>220</v>
      </c>
      <c r="C21" s="57" t="s">
        <v>220</v>
      </c>
      <c r="D21" s="56" t="s">
        <v>220</v>
      </c>
    </row>
    <row r="22" spans="1:4" ht="18" customHeight="1" x14ac:dyDescent="0.15">
      <c r="A22" s="55" t="s">
        <v>12</v>
      </c>
      <c r="B22" s="58" t="s">
        <v>220</v>
      </c>
      <c r="C22" s="57" t="s">
        <v>220</v>
      </c>
      <c r="D22" s="56" t="s">
        <v>220</v>
      </c>
    </row>
    <row r="23" spans="1:4" ht="18" customHeight="1" x14ac:dyDescent="0.15">
      <c r="A23" s="55" t="s">
        <v>6</v>
      </c>
      <c r="B23" s="54">
        <v>0</v>
      </c>
      <c r="C23" s="53">
        <v>0</v>
      </c>
      <c r="D23" s="52">
        <v>0</v>
      </c>
    </row>
    <row r="24" spans="1:4" ht="18" customHeight="1" x14ac:dyDescent="0.15">
      <c r="A24" s="55">
        <v>15</v>
      </c>
      <c r="B24" s="58" t="s">
        <v>220</v>
      </c>
      <c r="C24" s="57" t="s">
        <v>220</v>
      </c>
      <c r="D24" s="56" t="s">
        <v>220</v>
      </c>
    </row>
    <row r="25" spans="1:4" ht="18" customHeight="1" x14ac:dyDescent="0.15">
      <c r="A25" s="55">
        <v>16</v>
      </c>
      <c r="B25" s="58" t="s">
        <v>220</v>
      </c>
      <c r="C25" s="57" t="s">
        <v>220</v>
      </c>
      <c r="D25" s="56" t="s">
        <v>220</v>
      </c>
    </row>
    <row r="26" spans="1:4" ht="18" customHeight="1" x14ac:dyDescent="0.15">
      <c r="A26" s="55">
        <v>17</v>
      </c>
      <c r="B26" s="58" t="s">
        <v>220</v>
      </c>
      <c r="C26" s="57" t="s">
        <v>220</v>
      </c>
      <c r="D26" s="56" t="s">
        <v>220</v>
      </c>
    </row>
    <row r="27" spans="1:4" ht="18" customHeight="1" x14ac:dyDescent="0.15">
      <c r="A27" s="55">
        <v>18</v>
      </c>
      <c r="B27" s="58" t="s">
        <v>220</v>
      </c>
      <c r="C27" s="57" t="s">
        <v>220</v>
      </c>
      <c r="D27" s="56" t="s">
        <v>220</v>
      </c>
    </row>
    <row r="28" spans="1:4" ht="18" customHeight="1" x14ac:dyDescent="0.15">
      <c r="A28" s="55">
        <v>19</v>
      </c>
      <c r="B28" s="58" t="s">
        <v>220</v>
      </c>
      <c r="C28" s="57" t="s">
        <v>220</v>
      </c>
      <c r="D28" s="56" t="s">
        <v>220</v>
      </c>
    </row>
    <row r="29" spans="1:4" ht="18" customHeight="1" x14ac:dyDescent="0.15">
      <c r="A29" s="55" t="s">
        <v>14</v>
      </c>
      <c r="B29" s="58" t="s">
        <v>220</v>
      </c>
      <c r="C29" s="57" t="s">
        <v>220</v>
      </c>
      <c r="D29" s="56" t="s">
        <v>220</v>
      </c>
    </row>
    <row r="30" spans="1:4" ht="18" customHeight="1" x14ac:dyDescent="0.15">
      <c r="A30" s="55">
        <v>20</v>
      </c>
      <c r="B30" s="58" t="s">
        <v>220</v>
      </c>
      <c r="C30" s="57" t="s">
        <v>220</v>
      </c>
      <c r="D30" s="56" t="s">
        <v>220</v>
      </c>
    </row>
    <row r="31" spans="1:4" ht="18" customHeight="1" x14ac:dyDescent="0.15">
      <c r="A31" s="55">
        <v>21</v>
      </c>
      <c r="B31" s="58" t="s">
        <v>220</v>
      </c>
      <c r="C31" s="57" t="s">
        <v>220</v>
      </c>
      <c r="D31" s="56" t="s">
        <v>220</v>
      </c>
    </row>
    <row r="32" spans="1:4" ht="18" customHeight="1" x14ac:dyDescent="0.15">
      <c r="A32" s="55">
        <v>22</v>
      </c>
      <c r="B32" s="58" t="s">
        <v>220</v>
      </c>
      <c r="C32" s="57" t="s">
        <v>220</v>
      </c>
      <c r="D32" s="56" t="s">
        <v>220</v>
      </c>
    </row>
    <row r="33" spans="1:4" ht="18" customHeight="1" x14ac:dyDescent="0.15">
      <c r="A33" s="55">
        <v>23</v>
      </c>
      <c r="B33" s="58" t="s">
        <v>220</v>
      </c>
      <c r="C33" s="57" t="s">
        <v>220</v>
      </c>
      <c r="D33" s="56" t="s">
        <v>220</v>
      </c>
    </row>
    <row r="34" spans="1:4" ht="18" customHeight="1" x14ac:dyDescent="0.15">
      <c r="A34" s="55">
        <v>24</v>
      </c>
      <c r="B34" s="58" t="s">
        <v>220</v>
      </c>
      <c r="C34" s="57" t="s">
        <v>220</v>
      </c>
      <c r="D34" s="56" t="s">
        <v>220</v>
      </c>
    </row>
    <row r="35" spans="1:4" ht="18" customHeight="1" x14ac:dyDescent="0.15">
      <c r="A35" s="55" t="s">
        <v>9</v>
      </c>
      <c r="B35" s="58" t="s">
        <v>220</v>
      </c>
      <c r="C35" s="57" t="s">
        <v>220</v>
      </c>
      <c r="D35" s="56" t="s">
        <v>220</v>
      </c>
    </row>
    <row r="36" spans="1:4" ht="18" customHeight="1" x14ac:dyDescent="0.15">
      <c r="A36" s="55">
        <v>25</v>
      </c>
      <c r="B36" s="58" t="s">
        <v>220</v>
      </c>
      <c r="C36" s="57" t="s">
        <v>220</v>
      </c>
      <c r="D36" s="56" t="s">
        <v>220</v>
      </c>
    </row>
    <row r="37" spans="1:4" ht="18" customHeight="1" x14ac:dyDescent="0.15">
      <c r="A37" s="55">
        <v>26</v>
      </c>
      <c r="B37" s="58" t="s">
        <v>220</v>
      </c>
      <c r="C37" s="57" t="s">
        <v>220</v>
      </c>
      <c r="D37" s="56" t="s">
        <v>220</v>
      </c>
    </row>
    <row r="38" spans="1:4" ht="18" customHeight="1" x14ac:dyDescent="0.15">
      <c r="A38" s="55">
        <v>27</v>
      </c>
      <c r="B38" s="58" t="s">
        <v>220</v>
      </c>
      <c r="C38" s="57" t="s">
        <v>220</v>
      </c>
      <c r="D38" s="56" t="s">
        <v>220</v>
      </c>
    </row>
    <row r="39" spans="1:4" ht="18" customHeight="1" x14ac:dyDescent="0.15">
      <c r="A39" s="55">
        <v>28</v>
      </c>
      <c r="B39" s="58" t="s">
        <v>220</v>
      </c>
      <c r="C39" s="57" t="s">
        <v>220</v>
      </c>
      <c r="D39" s="56" t="s">
        <v>220</v>
      </c>
    </row>
    <row r="40" spans="1:4" ht="18" customHeight="1" x14ac:dyDescent="0.15">
      <c r="A40" s="55">
        <v>29</v>
      </c>
      <c r="B40" s="58" t="s">
        <v>220</v>
      </c>
      <c r="C40" s="57" t="s">
        <v>220</v>
      </c>
      <c r="D40" s="56" t="s">
        <v>220</v>
      </c>
    </row>
    <row r="41" spans="1:4" ht="18" customHeight="1" x14ac:dyDescent="0.15">
      <c r="A41" s="55" t="s">
        <v>2</v>
      </c>
      <c r="B41" s="58" t="s">
        <v>220</v>
      </c>
      <c r="C41" s="57" t="s">
        <v>220</v>
      </c>
      <c r="D41" s="56" t="s">
        <v>220</v>
      </c>
    </row>
    <row r="42" spans="1:4" ht="18" customHeight="1" x14ac:dyDescent="0.15">
      <c r="A42" s="55">
        <v>30</v>
      </c>
      <c r="B42" s="58" t="s">
        <v>220</v>
      </c>
      <c r="C42" s="57" t="s">
        <v>220</v>
      </c>
      <c r="D42" s="56" t="s">
        <v>220</v>
      </c>
    </row>
    <row r="43" spans="1:4" ht="18" customHeight="1" x14ac:dyDescent="0.15">
      <c r="A43" s="55">
        <v>31</v>
      </c>
      <c r="B43" s="58" t="s">
        <v>220</v>
      </c>
      <c r="C43" s="57" t="s">
        <v>220</v>
      </c>
      <c r="D43" s="56" t="s">
        <v>220</v>
      </c>
    </row>
    <row r="44" spans="1:4" ht="18" customHeight="1" x14ac:dyDescent="0.15">
      <c r="A44" s="55">
        <v>32</v>
      </c>
      <c r="B44" s="58" t="s">
        <v>220</v>
      </c>
      <c r="C44" s="57" t="s">
        <v>220</v>
      </c>
      <c r="D44" s="56" t="s">
        <v>220</v>
      </c>
    </row>
    <row r="45" spans="1:4" ht="18" customHeight="1" x14ac:dyDescent="0.15">
      <c r="A45" s="55">
        <v>33</v>
      </c>
      <c r="B45" s="58" t="s">
        <v>220</v>
      </c>
      <c r="C45" s="57" t="s">
        <v>220</v>
      </c>
      <c r="D45" s="56" t="s">
        <v>220</v>
      </c>
    </row>
    <row r="46" spans="1:4" ht="18" customHeight="1" x14ac:dyDescent="0.15">
      <c r="A46" s="55">
        <v>34</v>
      </c>
      <c r="B46" s="58" t="s">
        <v>220</v>
      </c>
      <c r="C46" s="57" t="s">
        <v>220</v>
      </c>
      <c r="D46" s="56" t="s">
        <v>220</v>
      </c>
    </row>
    <row r="47" spans="1:4" ht="18" customHeight="1" x14ac:dyDescent="0.15">
      <c r="A47" s="55" t="s">
        <v>15</v>
      </c>
      <c r="B47" s="58" t="s">
        <v>220</v>
      </c>
      <c r="C47" s="57" t="s">
        <v>220</v>
      </c>
      <c r="D47" s="56" t="s">
        <v>220</v>
      </c>
    </row>
    <row r="48" spans="1:4" ht="18" customHeight="1" x14ac:dyDescent="0.15">
      <c r="A48" s="55">
        <v>35</v>
      </c>
      <c r="B48" s="58" t="s">
        <v>220</v>
      </c>
      <c r="C48" s="57" t="s">
        <v>220</v>
      </c>
      <c r="D48" s="56" t="s">
        <v>220</v>
      </c>
    </row>
    <row r="49" spans="1:4" ht="18" customHeight="1" x14ac:dyDescent="0.15">
      <c r="A49" s="55">
        <v>36</v>
      </c>
      <c r="B49" s="58" t="s">
        <v>220</v>
      </c>
      <c r="C49" s="57" t="s">
        <v>220</v>
      </c>
      <c r="D49" s="56" t="s">
        <v>220</v>
      </c>
    </row>
    <row r="50" spans="1:4" ht="18" customHeight="1" x14ac:dyDescent="0.15">
      <c r="A50" s="55">
        <v>37</v>
      </c>
      <c r="B50" s="58" t="s">
        <v>220</v>
      </c>
      <c r="C50" s="57" t="s">
        <v>220</v>
      </c>
      <c r="D50" s="56" t="s">
        <v>220</v>
      </c>
    </row>
    <row r="51" spans="1:4" ht="18" customHeight="1" x14ac:dyDescent="0.15">
      <c r="A51" s="55">
        <v>38</v>
      </c>
      <c r="B51" s="58" t="s">
        <v>220</v>
      </c>
      <c r="C51" s="57" t="s">
        <v>220</v>
      </c>
      <c r="D51" s="56" t="s">
        <v>220</v>
      </c>
    </row>
    <row r="52" spans="1:4" ht="18" customHeight="1" x14ac:dyDescent="0.15">
      <c r="A52" s="55">
        <v>39</v>
      </c>
      <c r="B52" s="58" t="s">
        <v>220</v>
      </c>
      <c r="C52" s="57" t="s">
        <v>220</v>
      </c>
      <c r="D52" s="56" t="s">
        <v>220</v>
      </c>
    </row>
    <row r="53" spans="1:4" ht="18" customHeight="1" x14ac:dyDescent="0.15">
      <c r="A53" s="55" t="s">
        <v>18</v>
      </c>
      <c r="B53" s="58" t="s">
        <v>220</v>
      </c>
      <c r="C53" s="57" t="s">
        <v>220</v>
      </c>
      <c r="D53" s="56" t="s">
        <v>220</v>
      </c>
    </row>
    <row r="54" spans="1:4" ht="18" customHeight="1" x14ac:dyDescent="0.15">
      <c r="A54" s="55">
        <v>40</v>
      </c>
      <c r="B54" s="58" t="s">
        <v>220</v>
      </c>
      <c r="C54" s="57" t="s">
        <v>220</v>
      </c>
      <c r="D54" s="56" t="s">
        <v>220</v>
      </c>
    </row>
    <row r="55" spans="1:4" ht="18" customHeight="1" x14ac:dyDescent="0.15">
      <c r="A55" s="55">
        <v>41</v>
      </c>
      <c r="B55" s="58" t="s">
        <v>220</v>
      </c>
      <c r="C55" s="57" t="s">
        <v>220</v>
      </c>
      <c r="D55" s="56" t="s">
        <v>220</v>
      </c>
    </row>
    <row r="56" spans="1:4" ht="18" customHeight="1" x14ac:dyDescent="0.15">
      <c r="A56" s="55">
        <v>42</v>
      </c>
      <c r="B56" s="58" t="s">
        <v>220</v>
      </c>
      <c r="C56" s="57" t="s">
        <v>220</v>
      </c>
      <c r="D56" s="56" t="s">
        <v>220</v>
      </c>
    </row>
    <row r="57" spans="1:4" ht="18" customHeight="1" x14ac:dyDescent="0.15">
      <c r="A57" s="55">
        <v>43</v>
      </c>
      <c r="B57" s="58" t="s">
        <v>220</v>
      </c>
      <c r="C57" s="57" t="s">
        <v>220</v>
      </c>
      <c r="D57" s="56" t="s">
        <v>220</v>
      </c>
    </row>
    <row r="58" spans="1:4" ht="18" customHeight="1" x14ac:dyDescent="0.15">
      <c r="A58" s="55">
        <v>44</v>
      </c>
      <c r="B58" s="58" t="s">
        <v>220</v>
      </c>
      <c r="C58" s="57" t="s">
        <v>220</v>
      </c>
      <c r="D58" s="56" t="s">
        <v>220</v>
      </c>
    </row>
    <row r="59" spans="1:4" ht="18" customHeight="1" x14ac:dyDescent="0.15">
      <c r="A59" s="55" t="s">
        <v>21</v>
      </c>
      <c r="B59" s="58" t="s">
        <v>220</v>
      </c>
      <c r="C59" s="57" t="s">
        <v>220</v>
      </c>
      <c r="D59" s="56" t="s">
        <v>220</v>
      </c>
    </row>
    <row r="60" spans="1:4" ht="18" customHeight="1" x14ac:dyDescent="0.15">
      <c r="A60" s="55">
        <v>45</v>
      </c>
      <c r="B60" s="58" t="s">
        <v>220</v>
      </c>
      <c r="C60" s="57" t="s">
        <v>220</v>
      </c>
      <c r="D60" s="56" t="s">
        <v>220</v>
      </c>
    </row>
    <row r="61" spans="1:4" ht="18" customHeight="1" x14ac:dyDescent="0.15">
      <c r="A61" s="55">
        <v>46</v>
      </c>
      <c r="B61" s="58" t="s">
        <v>220</v>
      </c>
      <c r="C61" s="57" t="s">
        <v>220</v>
      </c>
      <c r="D61" s="56" t="s">
        <v>220</v>
      </c>
    </row>
    <row r="62" spans="1:4" ht="18" customHeight="1" x14ac:dyDescent="0.15">
      <c r="A62" s="55">
        <v>47</v>
      </c>
      <c r="B62" s="58" t="s">
        <v>220</v>
      </c>
      <c r="C62" s="57" t="s">
        <v>220</v>
      </c>
      <c r="D62" s="56" t="s">
        <v>220</v>
      </c>
    </row>
    <row r="63" spans="1:4" ht="18" customHeight="1" x14ac:dyDescent="0.15">
      <c r="A63" s="55">
        <v>48</v>
      </c>
      <c r="B63" s="58" t="s">
        <v>220</v>
      </c>
      <c r="C63" s="57" t="s">
        <v>220</v>
      </c>
      <c r="D63" s="56" t="s">
        <v>220</v>
      </c>
    </row>
    <row r="64" spans="1:4" ht="18" customHeight="1" x14ac:dyDescent="0.15">
      <c r="A64" s="55">
        <v>49</v>
      </c>
      <c r="B64" s="58" t="s">
        <v>220</v>
      </c>
      <c r="C64" s="57" t="s">
        <v>220</v>
      </c>
      <c r="D64" s="56" t="s">
        <v>220</v>
      </c>
    </row>
    <row r="65" spans="1:4" ht="18" customHeight="1" x14ac:dyDescent="0.15">
      <c r="A65" s="55" t="s">
        <v>17</v>
      </c>
      <c r="B65" s="58" t="s">
        <v>220</v>
      </c>
      <c r="C65" s="57" t="s">
        <v>220</v>
      </c>
      <c r="D65" s="56" t="s">
        <v>220</v>
      </c>
    </row>
    <row r="66" spans="1:4" ht="18" customHeight="1" x14ac:dyDescent="0.15">
      <c r="A66" s="55">
        <v>50</v>
      </c>
      <c r="B66" s="58" t="s">
        <v>220</v>
      </c>
      <c r="C66" s="57" t="s">
        <v>220</v>
      </c>
      <c r="D66" s="56" t="s">
        <v>220</v>
      </c>
    </row>
    <row r="67" spans="1:4" ht="18" customHeight="1" x14ac:dyDescent="0.15">
      <c r="A67" s="55">
        <v>51</v>
      </c>
      <c r="B67" s="58" t="s">
        <v>220</v>
      </c>
      <c r="C67" s="57" t="s">
        <v>220</v>
      </c>
      <c r="D67" s="56" t="s">
        <v>220</v>
      </c>
    </row>
    <row r="68" spans="1:4" ht="18" customHeight="1" x14ac:dyDescent="0.15">
      <c r="A68" s="55">
        <v>52</v>
      </c>
      <c r="B68" s="58" t="s">
        <v>220</v>
      </c>
      <c r="C68" s="57" t="s">
        <v>220</v>
      </c>
      <c r="D68" s="56" t="s">
        <v>220</v>
      </c>
    </row>
    <row r="69" spans="1:4" ht="18" customHeight="1" x14ac:dyDescent="0.15">
      <c r="A69" s="55">
        <v>53</v>
      </c>
      <c r="B69" s="58" t="s">
        <v>220</v>
      </c>
      <c r="C69" s="57" t="s">
        <v>220</v>
      </c>
      <c r="D69" s="56" t="s">
        <v>220</v>
      </c>
    </row>
    <row r="70" spans="1:4" ht="18" customHeight="1" x14ac:dyDescent="0.15">
      <c r="A70" s="55">
        <v>54</v>
      </c>
      <c r="B70" s="58" t="s">
        <v>220</v>
      </c>
      <c r="C70" s="57" t="s">
        <v>220</v>
      </c>
      <c r="D70" s="56" t="s">
        <v>220</v>
      </c>
    </row>
    <row r="71" spans="1:4" ht="18" customHeight="1" x14ac:dyDescent="0.15">
      <c r="A71" s="55" t="s">
        <v>22</v>
      </c>
      <c r="B71" s="58" t="s">
        <v>220</v>
      </c>
      <c r="C71" s="57" t="s">
        <v>220</v>
      </c>
      <c r="D71" s="56" t="s">
        <v>220</v>
      </c>
    </row>
    <row r="72" spans="1:4" ht="18" customHeight="1" x14ac:dyDescent="0.15">
      <c r="A72" s="55">
        <v>55</v>
      </c>
      <c r="B72" s="58" t="s">
        <v>220</v>
      </c>
      <c r="C72" s="57" t="s">
        <v>220</v>
      </c>
      <c r="D72" s="56" t="s">
        <v>220</v>
      </c>
    </row>
    <row r="73" spans="1:4" ht="18" customHeight="1" x14ac:dyDescent="0.15">
      <c r="A73" s="55">
        <v>56</v>
      </c>
      <c r="B73" s="58" t="s">
        <v>220</v>
      </c>
      <c r="C73" s="57" t="s">
        <v>220</v>
      </c>
      <c r="D73" s="56" t="s">
        <v>220</v>
      </c>
    </row>
    <row r="74" spans="1:4" ht="18" customHeight="1" x14ac:dyDescent="0.15">
      <c r="A74" s="55">
        <v>57</v>
      </c>
      <c r="B74" s="58" t="s">
        <v>220</v>
      </c>
      <c r="C74" s="57" t="s">
        <v>220</v>
      </c>
      <c r="D74" s="56" t="s">
        <v>220</v>
      </c>
    </row>
    <row r="75" spans="1:4" ht="18" customHeight="1" x14ac:dyDescent="0.15">
      <c r="A75" s="55">
        <v>58</v>
      </c>
      <c r="B75" s="58" t="s">
        <v>220</v>
      </c>
      <c r="C75" s="57" t="s">
        <v>220</v>
      </c>
      <c r="D75" s="56" t="s">
        <v>220</v>
      </c>
    </row>
    <row r="76" spans="1:4" ht="18" customHeight="1" x14ac:dyDescent="0.15">
      <c r="A76" s="55">
        <v>59</v>
      </c>
      <c r="B76" s="58" t="s">
        <v>220</v>
      </c>
      <c r="C76" s="57" t="s">
        <v>220</v>
      </c>
      <c r="D76" s="56" t="s">
        <v>220</v>
      </c>
    </row>
    <row r="77" spans="1:4" ht="18" customHeight="1" x14ac:dyDescent="0.15">
      <c r="A77" s="55" t="s">
        <v>27</v>
      </c>
      <c r="B77" s="58" t="s">
        <v>220</v>
      </c>
      <c r="C77" s="57" t="s">
        <v>220</v>
      </c>
      <c r="D77" s="56" t="s">
        <v>220</v>
      </c>
    </row>
    <row r="78" spans="1:4" ht="18" customHeight="1" x14ac:dyDescent="0.15">
      <c r="A78" s="55">
        <v>60</v>
      </c>
      <c r="B78" s="58" t="s">
        <v>220</v>
      </c>
      <c r="C78" s="57" t="s">
        <v>220</v>
      </c>
      <c r="D78" s="56" t="s">
        <v>220</v>
      </c>
    </row>
    <row r="79" spans="1:4" ht="18" customHeight="1" x14ac:dyDescent="0.15">
      <c r="A79" s="55">
        <v>61</v>
      </c>
      <c r="B79" s="58" t="s">
        <v>220</v>
      </c>
      <c r="C79" s="57" t="s">
        <v>220</v>
      </c>
      <c r="D79" s="56" t="s">
        <v>220</v>
      </c>
    </row>
    <row r="80" spans="1:4" ht="18" customHeight="1" x14ac:dyDescent="0.15">
      <c r="A80" s="55">
        <v>62</v>
      </c>
      <c r="B80" s="58" t="s">
        <v>220</v>
      </c>
      <c r="C80" s="57" t="s">
        <v>220</v>
      </c>
      <c r="D80" s="56" t="s">
        <v>220</v>
      </c>
    </row>
    <row r="81" spans="1:4" ht="18" customHeight="1" x14ac:dyDescent="0.15">
      <c r="A81" s="55">
        <v>63</v>
      </c>
      <c r="B81" s="58" t="s">
        <v>220</v>
      </c>
      <c r="C81" s="57" t="s">
        <v>220</v>
      </c>
      <c r="D81" s="56" t="s">
        <v>220</v>
      </c>
    </row>
    <row r="82" spans="1:4" ht="18" customHeight="1" x14ac:dyDescent="0.15">
      <c r="A82" s="55">
        <v>64</v>
      </c>
      <c r="B82" s="58" t="s">
        <v>220</v>
      </c>
      <c r="C82" s="57" t="s">
        <v>220</v>
      </c>
      <c r="D82" s="56" t="s">
        <v>220</v>
      </c>
    </row>
    <row r="83" spans="1:4" ht="18" customHeight="1" x14ac:dyDescent="0.15">
      <c r="A83" s="55" t="s">
        <v>28</v>
      </c>
      <c r="B83" s="58" t="s">
        <v>220</v>
      </c>
      <c r="C83" s="57" t="s">
        <v>220</v>
      </c>
      <c r="D83" s="56" t="s">
        <v>220</v>
      </c>
    </row>
    <row r="84" spans="1:4" ht="18" customHeight="1" x14ac:dyDescent="0.15">
      <c r="A84" s="55" t="s">
        <v>31</v>
      </c>
      <c r="B84" s="54">
        <v>2</v>
      </c>
      <c r="C84" s="53">
        <v>3</v>
      </c>
      <c r="D84" s="52">
        <v>5</v>
      </c>
    </row>
    <row r="85" spans="1:4" ht="18" customHeight="1" x14ac:dyDescent="0.15">
      <c r="A85" s="55">
        <v>65</v>
      </c>
      <c r="B85" s="58" t="s">
        <v>220</v>
      </c>
      <c r="C85" s="57" t="s">
        <v>220</v>
      </c>
      <c r="D85" s="56" t="s">
        <v>220</v>
      </c>
    </row>
    <row r="86" spans="1:4" ht="18" customHeight="1" x14ac:dyDescent="0.15">
      <c r="A86" s="55">
        <v>66</v>
      </c>
      <c r="B86" s="58" t="s">
        <v>220</v>
      </c>
      <c r="C86" s="57" t="s">
        <v>220</v>
      </c>
      <c r="D86" s="56" t="s">
        <v>220</v>
      </c>
    </row>
    <row r="87" spans="1:4" ht="18" customHeight="1" x14ac:dyDescent="0.15">
      <c r="A87" s="55">
        <v>67</v>
      </c>
      <c r="B87" s="58" t="s">
        <v>220</v>
      </c>
      <c r="C87" s="57" t="s">
        <v>220</v>
      </c>
      <c r="D87" s="56" t="s">
        <v>220</v>
      </c>
    </row>
    <row r="88" spans="1:4" ht="18" customHeight="1" x14ac:dyDescent="0.15">
      <c r="A88" s="55">
        <v>68</v>
      </c>
      <c r="B88" s="58" t="s">
        <v>220</v>
      </c>
      <c r="C88" s="57" t="s">
        <v>220</v>
      </c>
      <c r="D88" s="56" t="s">
        <v>220</v>
      </c>
    </row>
    <row r="89" spans="1:4" ht="18" customHeight="1" x14ac:dyDescent="0.15">
      <c r="A89" s="55">
        <v>69</v>
      </c>
      <c r="B89" s="58" t="s">
        <v>220</v>
      </c>
      <c r="C89" s="57" t="s">
        <v>220</v>
      </c>
      <c r="D89" s="56" t="s">
        <v>220</v>
      </c>
    </row>
    <row r="90" spans="1:4" ht="18" customHeight="1" x14ac:dyDescent="0.15">
      <c r="A90" s="55" t="s">
        <v>20</v>
      </c>
      <c r="B90" s="58" t="s">
        <v>220</v>
      </c>
      <c r="C90" s="57" t="s">
        <v>220</v>
      </c>
      <c r="D90" s="56" t="s">
        <v>220</v>
      </c>
    </row>
    <row r="91" spans="1:4" ht="18" customHeight="1" x14ac:dyDescent="0.15">
      <c r="A91" s="55">
        <v>70</v>
      </c>
      <c r="B91" s="58" t="s">
        <v>220</v>
      </c>
      <c r="C91" s="57" t="s">
        <v>220</v>
      </c>
      <c r="D91" s="56" t="s">
        <v>220</v>
      </c>
    </row>
    <row r="92" spans="1:4" ht="18" customHeight="1" x14ac:dyDescent="0.15">
      <c r="A92" s="55">
        <v>71</v>
      </c>
      <c r="B92" s="58" t="s">
        <v>220</v>
      </c>
      <c r="C92" s="57" t="s">
        <v>220</v>
      </c>
      <c r="D92" s="56" t="s">
        <v>220</v>
      </c>
    </row>
    <row r="93" spans="1:4" ht="18" customHeight="1" x14ac:dyDescent="0.15">
      <c r="A93" s="55">
        <v>72</v>
      </c>
      <c r="B93" s="58" t="s">
        <v>220</v>
      </c>
      <c r="C93" s="57" t="s">
        <v>220</v>
      </c>
      <c r="D93" s="56" t="s">
        <v>220</v>
      </c>
    </row>
    <row r="94" spans="1:4" ht="18" customHeight="1" x14ac:dyDescent="0.15">
      <c r="A94" s="55">
        <v>73</v>
      </c>
      <c r="B94" s="58" t="s">
        <v>220</v>
      </c>
      <c r="C94" s="57" t="s">
        <v>220</v>
      </c>
      <c r="D94" s="56" t="s">
        <v>220</v>
      </c>
    </row>
    <row r="95" spans="1:4" ht="18" customHeight="1" x14ac:dyDescent="0.15">
      <c r="A95" s="55">
        <v>74</v>
      </c>
      <c r="B95" s="58" t="s">
        <v>220</v>
      </c>
      <c r="C95" s="57" t="s">
        <v>220</v>
      </c>
      <c r="D95" s="56" t="s">
        <v>220</v>
      </c>
    </row>
    <row r="96" spans="1:4" ht="18" customHeight="1" x14ac:dyDescent="0.15">
      <c r="A96" s="55" t="s">
        <v>33</v>
      </c>
      <c r="B96" s="58" t="s">
        <v>220</v>
      </c>
      <c r="C96" s="57" t="s">
        <v>220</v>
      </c>
      <c r="D96" s="56" t="s">
        <v>220</v>
      </c>
    </row>
    <row r="97" spans="1:4" ht="18" customHeight="1" x14ac:dyDescent="0.15">
      <c r="A97" s="55">
        <v>75</v>
      </c>
      <c r="B97" s="58" t="s">
        <v>220</v>
      </c>
      <c r="C97" s="57" t="s">
        <v>220</v>
      </c>
      <c r="D97" s="56" t="s">
        <v>220</v>
      </c>
    </row>
    <row r="98" spans="1:4" ht="18" customHeight="1" x14ac:dyDescent="0.15">
      <c r="A98" s="55">
        <v>76</v>
      </c>
      <c r="B98" s="58" t="s">
        <v>220</v>
      </c>
      <c r="C98" s="57" t="s">
        <v>220</v>
      </c>
      <c r="D98" s="56" t="s">
        <v>220</v>
      </c>
    </row>
    <row r="99" spans="1:4" ht="18" customHeight="1" x14ac:dyDescent="0.15">
      <c r="A99" s="55">
        <v>77</v>
      </c>
      <c r="B99" s="58" t="s">
        <v>220</v>
      </c>
      <c r="C99" s="57" t="s">
        <v>220</v>
      </c>
      <c r="D99" s="56" t="s">
        <v>220</v>
      </c>
    </row>
    <row r="100" spans="1:4" ht="18" customHeight="1" x14ac:dyDescent="0.15">
      <c r="A100" s="55">
        <v>78</v>
      </c>
      <c r="B100" s="58" t="s">
        <v>220</v>
      </c>
      <c r="C100" s="57" t="s">
        <v>220</v>
      </c>
      <c r="D100" s="56" t="s">
        <v>220</v>
      </c>
    </row>
    <row r="101" spans="1:4" ht="18" customHeight="1" x14ac:dyDescent="0.15">
      <c r="A101" s="55">
        <v>79</v>
      </c>
      <c r="B101" s="58" t="s">
        <v>220</v>
      </c>
      <c r="C101" s="57" t="s">
        <v>220</v>
      </c>
      <c r="D101" s="56" t="s">
        <v>220</v>
      </c>
    </row>
    <row r="102" spans="1:4" ht="18" customHeight="1" x14ac:dyDescent="0.15">
      <c r="A102" s="55" t="s">
        <v>0</v>
      </c>
      <c r="B102" s="58" t="s">
        <v>220</v>
      </c>
      <c r="C102" s="57" t="s">
        <v>220</v>
      </c>
      <c r="D102" s="56" t="s">
        <v>220</v>
      </c>
    </row>
    <row r="103" spans="1:4" ht="18" customHeight="1" x14ac:dyDescent="0.15">
      <c r="A103" s="55">
        <v>80</v>
      </c>
      <c r="B103" s="58" t="s">
        <v>220</v>
      </c>
      <c r="C103" s="57" t="s">
        <v>220</v>
      </c>
      <c r="D103" s="56" t="s">
        <v>220</v>
      </c>
    </row>
    <row r="104" spans="1:4" ht="18" customHeight="1" x14ac:dyDescent="0.15">
      <c r="A104" s="55">
        <v>81</v>
      </c>
      <c r="B104" s="58" t="s">
        <v>220</v>
      </c>
      <c r="C104" s="57" t="s">
        <v>220</v>
      </c>
      <c r="D104" s="56" t="s">
        <v>220</v>
      </c>
    </row>
    <row r="105" spans="1:4" ht="18" customHeight="1" x14ac:dyDescent="0.15">
      <c r="A105" s="55">
        <v>82</v>
      </c>
      <c r="B105" s="58" t="s">
        <v>220</v>
      </c>
      <c r="C105" s="57" t="s">
        <v>220</v>
      </c>
      <c r="D105" s="56" t="s">
        <v>220</v>
      </c>
    </row>
    <row r="106" spans="1:4" ht="18" customHeight="1" x14ac:dyDescent="0.15">
      <c r="A106" s="55">
        <v>83</v>
      </c>
      <c r="B106" s="58" t="s">
        <v>220</v>
      </c>
      <c r="C106" s="57" t="s">
        <v>220</v>
      </c>
      <c r="D106" s="56" t="s">
        <v>220</v>
      </c>
    </row>
    <row r="107" spans="1:4" ht="18" customHeight="1" x14ac:dyDescent="0.15">
      <c r="A107" s="55">
        <v>84</v>
      </c>
      <c r="B107" s="58" t="s">
        <v>220</v>
      </c>
      <c r="C107" s="57" t="s">
        <v>220</v>
      </c>
      <c r="D107" s="56" t="s">
        <v>220</v>
      </c>
    </row>
    <row r="108" spans="1:4" ht="18" customHeight="1" x14ac:dyDescent="0.15">
      <c r="A108" s="55" t="s">
        <v>35</v>
      </c>
      <c r="B108" s="58" t="s">
        <v>220</v>
      </c>
      <c r="C108" s="57" t="s">
        <v>220</v>
      </c>
      <c r="D108" s="56" t="s">
        <v>220</v>
      </c>
    </row>
    <row r="109" spans="1:4" ht="18" customHeight="1" x14ac:dyDescent="0.15">
      <c r="A109" s="55">
        <v>85</v>
      </c>
      <c r="B109" s="58" t="s">
        <v>220</v>
      </c>
      <c r="C109" s="57" t="s">
        <v>220</v>
      </c>
      <c r="D109" s="56" t="s">
        <v>220</v>
      </c>
    </row>
    <row r="110" spans="1:4" ht="18" customHeight="1" x14ac:dyDescent="0.15">
      <c r="A110" s="55">
        <v>86</v>
      </c>
      <c r="B110" s="58" t="s">
        <v>220</v>
      </c>
      <c r="C110" s="57" t="s">
        <v>220</v>
      </c>
      <c r="D110" s="56" t="s">
        <v>220</v>
      </c>
    </row>
    <row r="111" spans="1:4" ht="18" customHeight="1" x14ac:dyDescent="0.15">
      <c r="A111" s="55">
        <v>87</v>
      </c>
      <c r="B111" s="58" t="s">
        <v>220</v>
      </c>
      <c r="C111" s="57" t="s">
        <v>220</v>
      </c>
      <c r="D111" s="56" t="s">
        <v>220</v>
      </c>
    </row>
    <row r="112" spans="1:4" ht="18" customHeight="1" x14ac:dyDescent="0.15">
      <c r="A112" s="55">
        <v>88</v>
      </c>
      <c r="B112" s="58" t="s">
        <v>220</v>
      </c>
      <c r="C112" s="57" t="s">
        <v>220</v>
      </c>
      <c r="D112" s="56" t="s">
        <v>220</v>
      </c>
    </row>
    <row r="113" spans="1:4" ht="18" customHeight="1" x14ac:dyDescent="0.15">
      <c r="A113" s="55">
        <v>89</v>
      </c>
      <c r="B113" s="58" t="s">
        <v>220</v>
      </c>
      <c r="C113" s="57" t="s">
        <v>220</v>
      </c>
      <c r="D113" s="56" t="s">
        <v>220</v>
      </c>
    </row>
    <row r="114" spans="1:4" ht="18" customHeight="1" x14ac:dyDescent="0.15">
      <c r="A114" s="55" t="s">
        <v>37</v>
      </c>
      <c r="B114" s="58" t="s">
        <v>220</v>
      </c>
      <c r="C114" s="57" t="s">
        <v>220</v>
      </c>
      <c r="D114" s="56" t="s">
        <v>220</v>
      </c>
    </row>
    <row r="115" spans="1:4" ht="18" customHeight="1" x14ac:dyDescent="0.15">
      <c r="A115" s="55">
        <v>90</v>
      </c>
      <c r="B115" s="58" t="s">
        <v>220</v>
      </c>
      <c r="C115" s="57" t="s">
        <v>220</v>
      </c>
      <c r="D115" s="56" t="s">
        <v>220</v>
      </c>
    </row>
    <row r="116" spans="1:4" ht="18" customHeight="1" x14ac:dyDescent="0.15">
      <c r="A116" s="55">
        <v>91</v>
      </c>
      <c r="B116" s="58" t="s">
        <v>220</v>
      </c>
      <c r="C116" s="57" t="s">
        <v>220</v>
      </c>
      <c r="D116" s="56" t="s">
        <v>220</v>
      </c>
    </row>
    <row r="117" spans="1:4" ht="18" customHeight="1" x14ac:dyDescent="0.15">
      <c r="A117" s="55">
        <v>92</v>
      </c>
      <c r="B117" s="58" t="s">
        <v>220</v>
      </c>
      <c r="C117" s="57" t="s">
        <v>220</v>
      </c>
      <c r="D117" s="56" t="s">
        <v>220</v>
      </c>
    </row>
    <row r="118" spans="1:4" ht="18" customHeight="1" x14ac:dyDescent="0.15">
      <c r="A118" s="55">
        <v>93</v>
      </c>
      <c r="B118" s="58" t="s">
        <v>220</v>
      </c>
      <c r="C118" s="57" t="s">
        <v>220</v>
      </c>
      <c r="D118" s="56" t="s">
        <v>220</v>
      </c>
    </row>
    <row r="119" spans="1:4" ht="18" customHeight="1" x14ac:dyDescent="0.15">
      <c r="A119" s="55">
        <v>94</v>
      </c>
      <c r="B119" s="58" t="s">
        <v>220</v>
      </c>
      <c r="C119" s="57" t="s">
        <v>220</v>
      </c>
      <c r="D119" s="56" t="s">
        <v>220</v>
      </c>
    </row>
    <row r="120" spans="1:4" ht="18" customHeight="1" x14ac:dyDescent="0.15">
      <c r="A120" s="55" t="s">
        <v>39</v>
      </c>
      <c r="B120" s="58" t="s">
        <v>220</v>
      </c>
      <c r="C120" s="57" t="s">
        <v>220</v>
      </c>
      <c r="D120" s="56" t="s">
        <v>220</v>
      </c>
    </row>
    <row r="121" spans="1:4" ht="18" customHeight="1" x14ac:dyDescent="0.15">
      <c r="A121" s="55">
        <v>95</v>
      </c>
      <c r="B121" s="58" t="s">
        <v>220</v>
      </c>
      <c r="C121" s="57" t="s">
        <v>220</v>
      </c>
      <c r="D121" s="56" t="s">
        <v>220</v>
      </c>
    </row>
    <row r="122" spans="1:4" ht="18" customHeight="1" x14ac:dyDescent="0.15">
      <c r="A122" s="55">
        <v>96</v>
      </c>
      <c r="B122" s="58" t="s">
        <v>220</v>
      </c>
      <c r="C122" s="57" t="s">
        <v>220</v>
      </c>
      <c r="D122" s="56" t="s">
        <v>220</v>
      </c>
    </row>
    <row r="123" spans="1:4" ht="18" customHeight="1" x14ac:dyDescent="0.15">
      <c r="A123" s="55">
        <v>97</v>
      </c>
      <c r="B123" s="58" t="s">
        <v>220</v>
      </c>
      <c r="C123" s="57" t="s">
        <v>220</v>
      </c>
      <c r="D123" s="56" t="s">
        <v>220</v>
      </c>
    </row>
    <row r="124" spans="1:4" ht="18" customHeight="1" x14ac:dyDescent="0.15">
      <c r="A124" s="55">
        <v>98</v>
      </c>
      <c r="B124" s="58" t="s">
        <v>220</v>
      </c>
      <c r="C124" s="57" t="s">
        <v>220</v>
      </c>
      <c r="D124" s="56" t="s">
        <v>220</v>
      </c>
    </row>
    <row r="125" spans="1:4" ht="18" customHeight="1" x14ac:dyDescent="0.15">
      <c r="A125" s="55">
        <v>99</v>
      </c>
      <c r="B125" s="58" t="s">
        <v>220</v>
      </c>
      <c r="C125" s="57" t="s">
        <v>220</v>
      </c>
      <c r="D125" s="56" t="s">
        <v>220</v>
      </c>
    </row>
    <row r="126" spans="1:4" ht="18" customHeight="1" x14ac:dyDescent="0.15">
      <c r="A126" s="55" t="s">
        <v>40</v>
      </c>
      <c r="B126" s="58" t="s">
        <v>220</v>
      </c>
      <c r="C126" s="57" t="s">
        <v>220</v>
      </c>
      <c r="D126" s="56" t="s">
        <v>220</v>
      </c>
    </row>
    <row r="127" spans="1:4" ht="18" customHeight="1" x14ac:dyDescent="0.15">
      <c r="A127" s="55">
        <v>100</v>
      </c>
      <c r="B127" s="58" t="s">
        <v>220</v>
      </c>
      <c r="C127" s="57" t="s">
        <v>220</v>
      </c>
      <c r="D127" s="56" t="s">
        <v>220</v>
      </c>
    </row>
    <row r="128" spans="1:4" ht="18" customHeight="1" x14ac:dyDescent="0.15">
      <c r="A128" s="59" t="s">
        <v>43</v>
      </c>
      <c r="B128" s="58" t="s">
        <v>220</v>
      </c>
      <c r="C128" s="57" t="s">
        <v>220</v>
      </c>
      <c r="D128" s="56" t="s">
        <v>220</v>
      </c>
    </row>
    <row r="129" spans="1:4" ht="18" customHeight="1" x14ac:dyDescent="0.15">
      <c r="A129" s="55" t="s">
        <v>44</v>
      </c>
      <c r="B129" s="58" t="s">
        <v>220</v>
      </c>
      <c r="C129" s="57" t="s">
        <v>220</v>
      </c>
      <c r="D129" s="56" t="s">
        <v>220</v>
      </c>
    </row>
    <row r="130" spans="1:4" ht="18" customHeight="1" x14ac:dyDescent="0.15">
      <c r="A130" s="55" t="s">
        <v>46</v>
      </c>
      <c r="B130" s="54">
        <v>1</v>
      </c>
      <c r="C130" s="53">
        <v>3</v>
      </c>
      <c r="D130" s="52">
        <v>4</v>
      </c>
    </row>
    <row r="131" spans="1:4" ht="18" customHeight="1" x14ac:dyDescent="0.15">
      <c r="A131" s="51" t="s">
        <v>45</v>
      </c>
      <c r="B131" s="50">
        <v>3</v>
      </c>
      <c r="C131" s="49">
        <v>6</v>
      </c>
      <c r="D131" s="48">
        <v>9</v>
      </c>
    </row>
  </sheetData>
  <mergeCells count="2">
    <mergeCell ref="A1:D1"/>
    <mergeCell ref="B3:D3"/>
  </mergeCells>
  <phoneticPr fontId="7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3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0</v>
      </c>
      <c r="D8" s="18">
        <v>2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7">
        <v>0</v>
      </c>
      <c r="C12" s="14">
        <v>2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6</v>
      </c>
      <c r="C14" s="14">
        <v>0</v>
      </c>
      <c r="D14" s="18">
        <v>6</v>
      </c>
    </row>
    <row r="15" spans="1:4" ht="18" customHeight="1" x14ac:dyDescent="0.15">
      <c r="A15" s="5">
        <v>9</v>
      </c>
      <c r="B15" s="27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11</v>
      </c>
      <c r="C16" s="14">
        <v>9</v>
      </c>
      <c r="D16" s="18">
        <v>20</v>
      </c>
    </row>
    <row r="17" spans="1:4" ht="18" customHeight="1" x14ac:dyDescent="0.15">
      <c r="A17" s="5">
        <v>10</v>
      </c>
      <c r="B17" s="22">
        <v>4</v>
      </c>
      <c r="C17" s="14">
        <v>3</v>
      </c>
      <c r="D17" s="18">
        <v>7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3</v>
      </c>
      <c r="C20" s="14">
        <v>4</v>
      </c>
      <c r="D20" s="18">
        <v>7</v>
      </c>
    </row>
    <row r="21" spans="1:4" ht="18" customHeight="1" x14ac:dyDescent="0.15">
      <c r="A21" s="5">
        <v>14</v>
      </c>
      <c r="B21" s="22">
        <v>5</v>
      </c>
      <c r="C21" s="14">
        <v>1</v>
      </c>
      <c r="D21" s="18">
        <v>6</v>
      </c>
    </row>
    <row r="22" spans="1:4" ht="18" customHeight="1" x14ac:dyDescent="0.15">
      <c r="A22" s="5" t="s">
        <v>12</v>
      </c>
      <c r="B22" s="22">
        <v>18</v>
      </c>
      <c r="C22" s="14">
        <v>12</v>
      </c>
      <c r="D22" s="18">
        <v>30</v>
      </c>
    </row>
    <row r="23" spans="1:4" ht="18" customHeight="1" x14ac:dyDescent="0.15">
      <c r="A23" s="5" t="s">
        <v>6</v>
      </c>
      <c r="B23" s="22">
        <v>32</v>
      </c>
      <c r="C23" s="14">
        <v>23</v>
      </c>
      <c r="D23" s="18">
        <v>55</v>
      </c>
    </row>
    <row r="24" spans="1:4" ht="18" customHeight="1" x14ac:dyDescent="0.15">
      <c r="A24" s="5">
        <v>15</v>
      </c>
      <c r="B24" s="22">
        <v>4</v>
      </c>
      <c r="C24" s="14">
        <v>2</v>
      </c>
      <c r="D24" s="18">
        <v>6</v>
      </c>
    </row>
    <row r="25" spans="1:4" ht="18" customHeight="1" x14ac:dyDescent="0.15">
      <c r="A25" s="5">
        <v>16</v>
      </c>
      <c r="B25" s="22">
        <v>5</v>
      </c>
      <c r="C25" s="14">
        <v>3</v>
      </c>
      <c r="D25" s="18">
        <v>8</v>
      </c>
    </row>
    <row r="26" spans="1:4" ht="18" customHeight="1" x14ac:dyDescent="0.15">
      <c r="A26" s="5">
        <v>17</v>
      </c>
      <c r="B26" s="22">
        <v>2</v>
      </c>
      <c r="C26" s="14">
        <v>4</v>
      </c>
      <c r="D26" s="18">
        <v>6</v>
      </c>
    </row>
    <row r="27" spans="1:4" ht="18" customHeight="1" x14ac:dyDescent="0.15">
      <c r="A27" s="5">
        <v>18</v>
      </c>
      <c r="B27" s="22">
        <v>3</v>
      </c>
      <c r="C27" s="14">
        <v>0</v>
      </c>
      <c r="D27" s="18">
        <v>3</v>
      </c>
    </row>
    <row r="28" spans="1:4" ht="18" customHeight="1" x14ac:dyDescent="0.15">
      <c r="A28" s="5">
        <v>19</v>
      </c>
      <c r="B28" s="22">
        <v>3</v>
      </c>
      <c r="C28" s="14">
        <v>5</v>
      </c>
      <c r="D28" s="18">
        <v>8</v>
      </c>
    </row>
    <row r="29" spans="1:4" ht="18" customHeight="1" x14ac:dyDescent="0.15">
      <c r="A29" s="5" t="s">
        <v>14</v>
      </c>
      <c r="B29" s="22">
        <v>17</v>
      </c>
      <c r="C29" s="14">
        <v>14</v>
      </c>
      <c r="D29" s="18">
        <v>31</v>
      </c>
    </row>
    <row r="30" spans="1:4" ht="18" customHeight="1" x14ac:dyDescent="0.15">
      <c r="A30" s="5">
        <v>20</v>
      </c>
      <c r="B30" s="22">
        <v>7</v>
      </c>
      <c r="C30" s="14">
        <v>4</v>
      </c>
      <c r="D30" s="18">
        <v>11</v>
      </c>
    </row>
    <row r="31" spans="1:4" ht="18" customHeight="1" x14ac:dyDescent="0.15">
      <c r="A31" s="5">
        <v>21</v>
      </c>
      <c r="B31" s="22">
        <v>3</v>
      </c>
      <c r="C31" s="14">
        <v>2</v>
      </c>
      <c r="D31" s="18">
        <v>5</v>
      </c>
    </row>
    <row r="32" spans="1:4" ht="18" customHeight="1" x14ac:dyDescent="0.15">
      <c r="A32" s="5">
        <v>22</v>
      </c>
      <c r="B32" s="22">
        <v>6</v>
      </c>
      <c r="C32" s="14">
        <v>2</v>
      </c>
      <c r="D32" s="18">
        <v>8</v>
      </c>
    </row>
    <row r="33" spans="1:4" ht="18" customHeight="1" x14ac:dyDescent="0.15">
      <c r="A33" s="5">
        <v>23</v>
      </c>
      <c r="B33" s="22">
        <v>4</v>
      </c>
      <c r="C33" s="14">
        <v>2</v>
      </c>
      <c r="D33" s="18">
        <v>6</v>
      </c>
    </row>
    <row r="34" spans="1:4" ht="18" customHeight="1" x14ac:dyDescent="0.15">
      <c r="A34" s="5">
        <v>24</v>
      </c>
      <c r="B34" s="22">
        <v>4</v>
      </c>
      <c r="C34" s="14">
        <v>4</v>
      </c>
      <c r="D34" s="18">
        <v>8</v>
      </c>
    </row>
    <row r="35" spans="1:4" ht="18" customHeight="1" x14ac:dyDescent="0.15">
      <c r="A35" s="5" t="s">
        <v>9</v>
      </c>
      <c r="B35" s="22">
        <v>24</v>
      </c>
      <c r="C35" s="14">
        <v>14</v>
      </c>
      <c r="D35" s="18">
        <v>38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2</v>
      </c>
      <c r="C38" s="14">
        <v>2</v>
      </c>
      <c r="D38" s="18">
        <v>4</v>
      </c>
    </row>
    <row r="39" spans="1:4" ht="18" customHeight="1" x14ac:dyDescent="0.15">
      <c r="A39" s="5">
        <v>28</v>
      </c>
      <c r="B39" s="22">
        <v>5</v>
      </c>
      <c r="C39" s="14">
        <v>1</v>
      </c>
      <c r="D39" s="18">
        <v>6</v>
      </c>
    </row>
    <row r="40" spans="1:4" ht="18" customHeight="1" x14ac:dyDescent="0.15">
      <c r="A40" s="5">
        <v>29</v>
      </c>
      <c r="B40" s="22">
        <v>2</v>
      </c>
      <c r="C40" s="14">
        <v>1</v>
      </c>
      <c r="D40" s="18">
        <v>3</v>
      </c>
    </row>
    <row r="41" spans="1:4" ht="18" customHeight="1" x14ac:dyDescent="0.15">
      <c r="A41" s="5" t="s">
        <v>2</v>
      </c>
      <c r="B41" s="22">
        <v>11</v>
      </c>
      <c r="C41" s="14">
        <v>6</v>
      </c>
      <c r="D41" s="18">
        <v>17</v>
      </c>
    </row>
    <row r="42" spans="1:4" ht="18" customHeight="1" x14ac:dyDescent="0.15">
      <c r="A42" s="5">
        <v>30</v>
      </c>
      <c r="B42" s="22">
        <v>5</v>
      </c>
      <c r="C42" s="14">
        <v>1</v>
      </c>
      <c r="D42" s="18">
        <v>6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2</v>
      </c>
      <c r="D44" s="18">
        <v>3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1</v>
      </c>
      <c r="C46" s="14">
        <v>3</v>
      </c>
      <c r="D46" s="18">
        <v>4</v>
      </c>
    </row>
    <row r="47" spans="1:4" ht="18" customHeight="1" x14ac:dyDescent="0.15">
      <c r="A47" s="5" t="s">
        <v>15</v>
      </c>
      <c r="B47" s="22">
        <v>10</v>
      </c>
      <c r="C47" s="14">
        <v>7</v>
      </c>
      <c r="D47" s="18">
        <v>17</v>
      </c>
    </row>
    <row r="48" spans="1:4" ht="18" customHeight="1" x14ac:dyDescent="0.15">
      <c r="A48" s="5">
        <v>35</v>
      </c>
      <c r="B48" s="22">
        <v>3</v>
      </c>
      <c r="C48" s="14">
        <v>1</v>
      </c>
      <c r="D48" s="18">
        <v>4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4</v>
      </c>
      <c r="C50" s="14">
        <v>5</v>
      </c>
      <c r="D50" s="18">
        <v>9</v>
      </c>
    </row>
    <row r="51" spans="1:4" ht="18" customHeight="1" x14ac:dyDescent="0.15">
      <c r="A51" s="5">
        <v>38</v>
      </c>
      <c r="B51" s="22">
        <v>4</v>
      </c>
      <c r="C51" s="14">
        <v>3</v>
      </c>
      <c r="D51" s="18">
        <v>7</v>
      </c>
    </row>
    <row r="52" spans="1:4" ht="18" customHeight="1" x14ac:dyDescent="0.15">
      <c r="A52" s="5">
        <v>39</v>
      </c>
      <c r="B52" s="22">
        <v>2</v>
      </c>
      <c r="C52" s="14">
        <v>4</v>
      </c>
      <c r="D52" s="18">
        <v>6</v>
      </c>
    </row>
    <row r="53" spans="1:4" ht="18" customHeight="1" x14ac:dyDescent="0.15">
      <c r="A53" s="5" t="s">
        <v>18</v>
      </c>
      <c r="B53" s="22">
        <v>14</v>
      </c>
      <c r="C53" s="14">
        <v>17</v>
      </c>
      <c r="D53" s="18">
        <v>31</v>
      </c>
    </row>
    <row r="54" spans="1:4" ht="18" customHeight="1" x14ac:dyDescent="0.15">
      <c r="A54" s="5">
        <v>40</v>
      </c>
      <c r="B54" s="22">
        <v>7</v>
      </c>
      <c r="C54" s="14">
        <v>6</v>
      </c>
      <c r="D54" s="18">
        <v>13</v>
      </c>
    </row>
    <row r="55" spans="1:4" ht="18" customHeight="1" x14ac:dyDescent="0.15">
      <c r="A55" s="5">
        <v>41</v>
      </c>
      <c r="B55" s="22">
        <v>2</v>
      </c>
      <c r="C55" s="14">
        <v>2</v>
      </c>
      <c r="D55" s="18">
        <v>4</v>
      </c>
    </row>
    <row r="56" spans="1:4" ht="18" customHeight="1" x14ac:dyDescent="0.15">
      <c r="A56" s="5">
        <v>42</v>
      </c>
      <c r="B56" s="22">
        <v>2</v>
      </c>
      <c r="C56" s="14">
        <v>4</v>
      </c>
      <c r="D56" s="18">
        <v>6</v>
      </c>
    </row>
    <row r="57" spans="1:4" ht="18" customHeight="1" x14ac:dyDescent="0.15">
      <c r="A57" s="5">
        <v>43</v>
      </c>
      <c r="B57" s="22">
        <v>6</v>
      </c>
      <c r="C57" s="14">
        <v>1</v>
      </c>
      <c r="D57" s="18">
        <v>7</v>
      </c>
    </row>
    <row r="58" spans="1:4" ht="18" customHeight="1" x14ac:dyDescent="0.15">
      <c r="A58" s="5">
        <v>44</v>
      </c>
      <c r="B58" s="22">
        <v>7</v>
      </c>
      <c r="C58" s="14">
        <v>8</v>
      </c>
      <c r="D58" s="18">
        <v>15</v>
      </c>
    </row>
    <row r="59" spans="1:4" ht="18" customHeight="1" x14ac:dyDescent="0.15">
      <c r="A59" s="5" t="s">
        <v>21</v>
      </c>
      <c r="B59" s="22">
        <v>24</v>
      </c>
      <c r="C59" s="14">
        <v>21</v>
      </c>
      <c r="D59" s="18">
        <v>45</v>
      </c>
    </row>
    <row r="60" spans="1:4" ht="18" customHeight="1" x14ac:dyDescent="0.15">
      <c r="A60" s="5">
        <v>45</v>
      </c>
      <c r="B60" s="22">
        <v>4</v>
      </c>
      <c r="C60" s="14">
        <v>5</v>
      </c>
      <c r="D60" s="18">
        <v>9</v>
      </c>
    </row>
    <row r="61" spans="1:4" ht="18" customHeight="1" x14ac:dyDescent="0.15">
      <c r="A61" s="5">
        <v>46</v>
      </c>
      <c r="B61" s="22">
        <v>3</v>
      </c>
      <c r="C61" s="14">
        <v>3</v>
      </c>
      <c r="D61" s="18">
        <v>6</v>
      </c>
    </row>
    <row r="62" spans="1:4" ht="18" customHeight="1" x14ac:dyDescent="0.15">
      <c r="A62" s="5">
        <v>47</v>
      </c>
      <c r="B62" s="22">
        <v>4</v>
      </c>
      <c r="C62" s="14">
        <v>4</v>
      </c>
      <c r="D62" s="18">
        <v>8</v>
      </c>
    </row>
    <row r="63" spans="1:4" ht="18" customHeight="1" x14ac:dyDescent="0.15">
      <c r="A63" s="5">
        <v>48</v>
      </c>
      <c r="B63" s="22">
        <v>2</v>
      </c>
      <c r="C63" s="14">
        <v>2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5</v>
      </c>
      <c r="D64" s="18">
        <v>9</v>
      </c>
    </row>
    <row r="65" spans="1:4" ht="18" customHeight="1" x14ac:dyDescent="0.15">
      <c r="A65" s="5" t="s">
        <v>17</v>
      </c>
      <c r="B65" s="22">
        <v>17</v>
      </c>
      <c r="C65" s="14">
        <v>19</v>
      </c>
      <c r="D65" s="18">
        <v>36</v>
      </c>
    </row>
    <row r="66" spans="1:4" ht="18" customHeight="1" x14ac:dyDescent="0.15">
      <c r="A66" s="5">
        <v>50</v>
      </c>
      <c r="B66" s="22">
        <v>3</v>
      </c>
      <c r="C66" s="14">
        <v>3</v>
      </c>
      <c r="D66" s="18">
        <v>6</v>
      </c>
    </row>
    <row r="67" spans="1:4" ht="18" customHeight="1" x14ac:dyDescent="0.15">
      <c r="A67" s="5">
        <v>51</v>
      </c>
      <c r="B67" s="22">
        <v>7</v>
      </c>
      <c r="C67" s="14">
        <v>8</v>
      </c>
      <c r="D67" s="18">
        <v>15</v>
      </c>
    </row>
    <row r="68" spans="1:4" ht="18" customHeight="1" x14ac:dyDescent="0.15">
      <c r="A68" s="5">
        <v>52</v>
      </c>
      <c r="B68" s="22">
        <v>9</v>
      </c>
      <c r="C68" s="14">
        <v>6</v>
      </c>
      <c r="D68" s="18">
        <v>15</v>
      </c>
    </row>
    <row r="69" spans="1:4" ht="18" customHeight="1" x14ac:dyDescent="0.15">
      <c r="A69" s="5">
        <v>53</v>
      </c>
      <c r="B69" s="22">
        <v>5</v>
      </c>
      <c r="C69" s="14">
        <v>5</v>
      </c>
      <c r="D69" s="18">
        <v>10</v>
      </c>
    </row>
    <row r="70" spans="1:4" ht="18" customHeight="1" x14ac:dyDescent="0.15">
      <c r="A70" s="5">
        <v>54</v>
      </c>
      <c r="B70" s="22">
        <v>3</v>
      </c>
      <c r="C70" s="14">
        <v>1</v>
      </c>
      <c r="D70" s="18">
        <v>4</v>
      </c>
    </row>
    <row r="71" spans="1:4" ht="18" customHeight="1" x14ac:dyDescent="0.15">
      <c r="A71" s="5" t="s">
        <v>22</v>
      </c>
      <c r="B71" s="22">
        <v>27</v>
      </c>
      <c r="C71" s="14">
        <v>23</v>
      </c>
      <c r="D71" s="18">
        <v>50</v>
      </c>
    </row>
    <row r="72" spans="1:4" ht="18" customHeight="1" x14ac:dyDescent="0.15">
      <c r="A72" s="5">
        <v>55</v>
      </c>
      <c r="B72" s="22">
        <v>4</v>
      </c>
      <c r="C72" s="14">
        <v>8</v>
      </c>
      <c r="D72" s="18">
        <v>12</v>
      </c>
    </row>
    <row r="73" spans="1:4" ht="18" customHeight="1" x14ac:dyDescent="0.15">
      <c r="A73" s="5">
        <v>56</v>
      </c>
      <c r="B73" s="22">
        <v>3</v>
      </c>
      <c r="C73" s="14">
        <v>4</v>
      </c>
      <c r="D73" s="18">
        <v>7</v>
      </c>
    </row>
    <row r="74" spans="1:4" ht="18" customHeight="1" x14ac:dyDescent="0.15">
      <c r="A74" s="5">
        <v>57</v>
      </c>
      <c r="B74" s="22">
        <v>3</v>
      </c>
      <c r="C74" s="14">
        <v>6</v>
      </c>
      <c r="D74" s="18">
        <v>9</v>
      </c>
    </row>
    <row r="75" spans="1:4" ht="18" customHeight="1" x14ac:dyDescent="0.15">
      <c r="A75" s="5">
        <v>58</v>
      </c>
      <c r="B75" s="22">
        <v>2</v>
      </c>
      <c r="C75" s="14">
        <v>9</v>
      </c>
      <c r="D75" s="18">
        <v>11</v>
      </c>
    </row>
    <row r="76" spans="1:4" ht="18" customHeight="1" x14ac:dyDescent="0.15">
      <c r="A76" s="5">
        <v>59</v>
      </c>
      <c r="B76" s="22">
        <v>5</v>
      </c>
      <c r="C76" s="14">
        <v>5</v>
      </c>
      <c r="D76" s="18">
        <v>10</v>
      </c>
    </row>
    <row r="77" spans="1:4" ht="18" customHeight="1" x14ac:dyDescent="0.15">
      <c r="A77" s="5" t="s">
        <v>27</v>
      </c>
      <c r="B77" s="22">
        <v>17</v>
      </c>
      <c r="C77" s="14">
        <v>32</v>
      </c>
      <c r="D77" s="18">
        <v>49</v>
      </c>
    </row>
    <row r="78" spans="1:4" ht="18" customHeight="1" x14ac:dyDescent="0.15">
      <c r="A78" s="5">
        <v>60</v>
      </c>
      <c r="B78" s="22">
        <v>5</v>
      </c>
      <c r="C78" s="14">
        <v>4</v>
      </c>
      <c r="D78" s="18">
        <v>9</v>
      </c>
    </row>
    <row r="79" spans="1:4" ht="18" customHeight="1" x14ac:dyDescent="0.15">
      <c r="A79" s="5">
        <v>61</v>
      </c>
      <c r="B79" s="22">
        <v>7</v>
      </c>
      <c r="C79" s="14">
        <v>6</v>
      </c>
      <c r="D79" s="18">
        <v>13</v>
      </c>
    </row>
    <row r="80" spans="1:4" ht="18" customHeight="1" x14ac:dyDescent="0.15">
      <c r="A80" s="5">
        <v>62</v>
      </c>
      <c r="B80" s="22">
        <v>7</v>
      </c>
      <c r="C80" s="14">
        <v>5</v>
      </c>
      <c r="D80" s="18">
        <v>12</v>
      </c>
    </row>
    <row r="81" spans="1:4" ht="18" customHeight="1" x14ac:dyDescent="0.15">
      <c r="A81" s="5">
        <v>63</v>
      </c>
      <c r="B81" s="22">
        <v>2</v>
      </c>
      <c r="C81" s="14">
        <v>6</v>
      </c>
      <c r="D81" s="18">
        <v>8</v>
      </c>
    </row>
    <row r="82" spans="1:4" ht="18" customHeight="1" x14ac:dyDescent="0.15">
      <c r="A82" s="5">
        <v>64</v>
      </c>
      <c r="B82" s="22">
        <v>4</v>
      </c>
      <c r="C82" s="14">
        <v>4</v>
      </c>
      <c r="D82" s="18">
        <v>8</v>
      </c>
    </row>
    <row r="83" spans="1:4" ht="18" customHeight="1" x14ac:dyDescent="0.15">
      <c r="A83" s="5" t="s">
        <v>28</v>
      </c>
      <c r="B83" s="22">
        <v>25</v>
      </c>
      <c r="C83" s="14">
        <v>25</v>
      </c>
      <c r="D83" s="18">
        <v>50</v>
      </c>
    </row>
    <row r="84" spans="1:4" ht="18" customHeight="1" x14ac:dyDescent="0.15">
      <c r="A84" s="5" t="s">
        <v>31</v>
      </c>
      <c r="B84" s="22">
        <v>186</v>
      </c>
      <c r="C84" s="14">
        <v>178</v>
      </c>
      <c r="D84" s="18">
        <v>364</v>
      </c>
    </row>
    <row r="85" spans="1:4" ht="18" customHeight="1" x14ac:dyDescent="0.15">
      <c r="A85" s="5">
        <v>65</v>
      </c>
      <c r="B85" s="22">
        <v>1</v>
      </c>
      <c r="C85" s="14">
        <v>4</v>
      </c>
      <c r="D85" s="18">
        <v>5</v>
      </c>
    </row>
    <row r="86" spans="1:4" ht="18" customHeight="1" x14ac:dyDescent="0.15">
      <c r="A86" s="5">
        <v>66</v>
      </c>
      <c r="B86" s="22">
        <v>7</v>
      </c>
      <c r="C86" s="14">
        <v>7</v>
      </c>
      <c r="D86" s="18">
        <v>14</v>
      </c>
    </row>
    <row r="87" spans="1:4" ht="18" customHeight="1" x14ac:dyDescent="0.15">
      <c r="A87" s="5">
        <v>67</v>
      </c>
      <c r="B87" s="22">
        <v>0</v>
      </c>
      <c r="C87" s="14">
        <v>7</v>
      </c>
      <c r="D87" s="18">
        <v>7</v>
      </c>
    </row>
    <row r="88" spans="1:4" ht="18" customHeight="1" x14ac:dyDescent="0.15">
      <c r="A88" s="5">
        <v>68</v>
      </c>
      <c r="B88" s="22">
        <v>8</v>
      </c>
      <c r="C88" s="14">
        <v>12</v>
      </c>
      <c r="D88" s="18">
        <v>20</v>
      </c>
    </row>
    <row r="89" spans="1:4" ht="18" customHeight="1" x14ac:dyDescent="0.15">
      <c r="A89" s="5">
        <v>69</v>
      </c>
      <c r="B89" s="22">
        <v>9</v>
      </c>
      <c r="C89" s="14">
        <v>9</v>
      </c>
      <c r="D89" s="18">
        <v>18</v>
      </c>
    </row>
    <row r="90" spans="1:4" ht="18" customHeight="1" x14ac:dyDescent="0.15">
      <c r="A90" s="5" t="s">
        <v>20</v>
      </c>
      <c r="B90" s="22">
        <v>25</v>
      </c>
      <c r="C90" s="14">
        <v>39</v>
      </c>
      <c r="D90" s="18">
        <v>64</v>
      </c>
    </row>
    <row r="91" spans="1:4" ht="18" customHeight="1" x14ac:dyDescent="0.15">
      <c r="A91" s="5">
        <v>70</v>
      </c>
      <c r="B91" s="22">
        <v>7</v>
      </c>
      <c r="C91" s="14">
        <v>4</v>
      </c>
      <c r="D91" s="18">
        <v>11</v>
      </c>
    </row>
    <row r="92" spans="1:4" ht="18" customHeight="1" x14ac:dyDescent="0.15">
      <c r="A92" s="5">
        <v>71</v>
      </c>
      <c r="B92" s="22">
        <v>5</v>
      </c>
      <c r="C92" s="14">
        <v>8</v>
      </c>
      <c r="D92" s="18">
        <v>13</v>
      </c>
    </row>
    <row r="93" spans="1:4" ht="18" customHeight="1" x14ac:dyDescent="0.15">
      <c r="A93" s="5">
        <v>72</v>
      </c>
      <c r="B93" s="22">
        <v>16</v>
      </c>
      <c r="C93" s="14">
        <v>10</v>
      </c>
      <c r="D93" s="18">
        <v>26</v>
      </c>
    </row>
    <row r="94" spans="1:4" ht="18" customHeight="1" x14ac:dyDescent="0.15">
      <c r="A94" s="5">
        <v>73</v>
      </c>
      <c r="B94" s="22">
        <v>12</v>
      </c>
      <c r="C94" s="14">
        <v>12</v>
      </c>
      <c r="D94" s="18">
        <v>24</v>
      </c>
    </row>
    <row r="95" spans="1:4" ht="18" customHeight="1" x14ac:dyDescent="0.15">
      <c r="A95" s="5">
        <v>74</v>
      </c>
      <c r="B95" s="22">
        <v>9</v>
      </c>
      <c r="C95" s="14">
        <v>9</v>
      </c>
      <c r="D95" s="18">
        <v>18</v>
      </c>
    </row>
    <row r="96" spans="1:4" ht="18" customHeight="1" x14ac:dyDescent="0.15">
      <c r="A96" s="5" t="s">
        <v>33</v>
      </c>
      <c r="B96" s="22">
        <v>49</v>
      </c>
      <c r="C96" s="14">
        <v>43</v>
      </c>
      <c r="D96" s="18">
        <v>92</v>
      </c>
    </row>
    <row r="97" spans="1:4" ht="18" customHeight="1" x14ac:dyDescent="0.15">
      <c r="A97" s="5">
        <v>75</v>
      </c>
      <c r="B97" s="22">
        <v>4</v>
      </c>
      <c r="C97" s="14">
        <v>8</v>
      </c>
      <c r="D97" s="18">
        <v>12</v>
      </c>
    </row>
    <row r="98" spans="1:4" ht="18" customHeight="1" x14ac:dyDescent="0.15">
      <c r="A98" s="5">
        <v>76</v>
      </c>
      <c r="B98" s="22">
        <v>13</v>
      </c>
      <c r="C98" s="14">
        <v>8</v>
      </c>
      <c r="D98" s="18">
        <v>21</v>
      </c>
    </row>
    <row r="99" spans="1:4" ht="18" customHeight="1" x14ac:dyDescent="0.15">
      <c r="A99" s="5">
        <v>77</v>
      </c>
      <c r="B99" s="22">
        <v>8</v>
      </c>
      <c r="C99" s="14">
        <v>13</v>
      </c>
      <c r="D99" s="18">
        <v>21</v>
      </c>
    </row>
    <row r="100" spans="1:4" ht="18" customHeight="1" x14ac:dyDescent="0.15">
      <c r="A100" s="5">
        <v>78</v>
      </c>
      <c r="B100" s="22">
        <v>6</v>
      </c>
      <c r="C100" s="14">
        <v>3</v>
      </c>
      <c r="D100" s="18">
        <v>9</v>
      </c>
    </row>
    <row r="101" spans="1:4" ht="18" customHeight="1" x14ac:dyDescent="0.15">
      <c r="A101" s="5">
        <v>79</v>
      </c>
      <c r="B101" s="22">
        <v>8</v>
      </c>
      <c r="C101" s="14">
        <v>8</v>
      </c>
      <c r="D101" s="18">
        <v>16</v>
      </c>
    </row>
    <row r="102" spans="1:4" ht="18" customHeight="1" x14ac:dyDescent="0.15">
      <c r="A102" s="5" t="s">
        <v>0</v>
      </c>
      <c r="B102" s="22">
        <v>39</v>
      </c>
      <c r="C102" s="14">
        <v>40</v>
      </c>
      <c r="D102" s="18">
        <v>79</v>
      </c>
    </row>
    <row r="103" spans="1:4" ht="18" customHeight="1" x14ac:dyDescent="0.15">
      <c r="A103" s="5">
        <v>80</v>
      </c>
      <c r="B103" s="22">
        <v>3</v>
      </c>
      <c r="C103" s="14">
        <v>1</v>
      </c>
      <c r="D103" s="18">
        <v>4</v>
      </c>
    </row>
    <row r="104" spans="1:4" ht="18" customHeight="1" x14ac:dyDescent="0.15">
      <c r="A104" s="5">
        <v>81</v>
      </c>
      <c r="B104" s="22">
        <v>2</v>
      </c>
      <c r="C104" s="14">
        <v>6</v>
      </c>
      <c r="D104" s="18">
        <v>8</v>
      </c>
    </row>
    <row r="105" spans="1:4" ht="18" customHeight="1" x14ac:dyDescent="0.15">
      <c r="A105" s="5">
        <v>82</v>
      </c>
      <c r="B105" s="22">
        <v>4</v>
      </c>
      <c r="C105" s="14">
        <v>6</v>
      </c>
      <c r="D105" s="18">
        <v>10</v>
      </c>
    </row>
    <row r="106" spans="1:4" ht="18" customHeight="1" x14ac:dyDescent="0.15">
      <c r="A106" s="5">
        <v>83</v>
      </c>
      <c r="B106" s="22">
        <v>7</v>
      </c>
      <c r="C106" s="14">
        <v>6</v>
      </c>
      <c r="D106" s="18">
        <v>13</v>
      </c>
    </row>
    <row r="107" spans="1:4" ht="18" customHeight="1" x14ac:dyDescent="0.15">
      <c r="A107" s="5">
        <v>84</v>
      </c>
      <c r="B107" s="22">
        <v>2</v>
      </c>
      <c r="C107" s="14">
        <v>8</v>
      </c>
      <c r="D107" s="18">
        <v>10</v>
      </c>
    </row>
    <row r="108" spans="1:4" ht="18" customHeight="1" x14ac:dyDescent="0.15">
      <c r="A108" s="5" t="s">
        <v>35</v>
      </c>
      <c r="B108" s="22">
        <v>18</v>
      </c>
      <c r="C108" s="14">
        <v>27</v>
      </c>
      <c r="D108" s="18">
        <v>45</v>
      </c>
    </row>
    <row r="109" spans="1:4" ht="18" customHeight="1" x14ac:dyDescent="0.15">
      <c r="A109" s="5">
        <v>85</v>
      </c>
      <c r="B109" s="22">
        <v>3</v>
      </c>
      <c r="C109" s="14">
        <v>6</v>
      </c>
      <c r="D109" s="18">
        <v>9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4</v>
      </c>
      <c r="C111" s="14">
        <v>1</v>
      </c>
      <c r="D111" s="18">
        <v>5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4</v>
      </c>
      <c r="C113" s="14">
        <v>4</v>
      </c>
      <c r="D113" s="18">
        <v>8</v>
      </c>
    </row>
    <row r="114" spans="1:4" ht="18" customHeight="1" x14ac:dyDescent="0.15">
      <c r="A114" s="5" t="s">
        <v>37</v>
      </c>
      <c r="B114" s="22">
        <v>14</v>
      </c>
      <c r="C114" s="14">
        <v>16</v>
      </c>
      <c r="D114" s="18">
        <v>30</v>
      </c>
    </row>
    <row r="115" spans="1:4" ht="18" customHeight="1" x14ac:dyDescent="0.15">
      <c r="A115" s="5">
        <v>90</v>
      </c>
      <c r="B115" s="22">
        <v>1</v>
      </c>
      <c r="C115" s="14">
        <v>5</v>
      </c>
      <c r="D115" s="18">
        <v>6</v>
      </c>
    </row>
    <row r="116" spans="1:4" ht="18" customHeight="1" x14ac:dyDescent="0.15">
      <c r="A116" s="5">
        <v>91</v>
      </c>
      <c r="B116" s="22">
        <v>0</v>
      </c>
      <c r="C116" s="14">
        <v>5</v>
      </c>
      <c r="D116" s="18">
        <v>5</v>
      </c>
    </row>
    <row r="117" spans="1:4" ht="18" customHeight="1" x14ac:dyDescent="0.15">
      <c r="A117" s="5">
        <v>92</v>
      </c>
      <c r="B117" s="22">
        <v>3</v>
      </c>
      <c r="C117" s="14">
        <v>4</v>
      </c>
      <c r="D117" s="18">
        <v>7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1</v>
      </c>
      <c r="D119" s="18">
        <v>2</v>
      </c>
    </row>
    <row r="120" spans="1:4" ht="18" customHeight="1" x14ac:dyDescent="0.15">
      <c r="A120" s="5" t="s">
        <v>39</v>
      </c>
      <c r="B120" s="22">
        <v>5</v>
      </c>
      <c r="C120" s="14">
        <v>20</v>
      </c>
      <c r="D120" s="18">
        <v>25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6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50</v>
      </c>
      <c r="C130" s="14">
        <v>191</v>
      </c>
      <c r="D130" s="18">
        <v>341</v>
      </c>
    </row>
    <row r="131" spans="1:4" ht="18" customHeight="1" x14ac:dyDescent="0.15">
      <c r="A131" s="7" t="s">
        <v>45</v>
      </c>
      <c r="B131" s="23">
        <v>368</v>
      </c>
      <c r="C131" s="15">
        <v>392</v>
      </c>
      <c r="D131" s="19">
        <v>7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BF71AB-12D3-4017-A6EE-FEE7F201E48F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4</v>
      </c>
      <c r="B1" s="61"/>
      <c r="C1" s="61"/>
      <c r="D1" s="61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60">
        <v>0</v>
      </c>
      <c r="B5" s="58" t="s">
        <v>220</v>
      </c>
      <c r="C5" s="57" t="s">
        <v>220</v>
      </c>
      <c r="D5" s="56" t="s">
        <v>220</v>
      </c>
    </row>
    <row r="6" spans="1:4" ht="18" customHeight="1" x14ac:dyDescent="0.15">
      <c r="A6" s="55">
        <v>1</v>
      </c>
      <c r="B6" s="58" t="s">
        <v>220</v>
      </c>
      <c r="C6" s="57" t="s">
        <v>220</v>
      </c>
      <c r="D6" s="56" t="s">
        <v>220</v>
      </c>
    </row>
    <row r="7" spans="1:4" ht="18" customHeight="1" x14ac:dyDescent="0.15">
      <c r="A7" s="55">
        <v>2</v>
      </c>
      <c r="B7" s="58" t="s">
        <v>220</v>
      </c>
      <c r="C7" s="57" t="s">
        <v>220</v>
      </c>
      <c r="D7" s="56" t="s">
        <v>220</v>
      </c>
    </row>
    <row r="8" spans="1:4" ht="18" customHeight="1" x14ac:dyDescent="0.15">
      <c r="A8" s="55">
        <v>3</v>
      </c>
      <c r="B8" s="58" t="s">
        <v>220</v>
      </c>
      <c r="C8" s="57" t="s">
        <v>220</v>
      </c>
      <c r="D8" s="56" t="s">
        <v>220</v>
      </c>
    </row>
    <row r="9" spans="1:4" ht="18" customHeight="1" x14ac:dyDescent="0.15">
      <c r="A9" s="55">
        <v>4</v>
      </c>
      <c r="B9" s="58" t="s">
        <v>220</v>
      </c>
      <c r="C9" s="57" t="s">
        <v>220</v>
      </c>
      <c r="D9" s="56" t="s">
        <v>220</v>
      </c>
    </row>
    <row r="10" spans="1:4" ht="18" customHeight="1" x14ac:dyDescent="0.15">
      <c r="A10" s="55" t="s">
        <v>7</v>
      </c>
      <c r="B10" s="58" t="s">
        <v>220</v>
      </c>
      <c r="C10" s="57" t="s">
        <v>220</v>
      </c>
      <c r="D10" s="56" t="s">
        <v>220</v>
      </c>
    </row>
    <row r="11" spans="1:4" ht="18" customHeight="1" x14ac:dyDescent="0.15">
      <c r="A11" s="55">
        <v>5</v>
      </c>
      <c r="B11" s="58" t="s">
        <v>220</v>
      </c>
      <c r="C11" s="57" t="s">
        <v>220</v>
      </c>
      <c r="D11" s="56" t="s">
        <v>220</v>
      </c>
    </row>
    <row r="12" spans="1:4" ht="18" customHeight="1" x14ac:dyDescent="0.15">
      <c r="A12" s="55">
        <v>6</v>
      </c>
      <c r="B12" s="58" t="s">
        <v>220</v>
      </c>
      <c r="C12" s="57" t="s">
        <v>220</v>
      </c>
      <c r="D12" s="56" t="s">
        <v>220</v>
      </c>
    </row>
    <row r="13" spans="1:4" ht="18" customHeight="1" x14ac:dyDescent="0.15">
      <c r="A13" s="55">
        <v>7</v>
      </c>
      <c r="B13" s="58" t="s">
        <v>220</v>
      </c>
      <c r="C13" s="57" t="s">
        <v>220</v>
      </c>
      <c r="D13" s="56" t="s">
        <v>220</v>
      </c>
    </row>
    <row r="14" spans="1:4" ht="18" customHeight="1" x14ac:dyDescent="0.15">
      <c r="A14" s="55">
        <v>8</v>
      </c>
      <c r="B14" s="58" t="s">
        <v>220</v>
      </c>
      <c r="C14" s="57" t="s">
        <v>220</v>
      </c>
      <c r="D14" s="56" t="s">
        <v>220</v>
      </c>
    </row>
    <row r="15" spans="1:4" ht="18" customHeight="1" x14ac:dyDescent="0.15">
      <c r="A15" s="55">
        <v>9</v>
      </c>
      <c r="B15" s="58" t="s">
        <v>220</v>
      </c>
      <c r="C15" s="57" t="s">
        <v>220</v>
      </c>
      <c r="D15" s="56" t="s">
        <v>220</v>
      </c>
    </row>
    <row r="16" spans="1:4" ht="18" customHeight="1" x14ac:dyDescent="0.15">
      <c r="A16" s="55" t="s">
        <v>11</v>
      </c>
      <c r="B16" s="58" t="s">
        <v>220</v>
      </c>
      <c r="C16" s="57" t="s">
        <v>220</v>
      </c>
      <c r="D16" s="56" t="s">
        <v>220</v>
      </c>
    </row>
    <row r="17" spans="1:4" ht="18" customHeight="1" x14ac:dyDescent="0.15">
      <c r="A17" s="55">
        <v>10</v>
      </c>
      <c r="B17" s="58" t="s">
        <v>220</v>
      </c>
      <c r="C17" s="57" t="s">
        <v>220</v>
      </c>
      <c r="D17" s="56" t="s">
        <v>220</v>
      </c>
    </row>
    <row r="18" spans="1:4" ht="18" customHeight="1" x14ac:dyDescent="0.15">
      <c r="A18" s="55">
        <v>11</v>
      </c>
      <c r="B18" s="58" t="s">
        <v>220</v>
      </c>
      <c r="C18" s="57" t="s">
        <v>220</v>
      </c>
      <c r="D18" s="56" t="s">
        <v>220</v>
      </c>
    </row>
    <row r="19" spans="1:4" ht="18" customHeight="1" x14ac:dyDescent="0.15">
      <c r="A19" s="55">
        <v>12</v>
      </c>
      <c r="B19" s="58" t="s">
        <v>220</v>
      </c>
      <c r="C19" s="57" t="s">
        <v>220</v>
      </c>
      <c r="D19" s="56" t="s">
        <v>220</v>
      </c>
    </row>
    <row r="20" spans="1:4" ht="18" customHeight="1" x14ac:dyDescent="0.15">
      <c r="A20" s="55">
        <v>13</v>
      </c>
      <c r="B20" s="58" t="s">
        <v>220</v>
      </c>
      <c r="C20" s="57" t="s">
        <v>220</v>
      </c>
      <c r="D20" s="56" t="s">
        <v>220</v>
      </c>
    </row>
    <row r="21" spans="1:4" ht="18" customHeight="1" x14ac:dyDescent="0.15">
      <c r="A21" s="55">
        <v>14</v>
      </c>
      <c r="B21" s="58" t="s">
        <v>220</v>
      </c>
      <c r="C21" s="57" t="s">
        <v>220</v>
      </c>
      <c r="D21" s="56" t="s">
        <v>220</v>
      </c>
    </row>
    <row r="22" spans="1:4" ht="18" customHeight="1" x14ac:dyDescent="0.15">
      <c r="A22" s="55" t="s">
        <v>12</v>
      </c>
      <c r="B22" s="58" t="s">
        <v>220</v>
      </c>
      <c r="C22" s="57" t="s">
        <v>220</v>
      </c>
      <c r="D22" s="56" t="s">
        <v>220</v>
      </c>
    </row>
    <row r="23" spans="1:4" ht="18" customHeight="1" x14ac:dyDescent="0.15">
      <c r="A23" s="55" t="s">
        <v>6</v>
      </c>
      <c r="B23" s="54">
        <v>3</v>
      </c>
      <c r="C23" s="53">
        <v>5</v>
      </c>
      <c r="D23" s="52">
        <v>8</v>
      </c>
    </row>
    <row r="24" spans="1:4" ht="18" customHeight="1" x14ac:dyDescent="0.15">
      <c r="A24" s="55">
        <v>15</v>
      </c>
      <c r="B24" s="58" t="s">
        <v>220</v>
      </c>
      <c r="C24" s="57" t="s">
        <v>220</v>
      </c>
      <c r="D24" s="56" t="s">
        <v>220</v>
      </c>
    </row>
    <row r="25" spans="1:4" ht="18" customHeight="1" x14ac:dyDescent="0.15">
      <c r="A25" s="55">
        <v>16</v>
      </c>
      <c r="B25" s="58" t="s">
        <v>220</v>
      </c>
      <c r="C25" s="57" t="s">
        <v>220</v>
      </c>
      <c r="D25" s="56" t="s">
        <v>220</v>
      </c>
    </row>
    <row r="26" spans="1:4" ht="18" customHeight="1" x14ac:dyDescent="0.15">
      <c r="A26" s="55">
        <v>17</v>
      </c>
      <c r="B26" s="58" t="s">
        <v>220</v>
      </c>
      <c r="C26" s="57" t="s">
        <v>220</v>
      </c>
      <c r="D26" s="56" t="s">
        <v>220</v>
      </c>
    </row>
    <row r="27" spans="1:4" ht="18" customHeight="1" x14ac:dyDescent="0.15">
      <c r="A27" s="55">
        <v>18</v>
      </c>
      <c r="B27" s="58" t="s">
        <v>220</v>
      </c>
      <c r="C27" s="57" t="s">
        <v>220</v>
      </c>
      <c r="D27" s="56" t="s">
        <v>220</v>
      </c>
    </row>
    <row r="28" spans="1:4" ht="18" customHeight="1" x14ac:dyDescent="0.15">
      <c r="A28" s="55">
        <v>19</v>
      </c>
      <c r="B28" s="58" t="s">
        <v>220</v>
      </c>
      <c r="C28" s="57" t="s">
        <v>220</v>
      </c>
      <c r="D28" s="56" t="s">
        <v>220</v>
      </c>
    </row>
    <row r="29" spans="1:4" ht="18" customHeight="1" x14ac:dyDescent="0.15">
      <c r="A29" s="55" t="s">
        <v>14</v>
      </c>
      <c r="B29" s="58" t="s">
        <v>220</v>
      </c>
      <c r="C29" s="57" t="s">
        <v>220</v>
      </c>
      <c r="D29" s="56" t="s">
        <v>220</v>
      </c>
    </row>
    <row r="30" spans="1:4" ht="18" customHeight="1" x14ac:dyDescent="0.15">
      <c r="A30" s="55">
        <v>20</v>
      </c>
      <c r="B30" s="58" t="s">
        <v>220</v>
      </c>
      <c r="C30" s="57" t="s">
        <v>220</v>
      </c>
      <c r="D30" s="56" t="s">
        <v>220</v>
      </c>
    </row>
    <row r="31" spans="1:4" ht="18" customHeight="1" x14ac:dyDescent="0.15">
      <c r="A31" s="55">
        <v>21</v>
      </c>
      <c r="B31" s="58" t="s">
        <v>220</v>
      </c>
      <c r="C31" s="57" t="s">
        <v>220</v>
      </c>
      <c r="D31" s="56" t="s">
        <v>220</v>
      </c>
    </row>
    <row r="32" spans="1:4" ht="18" customHeight="1" x14ac:dyDescent="0.15">
      <c r="A32" s="55">
        <v>22</v>
      </c>
      <c r="B32" s="58" t="s">
        <v>220</v>
      </c>
      <c r="C32" s="57" t="s">
        <v>220</v>
      </c>
      <c r="D32" s="56" t="s">
        <v>220</v>
      </c>
    </row>
    <row r="33" spans="1:4" ht="18" customHeight="1" x14ac:dyDescent="0.15">
      <c r="A33" s="55">
        <v>23</v>
      </c>
      <c r="B33" s="58" t="s">
        <v>220</v>
      </c>
      <c r="C33" s="57" t="s">
        <v>220</v>
      </c>
      <c r="D33" s="56" t="s">
        <v>220</v>
      </c>
    </row>
    <row r="34" spans="1:4" ht="18" customHeight="1" x14ac:dyDescent="0.15">
      <c r="A34" s="55">
        <v>24</v>
      </c>
      <c r="B34" s="58" t="s">
        <v>220</v>
      </c>
      <c r="C34" s="57" t="s">
        <v>220</v>
      </c>
      <c r="D34" s="56" t="s">
        <v>220</v>
      </c>
    </row>
    <row r="35" spans="1:4" ht="18" customHeight="1" x14ac:dyDescent="0.15">
      <c r="A35" s="55" t="s">
        <v>9</v>
      </c>
      <c r="B35" s="58" t="s">
        <v>220</v>
      </c>
      <c r="C35" s="57" t="s">
        <v>220</v>
      </c>
      <c r="D35" s="56" t="s">
        <v>220</v>
      </c>
    </row>
    <row r="36" spans="1:4" ht="18" customHeight="1" x14ac:dyDescent="0.15">
      <c r="A36" s="55">
        <v>25</v>
      </c>
      <c r="B36" s="58" t="s">
        <v>220</v>
      </c>
      <c r="C36" s="57" t="s">
        <v>220</v>
      </c>
      <c r="D36" s="56" t="s">
        <v>220</v>
      </c>
    </row>
    <row r="37" spans="1:4" ht="18" customHeight="1" x14ac:dyDescent="0.15">
      <c r="A37" s="55">
        <v>26</v>
      </c>
      <c r="B37" s="58" t="s">
        <v>220</v>
      </c>
      <c r="C37" s="57" t="s">
        <v>220</v>
      </c>
      <c r="D37" s="56" t="s">
        <v>220</v>
      </c>
    </row>
    <row r="38" spans="1:4" ht="18" customHeight="1" x14ac:dyDescent="0.15">
      <c r="A38" s="55">
        <v>27</v>
      </c>
      <c r="B38" s="58" t="s">
        <v>220</v>
      </c>
      <c r="C38" s="57" t="s">
        <v>220</v>
      </c>
      <c r="D38" s="56" t="s">
        <v>220</v>
      </c>
    </row>
    <row r="39" spans="1:4" ht="18" customHeight="1" x14ac:dyDescent="0.15">
      <c r="A39" s="55">
        <v>28</v>
      </c>
      <c r="B39" s="58" t="s">
        <v>220</v>
      </c>
      <c r="C39" s="57" t="s">
        <v>220</v>
      </c>
      <c r="D39" s="56" t="s">
        <v>220</v>
      </c>
    </row>
    <row r="40" spans="1:4" ht="18" customHeight="1" x14ac:dyDescent="0.15">
      <c r="A40" s="55">
        <v>29</v>
      </c>
      <c r="B40" s="58" t="s">
        <v>220</v>
      </c>
      <c r="C40" s="57" t="s">
        <v>220</v>
      </c>
      <c r="D40" s="56" t="s">
        <v>220</v>
      </c>
    </row>
    <row r="41" spans="1:4" ht="18" customHeight="1" x14ac:dyDescent="0.15">
      <c r="A41" s="55" t="s">
        <v>2</v>
      </c>
      <c r="B41" s="58" t="s">
        <v>220</v>
      </c>
      <c r="C41" s="57" t="s">
        <v>220</v>
      </c>
      <c r="D41" s="56" t="s">
        <v>220</v>
      </c>
    </row>
    <row r="42" spans="1:4" ht="18" customHeight="1" x14ac:dyDescent="0.15">
      <c r="A42" s="55">
        <v>30</v>
      </c>
      <c r="B42" s="58" t="s">
        <v>220</v>
      </c>
      <c r="C42" s="57" t="s">
        <v>220</v>
      </c>
      <c r="D42" s="56" t="s">
        <v>220</v>
      </c>
    </row>
    <row r="43" spans="1:4" ht="18" customHeight="1" x14ac:dyDescent="0.15">
      <c r="A43" s="55">
        <v>31</v>
      </c>
      <c r="B43" s="58" t="s">
        <v>220</v>
      </c>
      <c r="C43" s="57" t="s">
        <v>220</v>
      </c>
      <c r="D43" s="56" t="s">
        <v>220</v>
      </c>
    </row>
    <row r="44" spans="1:4" ht="18" customHeight="1" x14ac:dyDescent="0.15">
      <c r="A44" s="55">
        <v>32</v>
      </c>
      <c r="B44" s="58" t="s">
        <v>220</v>
      </c>
      <c r="C44" s="57" t="s">
        <v>220</v>
      </c>
      <c r="D44" s="56" t="s">
        <v>220</v>
      </c>
    </row>
    <row r="45" spans="1:4" ht="18" customHeight="1" x14ac:dyDescent="0.15">
      <c r="A45" s="55">
        <v>33</v>
      </c>
      <c r="B45" s="58" t="s">
        <v>220</v>
      </c>
      <c r="C45" s="57" t="s">
        <v>220</v>
      </c>
      <c r="D45" s="56" t="s">
        <v>220</v>
      </c>
    </row>
    <row r="46" spans="1:4" ht="18" customHeight="1" x14ac:dyDescent="0.15">
      <c r="A46" s="55">
        <v>34</v>
      </c>
      <c r="B46" s="58" t="s">
        <v>220</v>
      </c>
      <c r="C46" s="57" t="s">
        <v>220</v>
      </c>
      <c r="D46" s="56" t="s">
        <v>220</v>
      </c>
    </row>
    <row r="47" spans="1:4" ht="18" customHeight="1" x14ac:dyDescent="0.15">
      <c r="A47" s="55" t="s">
        <v>15</v>
      </c>
      <c r="B47" s="58" t="s">
        <v>220</v>
      </c>
      <c r="C47" s="57" t="s">
        <v>220</v>
      </c>
      <c r="D47" s="56" t="s">
        <v>220</v>
      </c>
    </row>
    <row r="48" spans="1:4" ht="18" customHeight="1" x14ac:dyDescent="0.15">
      <c r="A48" s="55">
        <v>35</v>
      </c>
      <c r="B48" s="58" t="s">
        <v>220</v>
      </c>
      <c r="C48" s="57" t="s">
        <v>220</v>
      </c>
      <c r="D48" s="56" t="s">
        <v>220</v>
      </c>
    </row>
    <row r="49" spans="1:4" ht="18" customHeight="1" x14ac:dyDescent="0.15">
      <c r="A49" s="55">
        <v>36</v>
      </c>
      <c r="B49" s="58" t="s">
        <v>220</v>
      </c>
      <c r="C49" s="57" t="s">
        <v>220</v>
      </c>
      <c r="D49" s="56" t="s">
        <v>220</v>
      </c>
    </row>
    <row r="50" spans="1:4" ht="18" customHeight="1" x14ac:dyDescent="0.15">
      <c r="A50" s="55">
        <v>37</v>
      </c>
      <c r="B50" s="58" t="s">
        <v>220</v>
      </c>
      <c r="C50" s="57" t="s">
        <v>220</v>
      </c>
      <c r="D50" s="56" t="s">
        <v>220</v>
      </c>
    </row>
    <row r="51" spans="1:4" ht="18" customHeight="1" x14ac:dyDescent="0.15">
      <c r="A51" s="55">
        <v>38</v>
      </c>
      <c r="B51" s="58" t="s">
        <v>220</v>
      </c>
      <c r="C51" s="57" t="s">
        <v>220</v>
      </c>
      <c r="D51" s="56" t="s">
        <v>220</v>
      </c>
    </row>
    <row r="52" spans="1:4" ht="18" customHeight="1" x14ac:dyDescent="0.15">
      <c r="A52" s="55">
        <v>39</v>
      </c>
      <c r="B52" s="58" t="s">
        <v>220</v>
      </c>
      <c r="C52" s="57" t="s">
        <v>220</v>
      </c>
      <c r="D52" s="56" t="s">
        <v>220</v>
      </c>
    </row>
    <row r="53" spans="1:4" ht="18" customHeight="1" x14ac:dyDescent="0.15">
      <c r="A53" s="55" t="s">
        <v>18</v>
      </c>
      <c r="B53" s="58" t="s">
        <v>220</v>
      </c>
      <c r="C53" s="57" t="s">
        <v>220</v>
      </c>
      <c r="D53" s="56" t="s">
        <v>220</v>
      </c>
    </row>
    <row r="54" spans="1:4" ht="18" customHeight="1" x14ac:dyDescent="0.15">
      <c r="A54" s="55">
        <v>40</v>
      </c>
      <c r="B54" s="58" t="s">
        <v>220</v>
      </c>
      <c r="C54" s="57" t="s">
        <v>220</v>
      </c>
      <c r="D54" s="56" t="s">
        <v>220</v>
      </c>
    </row>
    <row r="55" spans="1:4" ht="18" customHeight="1" x14ac:dyDescent="0.15">
      <c r="A55" s="55">
        <v>41</v>
      </c>
      <c r="B55" s="58" t="s">
        <v>220</v>
      </c>
      <c r="C55" s="57" t="s">
        <v>220</v>
      </c>
      <c r="D55" s="56" t="s">
        <v>220</v>
      </c>
    </row>
    <row r="56" spans="1:4" ht="18" customHeight="1" x14ac:dyDescent="0.15">
      <c r="A56" s="55">
        <v>42</v>
      </c>
      <c r="B56" s="58" t="s">
        <v>220</v>
      </c>
      <c r="C56" s="57" t="s">
        <v>220</v>
      </c>
      <c r="D56" s="56" t="s">
        <v>220</v>
      </c>
    </row>
    <row r="57" spans="1:4" ht="18" customHeight="1" x14ac:dyDescent="0.15">
      <c r="A57" s="55">
        <v>43</v>
      </c>
      <c r="B57" s="58" t="s">
        <v>220</v>
      </c>
      <c r="C57" s="57" t="s">
        <v>220</v>
      </c>
      <c r="D57" s="56" t="s">
        <v>220</v>
      </c>
    </row>
    <row r="58" spans="1:4" ht="18" customHeight="1" x14ac:dyDescent="0.15">
      <c r="A58" s="55">
        <v>44</v>
      </c>
      <c r="B58" s="58" t="s">
        <v>220</v>
      </c>
      <c r="C58" s="57" t="s">
        <v>220</v>
      </c>
      <c r="D58" s="56" t="s">
        <v>220</v>
      </c>
    </row>
    <row r="59" spans="1:4" ht="18" customHeight="1" x14ac:dyDescent="0.15">
      <c r="A59" s="55" t="s">
        <v>21</v>
      </c>
      <c r="B59" s="58" t="s">
        <v>220</v>
      </c>
      <c r="C59" s="57" t="s">
        <v>220</v>
      </c>
      <c r="D59" s="56" t="s">
        <v>220</v>
      </c>
    </row>
    <row r="60" spans="1:4" ht="18" customHeight="1" x14ac:dyDescent="0.15">
      <c r="A60" s="55">
        <v>45</v>
      </c>
      <c r="B60" s="58" t="s">
        <v>220</v>
      </c>
      <c r="C60" s="57" t="s">
        <v>220</v>
      </c>
      <c r="D60" s="56" t="s">
        <v>220</v>
      </c>
    </row>
    <row r="61" spans="1:4" ht="18" customHeight="1" x14ac:dyDescent="0.15">
      <c r="A61" s="55">
        <v>46</v>
      </c>
      <c r="B61" s="58" t="s">
        <v>220</v>
      </c>
      <c r="C61" s="57" t="s">
        <v>220</v>
      </c>
      <c r="D61" s="56" t="s">
        <v>220</v>
      </c>
    </row>
    <row r="62" spans="1:4" ht="18" customHeight="1" x14ac:dyDescent="0.15">
      <c r="A62" s="55">
        <v>47</v>
      </c>
      <c r="B62" s="58" t="s">
        <v>220</v>
      </c>
      <c r="C62" s="57" t="s">
        <v>220</v>
      </c>
      <c r="D62" s="56" t="s">
        <v>220</v>
      </c>
    </row>
    <row r="63" spans="1:4" ht="18" customHeight="1" x14ac:dyDescent="0.15">
      <c r="A63" s="55">
        <v>48</v>
      </c>
      <c r="B63" s="58" t="s">
        <v>220</v>
      </c>
      <c r="C63" s="57" t="s">
        <v>220</v>
      </c>
      <c r="D63" s="56" t="s">
        <v>220</v>
      </c>
    </row>
    <row r="64" spans="1:4" ht="18" customHeight="1" x14ac:dyDescent="0.15">
      <c r="A64" s="55">
        <v>49</v>
      </c>
      <c r="B64" s="58" t="s">
        <v>220</v>
      </c>
      <c r="C64" s="57" t="s">
        <v>220</v>
      </c>
      <c r="D64" s="56" t="s">
        <v>220</v>
      </c>
    </row>
    <row r="65" spans="1:4" ht="18" customHeight="1" x14ac:dyDescent="0.15">
      <c r="A65" s="55" t="s">
        <v>17</v>
      </c>
      <c r="B65" s="58" t="s">
        <v>220</v>
      </c>
      <c r="C65" s="57" t="s">
        <v>220</v>
      </c>
      <c r="D65" s="56" t="s">
        <v>220</v>
      </c>
    </row>
    <row r="66" spans="1:4" ht="18" customHeight="1" x14ac:dyDescent="0.15">
      <c r="A66" s="55">
        <v>50</v>
      </c>
      <c r="B66" s="58" t="s">
        <v>220</v>
      </c>
      <c r="C66" s="57" t="s">
        <v>220</v>
      </c>
      <c r="D66" s="56" t="s">
        <v>220</v>
      </c>
    </row>
    <row r="67" spans="1:4" ht="18" customHeight="1" x14ac:dyDescent="0.15">
      <c r="A67" s="55">
        <v>51</v>
      </c>
      <c r="B67" s="58" t="s">
        <v>220</v>
      </c>
      <c r="C67" s="57" t="s">
        <v>220</v>
      </c>
      <c r="D67" s="56" t="s">
        <v>220</v>
      </c>
    </row>
    <row r="68" spans="1:4" ht="18" customHeight="1" x14ac:dyDescent="0.15">
      <c r="A68" s="55">
        <v>52</v>
      </c>
      <c r="B68" s="58" t="s">
        <v>220</v>
      </c>
      <c r="C68" s="57" t="s">
        <v>220</v>
      </c>
      <c r="D68" s="56" t="s">
        <v>220</v>
      </c>
    </row>
    <row r="69" spans="1:4" ht="18" customHeight="1" x14ac:dyDescent="0.15">
      <c r="A69" s="55">
        <v>53</v>
      </c>
      <c r="B69" s="58" t="s">
        <v>220</v>
      </c>
      <c r="C69" s="57" t="s">
        <v>220</v>
      </c>
      <c r="D69" s="56" t="s">
        <v>220</v>
      </c>
    </row>
    <row r="70" spans="1:4" ht="18" customHeight="1" x14ac:dyDescent="0.15">
      <c r="A70" s="55">
        <v>54</v>
      </c>
      <c r="B70" s="58" t="s">
        <v>220</v>
      </c>
      <c r="C70" s="57" t="s">
        <v>220</v>
      </c>
      <c r="D70" s="56" t="s">
        <v>220</v>
      </c>
    </row>
    <row r="71" spans="1:4" ht="18" customHeight="1" x14ac:dyDescent="0.15">
      <c r="A71" s="55" t="s">
        <v>22</v>
      </c>
      <c r="B71" s="58" t="s">
        <v>220</v>
      </c>
      <c r="C71" s="57" t="s">
        <v>220</v>
      </c>
      <c r="D71" s="56" t="s">
        <v>220</v>
      </c>
    </row>
    <row r="72" spans="1:4" ht="18" customHeight="1" x14ac:dyDescent="0.15">
      <c r="A72" s="55">
        <v>55</v>
      </c>
      <c r="B72" s="58" t="s">
        <v>220</v>
      </c>
      <c r="C72" s="57" t="s">
        <v>220</v>
      </c>
      <c r="D72" s="56" t="s">
        <v>220</v>
      </c>
    </row>
    <row r="73" spans="1:4" ht="18" customHeight="1" x14ac:dyDescent="0.15">
      <c r="A73" s="55">
        <v>56</v>
      </c>
      <c r="B73" s="58" t="s">
        <v>220</v>
      </c>
      <c r="C73" s="57" t="s">
        <v>220</v>
      </c>
      <c r="D73" s="56" t="s">
        <v>220</v>
      </c>
    </row>
    <row r="74" spans="1:4" ht="18" customHeight="1" x14ac:dyDescent="0.15">
      <c r="A74" s="55">
        <v>57</v>
      </c>
      <c r="B74" s="58" t="s">
        <v>220</v>
      </c>
      <c r="C74" s="57" t="s">
        <v>220</v>
      </c>
      <c r="D74" s="56" t="s">
        <v>220</v>
      </c>
    </row>
    <row r="75" spans="1:4" ht="18" customHeight="1" x14ac:dyDescent="0.15">
      <c r="A75" s="55">
        <v>58</v>
      </c>
      <c r="B75" s="58" t="s">
        <v>220</v>
      </c>
      <c r="C75" s="57" t="s">
        <v>220</v>
      </c>
      <c r="D75" s="56" t="s">
        <v>220</v>
      </c>
    </row>
    <row r="76" spans="1:4" ht="18" customHeight="1" x14ac:dyDescent="0.15">
      <c r="A76" s="55">
        <v>59</v>
      </c>
      <c r="B76" s="58" t="s">
        <v>220</v>
      </c>
      <c r="C76" s="57" t="s">
        <v>220</v>
      </c>
      <c r="D76" s="56" t="s">
        <v>220</v>
      </c>
    </row>
    <row r="77" spans="1:4" ht="18" customHeight="1" x14ac:dyDescent="0.15">
      <c r="A77" s="55" t="s">
        <v>27</v>
      </c>
      <c r="B77" s="58" t="s">
        <v>220</v>
      </c>
      <c r="C77" s="57" t="s">
        <v>220</v>
      </c>
      <c r="D77" s="56" t="s">
        <v>220</v>
      </c>
    </row>
    <row r="78" spans="1:4" ht="18" customHeight="1" x14ac:dyDescent="0.15">
      <c r="A78" s="55">
        <v>60</v>
      </c>
      <c r="B78" s="58" t="s">
        <v>220</v>
      </c>
      <c r="C78" s="57" t="s">
        <v>220</v>
      </c>
      <c r="D78" s="56" t="s">
        <v>220</v>
      </c>
    </row>
    <row r="79" spans="1:4" ht="18" customHeight="1" x14ac:dyDescent="0.15">
      <c r="A79" s="55">
        <v>61</v>
      </c>
      <c r="B79" s="58" t="s">
        <v>220</v>
      </c>
      <c r="C79" s="57" t="s">
        <v>220</v>
      </c>
      <c r="D79" s="56" t="s">
        <v>220</v>
      </c>
    </row>
    <row r="80" spans="1:4" ht="18" customHeight="1" x14ac:dyDescent="0.15">
      <c r="A80" s="55">
        <v>62</v>
      </c>
      <c r="B80" s="58" t="s">
        <v>220</v>
      </c>
      <c r="C80" s="57" t="s">
        <v>220</v>
      </c>
      <c r="D80" s="56" t="s">
        <v>220</v>
      </c>
    </row>
    <row r="81" spans="1:4" ht="18" customHeight="1" x14ac:dyDescent="0.15">
      <c r="A81" s="55">
        <v>63</v>
      </c>
      <c r="B81" s="58" t="s">
        <v>220</v>
      </c>
      <c r="C81" s="57" t="s">
        <v>220</v>
      </c>
      <c r="D81" s="56" t="s">
        <v>220</v>
      </c>
    </row>
    <row r="82" spans="1:4" ht="18" customHeight="1" x14ac:dyDescent="0.15">
      <c r="A82" s="55">
        <v>64</v>
      </c>
      <c r="B82" s="58" t="s">
        <v>220</v>
      </c>
      <c r="C82" s="57" t="s">
        <v>220</v>
      </c>
      <c r="D82" s="56" t="s">
        <v>220</v>
      </c>
    </row>
    <row r="83" spans="1:4" ht="18" customHeight="1" x14ac:dyDescent="0.15">
      <c r="A83" s="55" t="s">
        <v>28</v>
      </c>
      <c r="B83" s="58" t="s">
        <v>220</v>
      </c>
      <c r="C83" s="57" t="s">
        <v>220</v>
      </c>
      <c r="D83" s="56" t="s">
        <v>220</v>
      </c>
    </row>
    <row r="84" spans="1:4" ht="18" customHeight="1" x14ac:dyDescent="0.15">
      <c r="A84" s="55" t="s">
        <v>31</v>
      </c>
      <c r="B84" s="54">
        <v>35</v>
      </c>
      <c r="C84" s="53">
        <v>30</v>
      </c>
      <c r="D84" s="52">
        <v>65</v>
      </c>
    </row>
    <row r="85" spans="1:4" ht="18" customHeight="1" x14ac:dyDescent="0.15">
      <c r="A85" s="55">
        <v>65</v>
      </c>
      <c r="B85" s="58" t="s">
        <v>220</v>
      </c>
      <c r="C85" s="57" t="s">
        <v>220</v>
      </c>
      <c r="D85" s="56" t="s">
        <v>220</v>
      </c>
    </row>
    <row r="86" spans="1:4" ht="18" customHeight="1" x14ac:dyDescent="0.15">
      <c r="A86" s="55">
        <v>66</v>
      </c>
      <c r="B86" s="58" t="s">
        <v>220</v>
      </c>
      <c r="C86" s="57" t="s">
        <v>220</v>
      </c>
      <c r="D86" s="56" t="s">
        <v>220</v>
      </c>
    </row>
    <row r="87" spans="1:4" ht="18" customHeight="1" x14ac:dyDescent="0.15">
      <c r="A87" s="55">
        <v>67</v>
      </c>
      <c r="B87" s="58" t="s">
        <v>220</v>
      </c>
      <c r="C87" s="57" t="s">
        <v>220</v>
      </c>
      <c r="D87" s="56" t="s">
        <v>220</v>
      </c>
    </row>
    <row r="88" spans="1:4" ht="18" customHeight="1" x14ac:dyDescent="0.15">
      <c r="A88" s="55">
        <v>68</v>
      </c>
      <c r="B88" s="58" t="s">
        <v>220</v>
      </c>
      <c r="C88" s="57" t="s">
        <v>220</v>
      </c>
      <c r="D88" s="56" t="s">
        <v>220</v>
      </c>
    </row>
    <row r="89" spans="1:4" ht="18" customHeight="1" x14ac:dyDescent="0.15">
      <c r="A89" s="55">
        <v>69</v>
      </c>
      <c r="B89" s="58" t="s">
        <v>220</v>
      </c>
      <c r="C89" s="57" t="s">
        <v>220</v>
      </c>
      <c r="D89" s="56" t="s">
        <v>220</v>
      </c>
    </row>
    <row r="90" spans="1:4" ht="18" customHeight="1" x14ac:dyDescent="0.15">
      <c r="A90" s="55" t="s">
        <v>20</v>
      </c>
      <c r="B90" s="58" t="s">
        <v>220</v>
      </c>
      <c r="C90" s="57" t="s">
        <v>220</v>
      </c>
      <c r="D90" s="56" t="s">
        <v>220</v>
      </c>
    </row>
    <row r="91" spans="1:4" ht="18" customHeight="1" x14ac:dyDescent="0.15">
      <c r="A91" s="55">
        <v>70</v>
      </c>
      <c r="B91" s="58" t="s">
        <v>220</v>
      </c>
      <c r="C91" s="57" t="s">
        <v>220</v>
      </c>
      <c r="D91" s="56" t="s">
        <v>220</v>
      </c>
    </row>
    <row r="92" spans="1:4" ht="18" customHeight="1" x14ac:dyDescent="0.15">
      <c r="A92" s="55">
        <v>71</v>
      </c>
      <c r="B92" s="58" t="s">
        <v>220</v>
      </c>
      <c r="C92" s="57" t="s">
        <v>220</v>
      </c>
      <c r="D92" s="56" t="s">
        <v>220</v>
      </c>
    </row>
    <row r="93" spans="1:4" ht="18" customHeight="1" x14ac:dyDescent="0.15">
      <c r="A93" s="55">
        <v>72</v>
      </c>
      <c r="B93" s="58" t="s">
        <v>220</v>
      </c>
      <c r="C93" s="57" t="s">
        <v>220</v>
      </c>
      <c r="D93" s="56" t="s">
        <v>220</v>
      </c>
    </row>
    <row r="94" spans="1:4" ht="18" customHeight="1" x14ac:dyDescent="0.15">
      <c r="A94" s="55">
        <v>73</v>
      </c>
      <c r="B94" s="58" t="s">
        <v>220</v>
      </c>
      <c r="C94" s="57" t="s">
        <v>220</v>
      </c>
      <c r="D94" s="56" t="s">
        <v>220</v>
      </c>
    </row>
    <row r="95" spans="1:4" ht="18" customHeight="1" x14ac:dyDescent="0.15">
      <c r="A95" s="55">
        <v>74</v>
      </c>
      <c r="B95" s="58" t="s">
        <v>220</v>
      </c>
      <c r="C95" s="57" t="s">
        <v>220</v>
      </c>
      <c r="D95" s="56" t="s">
        <v>220</v>
      </c>
    </row>
    <row r="96" spans="1:4" ht="18" customHeight="1" x14ac:dyDescent="0.15">
      <c r="A96" s="55" t="s">
        <v>33</v>
      </c>
      <c r="B96" s="58" t="s">
        <v>220</v>
      </c>
      <c r="C96" s="57" t="s">
        <v>220</v>
      </c>
      <c r="D96" s="56" t="s">
        <v>220</v>
      </c>
    </row>
    <row r="97" spans="1:4" ht="18" customHeight="1" x14ac:dyDescent="0.15">
      <c r="A97" s="55">
        <v>75</v>
      </c>
      <c r="B97" s="58" t="s">
        <v>220</v>
      </c>
      <c r="C97" s="57" t="s">
        <v>220</v>
      </c>
      <c r="D97" s="56" t="s">
        <v>220</v>
      </c>
    </row>
    <row r="98" spans="1:4" ht="18" customHeight="1" x14ac:dyDescent="0.15">
      <c r="A98" s="55">
        <v>76</v>
      </c>
      <c r="B98" s="58" t="s">
        <v>220</v>
      </c>
      <c r="C98" s="57" t="s">
        <v>220</v>
      </c>
      <c r="D98" s="56" t="s">
        <v>220</v>
      </c>
    </row>
    <row r="99" spans="1:4" ht="18" customHeight="1" x14ac:dyDescent="0.15">
      <c r="A99" s="55">
        <v>77</v>
      </c>
      <c r="B99" s="58" t="s">
        <v>220</v>
      </c>
      <c r="C99" s="57" t="s">
        <v>220</v>
      </c>
      <c r="D99" s="56" t="s">
        <v>220</v>
      </c>
    </row>
    <row r="100" spans="1:4" ht="18" customHeight="1" x14ac:dyDescent="0.15">
      <c r="A100" s="55">
        <v>78</v>
      </c>
      <c r="B100" s="58" t="s">
        <v>220</v>
      </c>
      <c r="C100" s="57" t="s">
        <v>220</v>
      </c>
      <c r="D100" s="56" t="s">
        <v>220</v>
      </c>
    </row>
    <row r="101" spans="1:4" ht="18" customHeight="1" x14ac:dyDescent="0.15">
      <c r="A101" s="55">
        <v>79</v>
      </c>
      <c r="B101" s="58" t="s">
        <v>220</v>
      </c>
      <c r="C101" s="57" t="s">
        <v>220</v>
      </c>
      <c r="D101" s="56" t="s">
        <v>220</v>
      </c>
    </row>
    <row r="102" spans="1:4" ht="18" customHeight="1" x14ac:dyDescent="0.15">
      <c r="A102" s="55" t="s">
        <v>0</v>
      </c>
      <c r="B102" s="58" t="s">
        <v>220</v>
      </c>
      <c r="C102" s="57" t="s">
        <v>220</v>
      </c>
      <c r="D102" s="56" t="s">
        <v>220</v>
      </c>
    </row>
    <row r="103" spans="1:4" ht="18" customHeight="1" x14ac:dyDescent="0.15">
      <c r="A103" s="55">
        <v>80</v>
      </c>
      <c r="B103" s="58" t="s">
        <v>220</v>
      </c>
      <c r="C103" s="57" t="s">
        <v>220</v>
      </c>
      <c r="D103" s="56" t="s">
        <v>220</v>
      </c>
    </row>
    <row r="104" spans="1:4" ht="18" customHeight="1" x14ac:dyDescent="0.15">
      <c r="A104" s="55">
        <v>81</v>
      </c>
      <c r="B104" s="58" t="s">
        <v>220</v>
      </c>
      <c r="C104" s="57" t="s">
        <v>220</v>
      </c>
      <c r="D104" s="56" t="s">
        <v>220</v>
      </c>
    </row>
    <row r="105" spans="1:4" ht="18" customHeight="1" x14ac:dyDescent="0.15">
      <c r="A105" s="55">
        <v>82</v>
      </c>
      <c r="B105" s="58" t="s">
        <v>220</v>
      </c>
      <c r="C105" s="57" t="s">
        <v>220</v>
      </c>
      <c r="D105" s="56" t="s">
        <v>220</v>
      </c>
    </row>
    <row r="106" spans="1:4" ht="18" customHeight="1" x14ac:dyDescent="0.15">
      <c r="A106" s="55">
        <v>83</v>
      </c>
      <c r="B106" s="58" t="s">
        <v>220</v>
      </c>
      <c r="C106" s="57" t="s">
        <v>220</v>
      </c>
      <c r="D106" s="56" t="s">
        <v>220</v>
      </c>
    </row>
    <row r="107" spans="1:4" ht="18" customHeight="1" x14ac:dyDescent="0.15">
      <c r="A107" s="55">
        <v>84</v>
      </c>
      <c r="B107" s="58" t="s">
        <v>220</v>
      </c>
      <c r="C107" s="57" t="s">
        <v>220</v>
      </c>
      <c r="D107" s="56" t="s">
        <v>220</v>
      </c>
    </row>
    <row r="108" spans="1:4" ht="18" customHeight="1" x14ac:dyDescent="0.15">
      <c r="A108" s="55" t="s">
        <v>35</v>
      </c>
      <c r="B108" s="58" t="s">
        <v>220</v>
      </c>
      <c r="C108" s="57" t="s">
        <v>220</v>
      </c>
      <c r="D108" s="56" t="s">
        <v>220</v>
      </c>
    </row>
    <row r="109" spans="1:4" ht="18" customHeight="1" x14ac:dyDescent="0.15">
      <c r="A109" s="55">
        <v>85</v>
      </c>
      <c r="B109" s="58" t="s">
        <v>220</v>
      </c>
      <c r="C109" s="57" t="s">
        <v>220</v>
      </c>
      <c r="D109" s="56" t="s">
        <v>220</v>
      </c>
    </row>
    <row r="110" spans="1:4" ht="18" customHeight="1" x14ac:dyDescent="0.15">
      <c r="A110" s="55">
        <v>86</v>
      </c>
      <c r="B110" s="58" t="s">
        <v>220</v>
      </c>
      <c r="C110" s="57" t="s">
        <v>220</v>
      </c>
      <c r="D110" s="56" t="s">
        <v>220</v>
      </c>
    </row>
    <row r="111" spans="1:4" ht="18" customHeight="1" x14ac:dyDescent="0.15">
      <c r="A111" s="55">
        <v>87</v>
      </c>
      <c r="B111" s="58" t="s">
        <v>220</v>
      </c>
      <c r="C111" s="57" t="s">
        <v>220</v>
      </c>
      <c r="D111" s="56" t="s">
        <v>220</v>
      </c>
    </row>
    <row r="112" spans="1:4" ht="18" customHeight="1" x14ac:dyDescent="0.15">
      <c r="A112" s="55">
        <v>88</v>
      </c>
      <c r="B112" s="58" t="s">
        <v>220</v>
      </c>
      <c r="C112" s="57" t="s">
        <v>220</v>
      </c>
      <c r="D112" s="56" t="s">
        <v>220</v>
      </c>
    </row>
    <row r="113" spans="1:4" ht="18" customHeight="1" x14ac:dyDescent="0.15">
      <c r="A113" s="55">
        <v>89</v>
      </c>
      <c r="B113" s="58" t="s">
        <v>220</v>
      </c>
      <c r="C113" s="57" t="s">
        <v>220</v>
      </c>
      <c r="D113" s="56" t="s">
        <v>220</v>
      </c>
    </row>
    <row r="114" spans="1:4" ht="18" customHeight="1" x14ac:dyDescent="0.15">
      <c r="A114" s="55" t="s">
        <v>37</v>
      </c>
      <c r="B114" s="58" t="s">
        <v>220</v>
      </c>
      <c r="C114" s="57" t="s">
        <v>220</v>
      </c>
      <c r="D114" s="56" t="s">
        <v>220</v>
      </c>
    </row>
    <row r="115" spans="1:4" ht="18" customHeight="1" x14ac:dyDescent="0.15">
      <c r="A115" s="55">
        <v>90</v>
      </c>
      <c r="B115" s="58" t="s">
        <v>220</v>
      </c>
      <c r="C115" s="57" t="s">
        <v>220</v>
      </c>
      <c r="D115" s="56" t="s">
        <v>220</v>
      </c>
    </row>
    <row r="116" spans="1:4" ht="18" customHeight="1" x14ac:dyDescent="0.15">
      <c r="A116" s="55">
        <v>91</v>
      </c>
      <c r="B116" s="58" t="s">
        <v>220</v>
      </c>
      <c r="C116" s="57" t="s">
        <v>220</v>
      </c>
      <c r="D116" s="56" t="s">
        <v>220</v>
      </c>
    </row>
    <row r="117" spans="1:4" ht="18" customHeight="1" x14ac:dyDescent="0.15">
      <c r="A117" s="55">
        <v>92</v>
      </c>
      <c r="B117" s="58" t="s">
        <v>220</v>
      </c>
      <c r="C117" s="57" t="s">
        <v>220</v>
      </c>
      <c r="D117" s="56" t="s">
        <v>220</v>
      </c>
    </row>
    <row r="118" spans="1:4" ht="18" customHeight="1" x14ac:dyDescent="0.15">
      <c r="A118" s="55">
        <v>93</v>
      </c>
      <c r="B118" s="58" t="s">
        <v>220</v>
      </c>
      <c r="C118" s="57" t="s">
        <v>220</v>
      </c>
      <c r="D118" s="56" t="s">
        <v>220</v>
      </c>
    </row>
    <row r="119" spans="1:4" ht="18" customHeight="1" x14ac:dyDescent="0.15">
      <c r="A119" s="55">
        <v>94</v>
      </c>
      <c r="B119" s="58" t="s">
        <v>220</v>
      </c>
      <c r="C119" s="57" t="s">
        <v>220</v>
      </c>
      <c r="D119" s="56" t="s">
        <v>220</v>
      </c>
    </row>
    <row r="120" spans="1:4" ht="18" customHeight="1" x14ac:dyDescent="0.15">
      <c r="A120" s="55" t="s">
        <v>39</v>
      </c>
      <c r="B120" s="58" t="s">
        <v>220</v>
      </c>
      <c r="C120" s="57" t="s">
        <v>220</v>
      </c>
      <c r="D120" s="56" t="s">
        <v>220</v>
      </c>
    </row>
    <row r="121" spans="1:4" ht="18" customHeight="1" x14ac:dyDescent="0.15">
      <c r="A121" s="55">
        <v>95</v>
      </c>
      <c r="B121" s="58" t="s">
        <v>220</v>
      </c>
      <c r="C121" s="57" t="s">
        <v>220</v>
      </c>
      <c r="D121" s="56" t="s">
        <v>220</v>
      </c>
    </row>
    <row r="122" spans="1:4" ht="18" customHeight="1" x14ac:dyDescent="0.15">
      <c r="A122" s="55">
        <v>96</v>
      </c>
      <c r="B122" s="58" t="s">
        <v>220</v>
      </c>
      <c r="C122" s="57" t="s">
        <v>220</v>
      </c>
      <c r="D122" s="56" t="s">
        <v>220</v>
      </c>
    </row>
    <row r="123" spans="1:4" ht="18" customHeight="1" x14ac:dyDescent="0.15">
      <c r="A123" s="55">
        <v>97</v>
      </c>
      <c r="B123" s="58" t="s">
        <v>220</v>
      </c>
      <c r="C123" s="57" t="s">
        <v>220</v>
      </c>
      <c r="D123" s="56" t="s">
        <v>220</v>
      </c>
    </row>
    <row r="124" spans="1:4" ht="18" customHeight="1" x14ac:dyDescent="0.15">
      <c r="A124" s="55">
        <v>98</v>
      </c>
      <c r="B124" s="58" t="s">
        <v>220</v>
      </c>
      <c r="C124" s="57" t="s">
        <v>220</v>
      </c>
      <c r="D124" s="56" t="s">
        <v>220</v>
      </c>
    </row>
    <row r="125" spans="1:4" ht="18" customHeight="1" x14ac:dyDescent="0.15">
      <c r="A125" s="55">
        <v>99</v>
      </c>
      <c r="B125" s="58" t="s">
        <v>220</v>
      </c>
      <c r="C125" s="57" t="s">
        <v>220</v>
      </c>
      <c r="D125" s="56" t="s">
        <v>220</v>
      </c>
    </row>
    <row r="126" spans="1:4" ht="18" customHeight="1" x14ac:dyDescent="0.15">
      <c r="A126" s="55" t="s">
        <v>40</v>
      </c>
      <c r="B126" s="58" t="s">
        <v>220</v>
      </c>
      <c r="C126" s="57" t="s">
        <v>220</v>
      </c>
      <c r="D126" s="56" t="s">
        <v>220</v>
      </c>
    </row>
    <row r="127" spans="1:4" ht="18" customHeight="1" x14ac:dyDescent="0.15">
      <c r="A127" s="55">
        <v>100</v>
      </c>
      <c r="B127" s="58" t="s">
        <v>220</v>
      </c>
      <c r="C127" s="57" t="s">
        <v>220</v>
      </c>
      <c r="D127" s="56" t="s">
        <v>220</v>
      </c>
    </row>
    <row r="128" spans="1:4" ht="18" customHeight="1" x14ac:dyDescent="0.15">
      <c r="A128" s="59" t="s">
        <v>43</v>
      </c>
      <c r="B128" s="58" t="s">
        <v>220</v>
      </c>
      <c r="C128" s="57" t="s">
        <v>220</v>
      </c>
      <c r="D128" s="56" t="s">
        <v>220</v>
      </c>
    </row>
    <row r="129" spans="1:4" ht="18" customHeight="1" x14ac:dyDescent="0.15">
      <c r="A129" s="55" t="s">
        <v>44</v>
      </c>
      <c r="B129" s="58" t="s">
        <v>220</v>
      </c>
      <c r="C129" s="57" t="s">
        <v>220</v>
      </c>
      <c r="D129" s="56" t="s">
        <v>220</v>
      </c>
    </row>
    <row r="130" spans="1:4" ht="18" customHeight="1" x14ac:dyDescent="0.15">
      <c r="A130" s="55" t="s">
        <v>46</v>
      </c>
      <c r="B130" s="54">
        <v>39</v>
      </c>
      <c r="C130" s="53">
        <v>34</v>
      </c>
      <c r="D130" s="52">
        <v>73</v>
      </c>
    </row>
    <row r="131" spans="1:4" ht="18" customHeight="1" x14ac:dyDescent="0.15">
      <c r="A131" s="51" t="s">
        <v>45</v>
      </c>
      <c r="B131" s="50">
        <v>77</v>
      </c>
      <c r="C131" s="49">
        <v>69</v>
      </c>
      <c r="D131" s="48">
        <v>146</v>
      </c>
    </row>
  </sheetData>
  <mergeCells count="2">
    <mergeCell ref="A1:D1"/>
    <mergeCell ref="B3:D3"/>
  </mergeCells>
  <phoneticPr fontId="7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5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1</v>
      </c>
      <c r="D10" s="18">
        <v>1</v>
      </c>
    </row>
    <row r="11" spans="1:4" ht="18" customHeight="1" x14ac:dyDescent="0.15">
      <c r="A11" s="5">
        <v>5</v>
      </c>
      <c r="B11" s="27">
        <v>1</v>
      </c>
      <c r="C11" s="14">
        <v>0</v>
      </c>
      <c r="D11" s="18">
        <v>1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1</v>
      </c>
      <c r="D13" s="18">
        <v>1</v>
      </c>
    </row>
    <row r="14" spans="1:4" ht="18" customHeight="1" x14ac:dyDescent="0.15">
      <c r="A14" s="5">
        <v>8</v>
      </c>
      <c r="B14" s="27">
        <v>1</v>
      </c>
      <c r="C14" s="14">
        <v>0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2</v>
      </c>
      <c r="D16" s="18">
        <v>5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2</v>
      </c>
      <c r="C18" s="14">
        <v>1</v>
      </c>
      <c r="D18" s="18">
        <v>3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2</v>
      </c>
      <c r="C20" s="14">
        <v>1</v>
      </c>
      <c r="D20" s="18">
        <v>3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5</v>
      </c>
      <c r="C22" s="14">
        <v>2</v>
      </c>
      <c r="D22" s="18">
        <v>7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0</v>
      </c>
      <c r="C25" s="14">
        <v>1</v>
      </c>
      <c r="D25" s="18">
        <v>1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3</v>
      </c>
      <c r="C27" s="14">
        <v>0</v>
      </c>
      <c r="D27" s="18">
        <v>3</v>
      </c>
    </row>
    <row r="28" spans="1:4" ht="18" customHeight="1" x14ac:dyDescent="0.15">
      <c r="A28" s="5">
        <v>19</v>
      </c>
      <c r="B28" s="22">
        <v>0</v>
      </c>
      <c r="C28" s="14">
        <v>2</v>
      </c>
      <c r="D28" s="18">
        <v>2</v>
      </c>
    </row>
    <row r="29" spans="1:4" ht="18" customHeight="1" x14ac:dyDescent="0.15">
      <c r="A29" s="5" t="s">
        <v>14</v>
      </c>
      <c r="B29" s="22">
        <v>6</v>
      </c>
      <c r="C29" s="14">
        <v>4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0</v>
      </c>
      <c r="C31" s="14">
        <v>1</v>
      </c>
      <c r="D31" s="18">
        <v>1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3</v>
      </c>
      <c r="C34" s="14">
        <v>0</v>
      </c>
      <c r="D34" s="18">
        <v>3</v>
      </c>
    </row>
    <row r="35" spans="1:4" ht="18" customHeight="1" x14ac:dyDescent="0.15">
      <c r="A35" s="5" t="s">
        <v>9</v>
      </c>
      <c r="B35" s="22">
        <v>7</v>
      </c>
      <c r="C35" s="14">
        <v>4</v>
      </c>
      <c r="D35" s="18">
        <v>11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2</v>
      </c>
      <c r="C41" s="14">
        <v>1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2</v>
      </c>
      <c r="D47" s="18">
        <v>6</v>
      </c>
    </row>
    <row r="48" spans="1:4" ht="18" customHeight="1" x14ac:dyDescent="0.15">
      <c r="A48" s="5">
        <v>35</v>
      </c>
      <c r="B48" s="22">
        <v>4</v>
      </c>
      <c r="C48" s="14">
        <v>1</v>
      </c>
      <c r="D48" s="18">
        <v>5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7</v>
      </c>
      <c r="C53" s="14">
        <v>2</v>
      </c>
      <c r="D53" s="18">
        <v>9</v>
      </c>
    </row>
    <row r="54" spans="1:4" ht="18" customHeight="1" x14ac:dyDescent="0.15">
      <c r="A54" s="5">
        <v>40</v>
      </c>
      <c r="B54" s="22">
        <v>2</v>
      </c>
      <c r="C54" s="14">
        <v>1</v>
      </c>
      <c r="D54" s="18">
        <v>3</v>
      </c>
    </row>
    <row r="55" spans="1:4" ht="18" customHeight="1" x14ac:dyDescent="0.15">
      <c r="A55" s="5">
        <v>41</v>
      </c>
      <c r="B55" s="22">
        <v>0</v>
      </c>
      <c r="C55" s="14">
        <v>2</v>
      </c>
      <c r="D55" s="18">
        <v>2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3</v>
      </c>
      <c r="C58" s="14">
        <v>2</v>
      </c>
      <c r="D58" s="18">
        <v>5</v>
      </c>
    </row>
    <row r="59" spans="1:4" ht="18" customHeight="1" x14ac:dyDescent="0.15">
      <c r="A59" s="5" t="s">
        <v>21</v>
      </c>
      <c r="B59" s="22">
        <v>7</v>
      </c>
      <c r="C59" s="14">
        <v>5</v>
      </c>
      <c r="D59" s="18">
        <v>12</v>
      </c>
    </row>
    <row r="60" spans="1:4" ht="18" customHeight="1" x14ac:dyDescent="0.15">
      <c r="A60" s="5">
        <v>45</v>
      </c>
      <c r="B60" s="22">
        <v>3</v>
      </c>
      <c r="C60" s="14">
        <v>2</v>
      </c>
      <c r="D60" s="18">
        <v>5</v>
      </c>
    </row>
    <row r="61" spans="1:4" ht="18" customHeight="1" x14ac:dyDescent="0.15">
      <c r="A61" s="5">
        <v>46</v>
      </c>
      <c r="B61" s="22">
        <v>1</v>
      </c>
      <c r="C61" s="14">
        <v>3</v>
      </c>
      <c r="D61" s="18">
        <v>4</v>
      </c>
    </row>
    <row r="62" spans="1:4" ht="18" customHeight="1" x14ac:dyDescent="0.15">
      <c r="A62" s="5">
        <v>47</v>
      </c>
      <c r="B62" s="22">
        <v>2</v>
      </c>
      <c r="C62" s="14">
        <v>0</v>
      </c>
      <c r="D62" s="18">
        <v>2</v>
      </c>
    </row>
    <row r="63" spans="1:4" ht="18" customHeight="1" x14ac:dyDescent="0.15">
      <c r="A63" s="5">
        <v>48</v>
      </c>
      <c r="B63" s="22">
        <v>4</v>
      </c>
      <c r="C63" s="14">
        <v>2</v>
      </c>
      <c r="D63" s="18">
        <v>6</v>
      </c>
    </row>
    <row r="64" spans="1:4" ht="18" customHeight="1" x14ac:dyDescent="0.15">
      <c r="A64" s="5">
        <v>49</v>
      </c>
      <c r="B64" s="22">
        <v>2</v>
      </c>
      <c r="C64" s="14">
        <v>2</v>
      </c>
      <c r="D64" s="18">
        <v>4</v>
      </c>
    </row>
    <row r="65" spans="1:4" ht="18" customHeight="1" x14ac:dyDescent="0.15">
      <c r="A65" s="5" t="s">
        <v>17</v>
      </c>
      <c r="B65" s="22">
        <v>12</v>
      </c>
      <c r="C65" s="14">
        <v>9</v>
      </c>
      <c r="D65" s="18">
        <v>21</v>
      </c>
    </row>
    <row r="66" spans="1:4" ht="18" customHeight="1" x14ac:dyDescent="0.15">
      <c r="A66" s="5">
        <v>50</v>
      </c>
      <c r="B66" s="22">
        <v>2</v>
      </c>
      <c r="C66" s="14">
        <v>3</v>
      </c>
      <c r="D66" s="18">
        <v>5</v>
      </c>
    </row>
    <row r="67" spans="1:4" ht="18" customHeight="1" x14ac:dyDescent="0.15">
      <c r="A67" s="5">
        <v>51</v>
      </c>
      <c r="B67" s="22">
        <v>2</v>
      </c>
      <c r="C67" s="14">
        <v>3</v>
      </c>
      <c r="D67" s="18">
        <v>5</v>
      </c>
    </row>
    <row r="68" spans="1:4" ht="18" customHeight="1" x14ac:dyDescent="0.15">
      <c r="A68" s="5">
        <v>52</v>
      </c>
      <c r="B68" s="22">
        <v>4</v>
      </c>
      <c r="C68" s="14">
        <v>2</v>
      </c>
      <c r="D68" s="18">
        <v>6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5</v>
      </c>
      <c r="C70" s="14">
        <v>3</v>
      </c>
      <c r="D70" s="18">
        <v>8</v>
      </c>
    </row>
    <row r="71" spans="1:4" ht="18" customHeight="1" x14ac:dyDescent="0.15">
      <c r="A71" s="5" t="s">
        <v>22</v>
      </c>
      <c r="B71" s="22">
        <v>15</v>
      </c>
      <c r="C71" s="14">
        <v>13</v>
      </c>
      <c r="D71" s="18">
        <v>28</v>
      </c>
    </row>
    <row r="72" spans="1:4" ht="18" customHeight="1" x14ac:dyDescent="0.15">
      <c r="A72" s="5">
        <v>55</v>
      </c>
      <c r="B72" s="22">
        <v>5</v>
      </c>
      <c r="C72" s="14">
        <v>1</v>
      </c>
      <c r="D72" s="18">
        <v>6</v>
      </c>
    </row>
    <row r="73" spans="1:4" ht="18" customHeight="1" x14ac:dyDescent="0.15">
      <c r="A73" s="5">
        <v>56</v>
      </c>
      <c r="B73" s="22">
        <v>3</v>
      </c>
      <c r="C73" s="14">
        <v>1</v>
      </c>
      <c r="D73" s="18">
        <v>4</v>
      </c>
    </row>
    <row r="74" spans="1:4" ht="18" customHeight="1" x14ac:dyDescent="0.15">
      <c r="A74" s="5">
        <v>57</v>
      </c>
      <c r="B74" s="22">
        <v>1</v>
      </c>
      <c r="C74" s="14">
        <v>5</v>
      </c>
      <c r="D74" s="18">
        <v>6</v>
      </c>
    </row>
    <row r="75" spans="1:4" ht="18" customHeight="1" x14ac:dyDescent="0.15">
      <c r="A75" s="5">
        <v>58</v>
      </c>
      <c r="B75" s="22">
        <v>2</v>
      </c>
      <c r="C75" s="14">
        <v>1</v>
      </c>
      <c r="D75" s="18">
        <v>3</v>
      </c>
    </row>
    <row r="76" spans="1:4" ht="18" customHeight="1" x14ac:dyDescent="0.15">
      <c r="A76" s="5">
        <v>59</v>
      </c>
      <c r="B76" s="22">
        <v>4</v>
      </c>
      <c r="C76" s="14">
        <v>0</v>
      </c>
      <c r="D76" s="18">
        <v>4</v>
      </c>
    </row>
    <row r="77" spans="1:4" ht="18" customHeight="1" x14ac:dyDescent="0.15">
      <c r="A77" s="5" t="s">
        <v>27</v>
      </c>
      <c r="B77" s="22">
        <v>15</v>
      </c>
      <c r="C77" s="14">
        <v>8</v>
      </c>
      <c r="D77" s="18">
        <v>23</v>
      </c>
    </row>
    <row r="78" spans="1:4" ht="18" customHeight="1" x14ac:dyDescent="0.15">
      <c r="A78" s="5">
        <v>60</v>
      </c>
      <c r="B78" s="22">
        <v>1</v>
      </c>
      <c r="C78" s="14">
        <v>2</v>
      </c>
      <c r="D78" s="18">
        <v>3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1</v>
      </c>
      <c r="C80" s="14">
        <v>2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0</v>
      </c>
      <c r="C82" s="14">
        <v>5</v>
      </c>
      <c r="D82" s="18">
        <v>5</v>
      </c>
    </row>
    <row r="83" spans="1:4" ht="18" customHeight="1" x14ac:dyDescent="0.15">
      <c r="A83" s="5" t="s">
        <v>28</v>
      </c>
      <c r="B83" s="22">
        <v>2</v>
      </c>
      <c r="C83" s="14">
        <v>11</v>
      </c>
      <c r="D83" s="18">
        <v>13</v>
      </c>
    </row>
    <row r="84" spans="1:4" ht="18" customHeight="1" x14ac:dyDescent="0.15">
      <c r="A84" s="5" t="s">
        <v>31</v>
      </c>
      <c r="B84" s="22">
        <v>77</v>
      </c>
      <c r="C84" s="14">
        <v>59</v>
      </c>
      <c r="D84" s="18">
        <v>136</v>
      </c>
    </row>
    <row r="85" spans="1:4" ht="18" customHeight="1" x14ac:dyDescent="0.15">
      <c r="A85" s="5">
        <v>65</v>
      </c>
      <c r="B85" s="22">
        <v>0</v>
      </c>
      <c r="C85" s="14">
        <v>1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2</v>
      </c>
      <c r="D86" s="18">
        <v>2</v>
      </c>
    </row>
    <row r="87" spans="1:4" ht="18" customHeight="1" x14ac:dyDescent="0.15">
      <c r="A87" s="5">
        <v>67</v>
      </c>
      <c r="B87" s="22">
        <v>4</v>
      </c>
      <c r="C87" s="14">
        <v>1</v>
      </c>
      <c r="D87" s="18">
        <v>5</v>
      </c>
    </row>
    <row r="88" spans="1:4" ht="18" customHeight="1" x14ac:dyDescent="0.15">
      <c r="A88" s="5">
        <v>68</v>
      </c>
      <c r="B88" s="22">
        <v>2</v>
      </c>
      <c r="C88" s="14">
        <v>2</v>
      </c>
      <c r="D88" s="18">
        <v>4</v>
      </c>
    </row>
    <row r="89" spans="1:4" ht="18" customHeight="1" x14ac:dyDescent="0.15">
      <c r="A89" s="5">
        <v>69</v>
      </c>
      <c r="B89" s="22">
        <v>3</v>
      </c>
      <c r="C89" s="14">
        <v>1</v>
      </c>
      <c r="D89" s="18">
        <v>4</v>
      </c>
    </row>
    <row r="90" spans="1:4" ht="18" customHeight="1" x14ac:dyDescent="0.15">
      <c r="A90" s="5" t="s">
        <v>20</v>
      </c>
      <c r="B90" s="22">
        <v>9</v>
      </c>
      <c r="C90" s="14">
        <v>7</v>
      </c>
      <c r="D90" s="18">
        <v>16</v>
      </c>
    </row>
    <row r="91" spans="1:4" ht="18" customHeight="1" x14ac:dyDescent="0.15">
      <c r="A91" s="5">
        <v>70</v>
      </c>
      <c r="B91" s="22">
        <v>1</v>
      </c>
      <c r="C91" s="14">
        <v>2</v>
      </c>
      <c r="D91" s="18">
        <v>3</v>
      </c>
    </row>
    <row r="92" spans="1:4" ht="18" customHeight="1" x14ac:dyDescent="0.15">
      <c r="A92" s="5">
        <v>71</v>
      </c>
      <c r="B92" s="22">
        <v>5</v>
      </c>
      <c r="C92" s="14">
        <v>4</v>
      </c>
      <c r="D92" s="18">
        <v>9</v>
      </c>
    </row>
    <row r="93" spans="1:4" ht="18" customHeight="1" x14ac:dyDescent="0.15">
      <c r="A93" s="5">
        <v>72</v>
      </c>
      <c r="B93" s="22">
        <v>2</v>
      </c>
      <c r="C93" s="14">
        <v>2</v>
      </c>
      <c r="D93" s="18">
        <v>4</v>
      </c>
    </row>
    <row r="94" spans="1:4" ht="18" customHeight="1" x14ac:dyDescent="0.15">
      <c r="A94" s="5">
        <v>73</v>
      </c>
      <c r="B94" s="22">
        <v>1</v>
      </c>
      <c r="C94" s="14">
        <v>2</v>
      </c>
      <c r="D94" s="18">
        <v>3</v>
      </c>
    </row>
    <row r="95" spans="1:4" ht="18" customHeight="1" x14ac:dyDescent="0.15">
      <c r="A95" s="5">
        <v>74</v>
      </c>
      <c r="B95" s="22">
        <v>1</v>
      </c>
      <c r="C95" s="14">
        <v>2</v>
      </c>
      <c r="D95" s="18">
        <v>3</v>
      </c>
    </row>
    <row r="96" spans="1:4" ht="18" customHeight="1" x14ac:dyDescent="0.15">
      <c r="A96" s="5" t="s">
        <v>33</v>
      </c>
      <c r="B96" s="22">
        <v>10</v>
      </c>
      <c r="C96" s="14">
        <v>12</v>
      </c>
      <c r="D96" s="18">
        <v>22</v>
      </c>
    </row>
    <row r="97" spans="1:4" ht="18" customHeight="1" x14ac:dyDescent="0.15">
      <c r="A97" s="5">
        <v>75</v>
      </c>
      <c r="B97" s="22">
        <v>3</v>
      </c>
      <c r="C97" s="14">
        <v>4</v>
      </c>
      <c r="D97" s="18">
        <v>7</v>
      </c>
    </row>
    <row r="98" spans="1:4" ht="18" customHeight="1" x14ac:dyDescent="0.15">
      <c r="A98" s="5">
        <v>76</v>
      </c>
      <c r="B98" s="22">
        <v>4</v>
      </c>
      <c r="C98" s="14">
        <v>4</v>
      </c>
      <c r="D98" s="18">
        <v>8</v>
      </c>
    </row>
    <row r="99" spans="1:4" ht="18" customHeight="1" x14ac:dyDescent="0.15">
      <c r="A99" s="5">
        <v>77</v>
      </c>
      <c r="B99" s="22">
        <v>1</v>
      </c>
      <c r="C99" s="14">
        <v>1</v>
      </c>
      <c r="D99" s="18">
        <v>2</v>
      </c>
    </row>
    <row r="100" spans="1:4" ht="18" customHeight="1" x14ac:dyDescent="0.15">
      <c r="A100" s="5">
        <v>78</v>
      </c>
      <c r="B100" s="22">
        <v>3</v>
      </c>
      <c r="C100" s="14">
        <v>5</v>
      </c>
      <c r="D100" s="18">
        <v>8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12</v>
      </c>
      <c r="C102" s="14">
        <v>15</v>
      </c>
      <c r="D102" s="18">
        <v>27</v>
      </c>
    </row>
    <row r="103" spans="1:4" ht="18" customHeight="1" x14ac:dyDescent="0.15">
      <c r="A103" s="5">
        <v>80</v>
      </c>
      <c r="B103" s="22">
        <v>1</v>
      </c>
      <c r="C103" s="14">
        <v>1</v>
      </c>
      <c r="D103" s="18">
        <v>2</v>
      </c>
    </row>
    <row r="104" spans="1:4" ht="18" customHeight="1" x14ac:dyDescent="0.15">
      <c r="A104" s="5">
        <v>81</v>
      </c>
      <c r="B104" s="22">
        <v>1</v>
      </c>
      <c r="C104" s="14">
        <v>0</v>
      </c>
      <c r="D104" s="18">
        <v>1</v>
      </c>
    </row>
    <row r="105" spans="1:4" ht="18" customHeight="1" x14ac:dyDescent="0.15">
      <c r="A105" s="5">
        <v>82</v>
      </c>
      <c r="B105" s="22">
        <v>1</v>
      </c>
      <c r="C105" s="14">
        <v>1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1</v>
      </c>
      <c r="D106" s="18">
        <v>1</v>
      </c>
    </row>
    <row r="107" spans="1:4" ht="18" customHeight="1" x14ac:dyDescent="0.15">
      <c r="A107" s="5">
        <v>84</v>
      </c>
      <c r="B107" s="22">
        <v>2</v>
      </c>
      <c r="C107" s="14">
        <v>5</v>
      </c>
      <c r="D107" s="18">
        <v>7</v>
      </c>
    </row>
    <row r="108" spans="1:4" ht="18" customHeight="1" x14ac:dyDescent="0.15">
      <c r="A108" s="5" t="s">
        <v>35</v>
      </c>
      <c r="B108" s="22">
        <v>5</v>
      </c>
      <c r="C108" s="14">
        <v>8</v>
      </c>
      <c r="D108" s="18">
        <v>13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0</v>
      </c>
      <c r="D110" s="18">
        <v>1</v>
      </c>
    </row>
    <row r="111" spans="1:4" ht="18" customHeight="1" x14ac:dyDescent="0.15">
      <c r="A111" s="5">
        <v>87</v>
      </c>
      <c r="B111" s="22">
        <v>0</v>
      </c>
      <c r="C111" s="14">
        <v>2</v>
      </c>
      <c r="D111" s="18">
        <v>2</v>
      </c>
    </row>
    <row r="112" spans="1:4" ht="18" customHeight="1" x14ac:dyDescent="0.15">
      <c r="A112" s="5">
        <v>88</v>
      </c>
      <c r="B112" s="22">
        <v>1</v>
      </c>
      <c r="C112" s="14">
        <v>0</v>
      </c>
      <c r="D112" s="18">
        <v>1</v>
      </c>
    </row>
    <row r="113" spans="1:4" ht="18" customHeight="1" x14ac:dyDescent="0.15">
      <c r="A113" s="5">
        <v>89</v>
      </c>
      <c r="B113" s="22">
        <v>0</v>
      </c>
      <c r="C113" s="14">
        <v>1</v>
      </c>
      <c r="D113" s="18">
        <v>1</v>
      </c>
    </row>
    <row r="114" spans="1:4" ht="18" customHeight="1" x14ac:dyDescent="0.15">
      <c r="A114" s="5" t="s">
        <v>37</v>
      </c>
      <c r="B114" s="22">
        <v>2</v>
      </c>
      <c r="C114" s="14">
        <v>3</v>
      </c>
      <c r="D114" s="18">
        <v>5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5</v>
      </c>
      <c r="D120" s="18">
        <v>6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0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4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40</v>
      </c>
      <c r="C130" s="14">
        <v>55</v>
      </c>
      <c r="D130" s="18">
        <v>95</v>
      </c>
    </row>
    <row r="131" spans="1:4" ht="18" customHeight="1" x14ac:dyDescent="0.15">
      <c r="A131" s="7" t="s">
        <v>45</v>
      </c>
      <c r="B131" s="23">
        <v>125</v>
      </c>
      <c r="C131" s="15">
        <v>119</v>
      </c>
      <c r="D131" s="19">
        <v>2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6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1</v>
      </c>
      <c r="D8" s="18">
        <v>3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3</v>
      </c>
      <c r="D10" s="18">
        <v>6</v>
      </c>
    </row>
    <row r="11" spans="1:4" ht="18" customHeight="1" x14ac:dyDescent="0.15">
      <c r="A11" s="5">
        <v>5</v>
      </c>
      <c r="B11" s="27">
        <v>3</v>
      </c>
      <c r="C11" s="14">
        <v>2</v>
      </c>
      <c r="D11" s="18">
        <v>5</v>
      </c>
    </row>
    <row r="12" spans="1:4" ht="18" customHeight="1" x14ac:dyDescent="0.15">
      <c r="A12" s="5">
        <v>6</v>
      </c>
      <c r="B12" s="27">
        <v>0</v>
      </c>
      <c r="C12" s="14">
        <v>4</v>
      </c>
      <c r="D12" s="18">
        <v>4</v>
      </c>
    </row>
    <row r="13" spans="1:4" ht="18" customHeight="1" x14ac:dyDescent="0.15">
      <c r="A13" s="5">
        <v>7</v>
      </c>
      <c r="B13" s="27">
        <v>1</v>
      </c>
      <c r="C13" s="14">
        <v>4</v>
      </c>
      <c r="D13" s="18">
        <v>5</v>
      </c>
    </row>
    <row r="14" spans="1:4" ht="18" customHeight="1" x14ac:dyDescent="0.15">
      <c r="A14" s="5">
        <v>8</v>
      </c>
      <c r="B14" s="27">
        <v>7</v>
      </c>
      <c r="C14" s="14">
        <v>0</v>
      </c>
      <c r="D14" s="18">
        <v>7</v>
      </c>
    </row>
    <row r="15" spans="1:4" ht="18" customHeight="1" x14ac:dyDescent="0.15">
      <c r="A15" s="5">
        <v>9</v>
      </c>
      <c r="B15" s="27">
        <v>4</v>
      </c>
      <c r="C15" s="14">
        <v>2</v>
      </c>
      <c r="D15" s="18">
        <v>6</v>
      </c>
    </row>
    <row r="16" spans="1:4" ht="18" customHeight="1" x14ac:dyDescent="0.15">
      <c r="A16" s="5" t="s">
        <v>11</v>
      </c>
      <c r="B16" s="22">
        <v>15</v>
      </c>
      <c r="C16" s="14">
        <v>12</v>
      </c>
      <c r="D16" s="18">
        <v>27</v>
      </c>
    </row>
    <row r="17" spans="1:4" ht="18" customHeight="1" x14ac:dyDescent="0.15">
      <c r="A17" s="5">
        <v>10</v>
      </c>
      <c r="B17" s="22">
        <v>4</v>
      </c>
      <c r="C17" s="14">
        <v>3</v>
      </c>
      <c r="D17" s="18">
        <v>7</v>
      </c>
    </row>
    <row r="18" spans="1:4" ht="18" customHeight="1" x14ac:dyDescent="0.15">
      <c r="A18" s="5">
        <v>11</v>
      </c>
      <c r="B18" s="22">
        <v>8</v>
      </c>
      <c r="C18" s="14">
        <v>4</v>
      </c>
      <c r="D18" s="18">
        <v>12</v>
      </c>
    </row>
    <row r="19" spans="1:4" ht="18" customHeight="1" x14ac:dyDescent="0.15">
      <c r="A19" s="5">
        <v>12</v>
      </c>
      <c r="B19" s="22">
        <v>2</v>
      </c>
      <c r="C19" s="14">
        <v>3</v>
      </c>
      <c r="D19" s="18">
        <v>5</v>
      </c>
    </row>
    <row r="20" spans="1:4" ht="18" customHeight="1" x14ac:dyDescent="0.15">
      <c r="A20" s="5">
        <v>13</v>
      </c>
      <c r="B20" s="22">
        <v>5</v>
      </c>
      <c r="C20" s="14">
        <v>7</v>
      </c>
      <c r="D20" s="18">
        <v>12</v>
      </c>
    </row>
    <row r="21" spans="1:4" ht="18" customHeight="1" x14ac:dyDescent="0.15">
      <c r="A21" s="5">
        <v>14</v>
      </c>
      <c r="B21" s="22">
        <v>6</v>
      </c>
      <c r="C21" s="14">
        <v>1</v>
      </c>
      <c r="D21" s="18">
        <v>7</v>
      </c>
    </row>
    <row r="22" spans="1:4" ht="18" customHeight="1" x14ac:dyDescent="0.15">
      <c r="A22" s="5" t="s">
        <v>12</v>
      </c>
      <c r="B22" s="22">
        <v>25</v>
      </c>
      <c r="C22" s="14">
        <v>18</v>
      </c>
      <c r="D22" s="18">
        <v>43</v>
      </c>
    </row>
    <row r="23" spans="1:4" ht="18" customHeight="1" x14ac:dyDescent="0.15">
      <c r="A23" s="5" t="s">
        <v>6</v>
      </c>
      <c r="B23" s="22">
        <v>43</v>
      </c>
      <c r="C23" s="14">
        <v>33</v>
      </c>
      <c r="D23" s="18">
        <v>76</v>
      </c>
    </row>
    <row r="24" spans="1:4" ht="18" customHeight="1" x14ac:dyDescent="0.15">
      <c r="A24" s="5">
        <v>15</v>
      </c>
      <c r="B24" s="22">
        <v>9</v>
      </c>
      <c r="C24" s="14">
        <v>2</v>
      </c>
      <c r="D24" s="18">
        <v>11</v>
      </c>
    </row>
    <row r="25" spans="1:4" ht="18" customHeight="1" x14ac:dyDescent="0.15">
      <c r="A25" s="5">
        <v>16</v>
      </c>
      <c r="B25" s="22">
        <v>5</v>
      </c>
      <c r="C25" s="14">
        <v>4</v>
      </c>
      <c r="D25" s="18">
        <v>9</v>
      </c>
    </row>
    <row r="26" spans="1:4" ht="18" customHeight="1" x14ac:dyDescent="0.15">
      <c r="A26" s="5">
        <v>17</v>
      </c>
      <c r="B26" s="22">
        <v>3</v>
      </c>
      <c r="C26" s="14">
        <v>7</v>
      </c>
      <c r="D26" s="18">
        <v>10</v>
      </c>
    </row>
    <row r="27" spans="1:4" ht="18" customHeight="1" x14ac:dyDescent="0.15">
      <c r="A27" s="5">
        <v>18</v>
      </c>
      <c r="B27" s="22">
        <v>8</v>
      </c>
      <c r="C27" s="14">
        <v>1</v>
      </c>
      <c r="D27" s="18">
        <v>9</v>
      </c>
    </row>
    <row r="28" spans="1:4" ht="18" customHeight="1" x14ac:dyDescent="0.15">
      <c r="A28" s="5">
        <v>19</v>
      </c>
      <c r="B28" s="22">
        <v>3</v>
      </c>
      <c r="C28" s="14">
        <v>8</v>
      </c>
      <c r="D28" s="18">
        <v>11</v>
      </c>
    </row>
    <row r="29" spans="1:4" ht="18" customHeight="1" x14ac:dyDescent="0.15">
      <c r="A29" s="5" t="s">
        <v>14</v>
      </c>
      <c r="B29" s="22">
        <v>28</v>
      </c>
      <c r="C29" s="14">
        <v>22</v>
      </c>
      <c r="D29" s="18">
        <v>50</v>
      </c>
    </row>
    <row r="30" spans="1:4" ht="18" customHeight="1" x14ac:dyDescent="0.15">
      <c r="A30" s="5">
        <v>20</v>
      </c>
      <c r="B30" s="22">
        <v>8</v>
      </c>
      <c r="C30" s="14">
        <v>5</v>
      </c>
      <c r="D30" s="18">
        <v>13</v>
      </c>
    </row>
    <row r="31" spans="1:4" ht="18" customHeight="1" x14ac:dyDescent="0.15">
      <c r="A31" s="5">
        <v>21</v>
      </c>
      <c r="B31" s="22">
        <v>3</v>
      </c>
      <c r="C31" s="14">
        <v>5</v>
      </c>
      <c r="D31" s="18">
        <v>8</v>
      </c>
    </row>
    <row r="32" spans="1:4" ht="18" customHeight="1" x14ac:dyDescent="0.15">
      <c r="A32" s="5">
        <v>22</v>
      </c>
      <c r="B32" s="22">
        <v>9</v>
      </c>
      <c r="C32" s="14">
        <v>4</v>
      </c>
      <c r="D32" s="18">
        <v>13</v>
      </c>
    </row>
    <row r="33" spans="1:4" ht="18" customHeight="1" x14ac:dyDescent="0.15">
      <c r="A33" s="5">
        <v>23</v>
      </c>
      <c r="B33" s="22">
        <v>6</v>
      </c>
      <c r="C33" s="14">
        <v>3</v>
      </c>
      <c r="D33" s="18">
        <v>9</v>
      </c>
    </row>
    <row r="34" spans="1:4" ht="18" customHeight="1" x14ac:dyDescent="0.15">
      <c r="A34" s="5">
        <v>24</v>
      </c>
      <c r="B34" s="22">
        <v>7</v>
      </c>
      <c r="C34" s="14">
        <v>4</v>
      </c>
      <c r="D34" s="18">
        <v>11</v>
      </c>
    </row>
    <row r="35" spans="1:4" ht="18" customHeight="1" x14ac:dyDescent="0.15">
      <c r="A35" s="5" t="s">
        <v>9</v>
      </c>
      <c r="B35" s="22">
        <v>33</v>
      </c>
      <c r="C35" s="14">
        <v>21</v>
      </c>
      <c r="D35" s="18">
        <v>54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3</v>
      </c>
      <c r="C38" s="14">
        <v>2</v>
      </c>
      <c r="D38" s="18">
        <v>5</v>
      </c>
    </row>
    <row r="39" spans="1:4" ht="18" customHeight="1" x14ac:dyDescent="0.15">
      <c r="A39" s="5">
        <v>28</v>
      </c>
      <c r="B39" s="22">
        <v>5</v>
      </c>
      <c r="C39" s="14">
        <v>1</v>
      </c>
      <c r="D39" s="18">
        <v>6</v>
      </c>
    </row>
    <row r="40" spans="1:4" ht="18" customHeight="1" x14ac:dyDescent="0.15">
      <c r="A40" s="5">
        <v>29</v>
      </c>
      <c r="B40" s="22">
        <v>2</v>
      </c>
      <c r="C40" s="14">
        <v>1</v>
      </c>
      <c r="D40" s="18">
        <v>3</v>
      </c>
    </row>
    <row r="41" spans="1:4" ht="18" customHeight="1" x14ac:dyDescent="0.15">
      <c r="A41" s="5" t="s">
        <v>2</v>
      </c>
      <c r="B41" s="22">
        <v>13</v>
      </c>
      <c r="C41" s="14">
        <v>7</v>
      </c>
      <c r="D41" s="18">
        <v>20</v>
      </c>
    </row>
    <row r="42" spans="1:4" ht="18" customHeight="1" x14ac:dyDescent="0.15">
      <c r="A42" s="5">
        <v>30</v>
      </c>
      <c r="B42" s="22">
        <v>5</v>
      </c>
      <c r="C42" s="14">
        <v>3</v>
      </c>
      <c r="D42" s="18">
        <v>8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3</v>
      </c>
      <c r="C44" s="14">
        <v>3</v>
      </c>
      <c r="D44" s="18">
        <v>6</v>
      </c>
    </row>
    <row r="45" spans="1:4" ht="18" customHeight="1" x14ac:dyDescent="0.15">
      <c r="A45" s="5">
        <v>33</v>
      </c>
      <c r="B45" s="22">
        <v>5</v>
      </c>
      <c r="C45" s="14">
        <v>2</v>
      </c>
      <c r="D45" s="18">
        <v>7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7</v>
      </c>
      <c r="C47" s="14">
        <v>11</v>
      </c>
      <c r="D47" s="18">
        <v>28</v>
      </c>
    </row>
    <row r="48" spans="1:4" ht="18" customHeight="1" x14ac:dyDescent="0.15">
      <c r="A48" s="5">
        <v>35</v>
      </c>
      <c r="B48" s="22">
        <v>8</v>
      </c>
      <c r="C48" s="14">
        <v>2</v>
      </c>
      <c r="D48" s="18">
        <v>10</v>
      </c>
    </row>
    <row r="49" spans="1:4" ht="18" customHeight="1" x14ac:dyDescent="0.15">
      <c r="A49" s="5">
        <v>36</v>
      </c>
      <c r="B49" s="22">
        <v>1</v>
      </c>
      <c r="C49" s="14">
        <v>5</v>
      </c>
      <c r="D49" s="18">
        <v>6</v>
      </c>
    </row>
    <row r="50" spans="1:4" ht="18" customHeight="1" x14ac:dyDescent="0.15">
      <c r="A50" s="5">
        <v>37</v>
      </c>
      <c r="B50" s="22">
        <v>5</v>
      </c>
      <c r="C50" s="14">
        <v>5</v>
      </c>
      <c r="D50" s="18">
        <v>10</v>
      </c>
    </row>
    <row r="51" spans="1:4" ht="18" customHeight="1" x14ac:dyDescent="0.15">
      <c r="A51" s="5">
        <v>38</v>
      </c>
      <c r="B51" s="22">
        <v>6</v>
      </c>
      <c r="C51" s="14">
        <v>5</v>
      </c>
      <c r="D51" s="18">
        <v>11</v>
      </c>
    </row>
    <row r="52" spans="1:4" ht="18" customHeight="1" x14ac:dyDescent="0.15">
      <c r="A52" s="5">
        <v>39</v>
      </c>
      <c r="B52" s="22">
        <v>2</v>
      </c>
      <c r="C52" s="14">
        <v>4</v>
      </c>
      <c r="D52" s="18">
        <v>6</v>
      </c>
    </row>
    <row r="53" spans="1:4" ht="18" customHeight="1" x14ac:dyDescent="0.15">
      <c r="A53" s="5" t="s">
        <v>18</v>
      </c>
      <c r="B53" s="22">
        <v>22</v>
      </c>
      <c r="C53" s="14">
        <v>21</v>
      </c>
      <c r="D53" s="18">
        <v>43</v>
      </c>
    </row>
    <row r="54" spans="1:4" ht="18" customHeight="1" x14ac:dyDescent="0.15">
      <c r="A54" s="5">
        <v>40</v>
      </c>
      <c r="B54" s="22">
        <v>9</v>
      </c>
      <c r="C54" s="14">
        <v>7</v>
      </c>
      <c r="D54" s="18">
        <v>16</v>
      </c>
    </row>
    <row r="55" spans="1:4" ht="18" customHeight="1" x14ac:dyDescent="0.15">
      <c r="A55" s="5">
        <v>41</v>
      </c>
      <c r="B55" s="22">
        <v>4</v>
      </c>
      <c r="C55" s="14">
        <v>4</v>
      </c>
      <c r="D55" s="18">
        <v>8</v>
      </c>
    </row>
    <row r="56" spans="1:4" ht="18" customHeight="1" x14ac:dyDescent="0.15">
      <c r="A56" s="5">
        <v>42</v>
      </c>
      <c r="B56" s="22">
        <v>3</v>
      </c>
      <c r="C56" s="14">
        <v>5</v>
      </c>
      <c r="D56" s="18">
        <v>8</v>
      </c>
    </row>
    <row r="57" spans="1:4" ht="18" customHeight="1" x14ac:dyDescent="0.15">
      <c r="A57" s="5">
        <v>43</v>
      </c>
      <c r="B57" s="22">
        <v>7</v>
      </c>
      <c r="C57" s="14">
        <v>2</v>
      </c>
      <c r="D57" s="18">
        <v>9</v>
      </c>
    </row>
    <row r="58" spans="1:4" ht="18" customHeight="1" x14ac:dyDescent="0.15">
      <c r="A58" s="5">
        <v>44</v>
      </c>
      <c r="B58" s="22">
        <v>11</v>
      </c>
      <c r="C58" s="14">
        <v>11</v>
      </c>
      <c r="D58" s="18">
        <v>22</v>
      </c>
    </row>
    <row r="59" spans="1:4" ht="18" customHeight="1" x14ac:dyDescent="0.15">
      <c r="A59" s="5" t="s">
        <v>21</v>
      </c>
      <c r="B59" s="22">
        <v>34</v>
      </c>
      <c r="C59" s="14">
        <v>29</v>
      </c>
      <c r="D59" s="18">
        <v>63</v>
      </c>
    </row>
    <row r="60" spans="1:4" ht="18" customHeight="1" x14ac:dyDescent="0.15">
      <c r="A60" s="5">
        <v>45</v>
      </c>
      <c r="B60" s="22">
        <v>9</v>
      </c>
      <c r="C60" s="14">
        <v>7</v>
      </c>
      <c r="D60" s="18">
        <v>16</v>
      </c>
    </row>
    <row r="61" spans="1:4" ht="18" customHeight="1" x14ac:dyDescent="0.15">
      <c r="A61" s="5">
        <v>46</v>
      </c>
      <c r="B61" s="22">
        <v>5</v>
      </c>
      <c r="C61" s="14">
        <v>7</v>
      </c>
      <c r="D61" s="18">
        <v>12</v>
      </c>
    </row>
    <row r="62" spans="1:4" ht="18" customHeight="1" x14ac:dyDescent="0.15">
      <c r="A62" s="5">
        <v>47</v>
      </c>
      <c r="B62" s="22">
        <v>6</v>
      </c>
      <c r="C62" s="14">
        <v>4</v>
      </c>
      <c r="D62" s="18">
        <v>10</v>
      </c>
    </row>
    <row r="63" spans="1:4" ht="18" customHeight="1" x14ac:dyDescent="0.15">
      <c r="A63" s="5">
        <v>48</v>
      </c>
      <c r="B63" s="22">
        <v>8</v>
      </c>
      <c r="C63" s="14">
        <v>6</v>
      </c>
      <c r="D63" s="18">
        <v>14</v>
      </c>
    </row>
    <row r="64" spans="1:4" ht="18" customHeight="1" x14ac:dyDescent="0.15">
      <c r="A64" s="5">
        <v>49</v>
      </c>
      <c r="B64" s="22">
        <v>6</v>
      </c>
      <c r="C64" s="14">
        <v>8</v>
      </c>
      <c r="D64" s="18">
        <v>14</v>
      </c>
    </row>
    <row r="65" spans="1:4" ht="18" customHeight="1" x14ac:dyDescent="0.15">
      <c r="A65" s="5" t="s">
        <v>17</v>
      </c>
      <c r="B65" s="22">
        <v>34</v>
      </c>
      <c r="C65" s="14">
        <v>32</v>
      </c>
      <c r="D65" s="18">
        <v>66</v>
      </c>
    </row>
    <row r="66" spans="1:4" ht="18" customHeight="1" x14ac:dyDescent="0.15">
      <c r="A66" s="5">
        <v>50</v>
      </c>
      <c r="B66" s="22">
        <v>7</v>
      </c>
      <c r="C66" s="14">
        <v>7</v>
      </c>
      <c r="D66" s="18">
        <v>14</v>
      </c>
    </row>
    <row r="67" spans="1:4" ht="18" customHeight="1" x14ac:dyDescent="0.15">
      <c r="A67" s="5">
        <v>51</v>
      </c>
      <c r="B67" s="22">
        <v>13</v>
      </c>
      <c r="C67" s="14">
        <v>13</v>
      </c>
      <c r="D67" s="18">
        <v>26</v>
      </c>
    </row>
    <row r="68" spans="1:4" ht="18" customHeight="1" x14ac:dyDescent="0.15">
      <c r="A68" s="5">
        <v>52</v>
      </c>
      <c r="B68" s="22">
        <v>16</v>
      </c>
      <c r="C68" s="14">
        <v>9</v>
      </c>
      <c r="D68" s="18">
        <v>25</v>
      </c>
    </row>
    <row r="69" spans="1:4" ht="18" customHeight="1" x14ac:dyDescent="0.15">
      <c r="A69" s="5">
        <v>53</v>
      </c>
      <c r="B69" s="22">
        <v>9</v>
      </c>
      <c r="C69" s="14">
        <v>8</v>
      </c>
      <c r="D69" s="18">
        <v>17</v>
      </c>
    </row>
    <row r="70" spans="1:4" ht="18" customHeight="1" x14ac:dyDescent="0.15">
      <c r="A70" s="5">
        <v>54</v>
      </c>
      <c r="B70" s="22">
        <v>10</v>
      </c>
      <c r="C70" s="14">
        <v>5</v>
      </c>
      <c r="D70" s="18">
        <v>15</v>
      </c>
    </row>
    <row r="71" spans="1:4" ht="18" customHeight="1" x14ac:dyDescent="0.15">
      <c r="A71" s="5" t="s">
        <v>22</v>
      </c>
      <c r="B71" s="22">
        <v>55</v>
      </c>
      <c r="C71" s="14">
        <v>42</v>
      </c>
      <c r="D71" s="18">
        <v>97</v>
      </c>
    </row>
    <row r="72" spans="1:4" ht="18" customHeight="1" x14ac:dyDescent="0.15">
      <c r="A72" s="5">
        <v>55</v>
      </c>
      <c r="B72" s="22">
        <v>10</v>
      </c>
      <c r="C72" s="14">
        <v>9</v>
      </c>
      <c r="D72" s="18">
        <v>19</v>
      </c>
    </row>
    <row r="73" spans="1:4" ht="18" customHeight="1" x14ac:dyDescent="0.15">
      <c r="A73" s="5">
        <v>56</v>
      </c>
      <c r="B73" s="22">
        <v>7</v>
      </c>
      <c r="C73" s="14">
        <v>5</v>
      </c>
      <c r="D73" s="18">
        <v>12</v>
      </c>
    </row>
    <row r="74" spans="1:4" ht="18" customHeight="1" x14ac:dyDescent="0.15">
      <c r="A74" s="5">
        <v>57</v>
      </c>
      <c r="B74" s="22">
        <v>4</v>
      </c>
      <c r="C74" s="14">
        <v>12</v>
      </c>
      <c r="D74" s="18">
        <v>16</v>
      </c>
    </row>
    <row r="75" spans="1:4" ht="18" customHeight="1" x14ac:dyDescent="0.15">
      <c r="A75" s="5">
        <v>58</v>
      </c>
      <c r="B75" s="22">
        <v>5</v>
      </c>
      <c r="C75" s="14">
        <v>11</v>
      </c>
      <c r="D75" s="18">
        <v>16</v>
      </c>
    </row>
    <row r="76" spans="1:4" ht="18" customHeight="1" x14ac:dyDescent="0.15">
      <c r="A76" s="5">
        <v>59</v>
      </c>
      <c r="B76" s="22">
        <v>9</v>
      </c>
      <c r="C76" s="14">
        <v>6</v>
      </c>
      <c r="D76" s="18">
        <v>15</v>
      </c>
    </row>
    <row r="77" spans="1:4" ht="18" customHeight="1" x14ac:dyDescent="0.15">
      <c r="A77" s="5" t="s">
        <v>27</v>
      </c>
      <c r="B77" s="22">
        <v>35</v>
      </c>
      <c r="C77" s="14">
        <v>43</v>
      </c>
      <c r="D77" s="18">
        <v>78</v>
      </c>
    </row>
    <row r="78" spans="1:4" ht="18" customHeight="1" x14ac:dyDescent="0.15">
      <c r="A78" s="5">
        <v>60</v>
      </c>
      <c r="B78" s="22">
        <v>7</v>
      </c>
      <c r="C78" s="14">
        <v>7</v>
      </c>
      <c r="D78" s="18">
        <v>14</v>
      </c>
    </row>
    <row r="79" spans="1:4" ht="18" customHeight="1" x14ac:dyDescent="0.15">
      <c r="A79" s="5">
        <v>61</v>
      </c>
      <c r="B79" s="22">
        <v>7</v>
      </c>
      <c r="C79" s="14">
        <v>8</v>
      </c>
      <c r="D79" s="18">
        <v>15</v>
      </c>
    </row>
    <row r="80" spans="1:4" ht="18" customHeight="1" x14ac:dyDescent="0.15">
      <c r="A80" s="5">
        <v>62</v>
      </c>
      <c r="B80" s="22">
        <v>8</v>
      </c>
      <c r="C80" s="14">
        <v>8</v>
      </c>
      <c r="D80" s="18">
        <v>16</v>
      </c>
    </row>
    <row r="81" spans="1:4" ht="18" customHeight="1" x14ac:dyDescent="0.15">
      <c r="A81" s="5">
        <v>63</v>
      </c>
      <c r="B81" s="22">
        <v>2</v>
      </c>
      <c r="C81" s="14">
        <v>9</v>
      </c>
      <c r="D81" s="18">
        <v>11</v>
      </c>
    </row>
    <row r="82" spans="1:4" ht="18" customHeight="1" x14ac:dyDescent="0.15">
      <c r="A82" s="5">
        <v>64</v>
      </c>
      <c r="B82" s="22">
        <v>5</v>
      </c>
      <c r="C82" s="14">
        <v>10</v>
      </c>
      <c r="D82" s="18">
        <v>15</v>
      </c>
    </row>
    <row r="83" spans="1:4" ht="18" customHeight="1" x14ac:dyDescent="0.15">
      <c r="A83" s="5" t="s">
        <v>28</v>
      </c>
      <c r="B83" s="22">
        <v>29</v>
      </c>
      <c r="C83" s="14">
        <v>42</v>
      </c>
      <c r="D83" s="18">
        <v>71</v>
      </c>
    </row>
    <row r="84" spans="1:4" ht="18" customHeight="1" x14ac:dyDescent="0.15">
      <c r="A84" s="5" t="s">
        <v>31</v>
      </c>
      <c r="B84" s="22">
        <v>300</v>
      </c>
      <c r="C84" s="14">
        <v>270</v>
      </c>
      <c r="D84" s="18">
        <v>570</v>
      </c>
    </row>
    <row r="85" spans="1:4" ht="18" customHeight="1" x14ac:dyDescent="0.15">
      <c r="A85" s="5">
        <v>65</v>
      </c>
      <c r="B85" s="22">
        <v>2</v>
      </c>
      <c r="C85" s="14">
        <v>5</v>
      </c>
      <c r="D85" s="18">
        <v>7</v>
      </c>
    </row>
    <row r="86" spans="1:4" ht="18" customHeight="1" x14ac:dyDescent="0.15">
      <c r="A86" s="5">
        <v>66</v>
      </c>
      <c r="B86" s="22">
        <v>9</v>
      </c>
      <c r="C86" s="14">
        <v>11</v>
      </c>
      <c r="D86" s="18">
        <v>20</v>
      </c>
    </row>
    <row r="87" spans="1:4" ht="18" customHeight="1" x14ac:dyDescent="0.15">
      <c r="A87" s="5">
        <v>67</v>
      </c>
      <c r="B87" s="22">
        <v>6</v>
      </c>
      <c r="C87" s="14">
        <v>9</v>
      </c>
      <c r="D87" s="18">
        <v>15</v>
      </c>
    </row>
    <row r="88" spans="1:4" ht="18" customHeight="1" x14ac:dyDescent="0.15">
      <c r="A88" s="5">
        <v>68</v>
      </c>
      <c r="B88" s="22">
        <v>13</v>
      </c>
      <c r="C88" s="14">
        <v>14</v>
      </c>
      <c r="D88" s="18">
        <v>27</v>
      </c>
    </row>
    <row r="89" spans="1:4" ht="18" customHeight="1" x14ac:dyDescent="0.15">
      <c r="A89" s="5">
        <v>69</v>
      </c>
      <c r="B89" s="22">
        <v>14</v>
      </c>
      <c r="C89" s="14">
        <v>10</v>
      </c>
      <c r="D89" s="18">
        <v>24</v>
      </c>
    </row>
    <row r="90" spans="1:4" ht="18" customHeight="1" x14ac:dyDescent="0.15">
      <c r="A90" s="5" t="s">
        <v>20</v>
      </c>
      <c r="B90" s="22">
        <v>44</v>
      </c>
      <c r="C90" s="14">
        <v>49</v>
      </c>
      <c r="D90" s="18">
        <v>93</v>
      </c>
    </row>
    <row r="91" spans="1:4" ht="18" customHeight="1" x14ac:dyDescent="0.15">
      <c r="A91" s="5">
        <v>70</v>
      </c>
      <c r="B91" s="22">
        <v>10</v>
      </c>
      <c r="C91" s="14">
        <v>8</v>
      </c>
      <c r="D91" s="18">
        <v>18</v>
      </c>
    </row>
    <row r="92" spans="1:4" ht="18" customHeight="1" x14ac:dyDescent="0.15">
      <c r="A92" s="5">
        <v>71</v>
      </c>
      <c r="B92" s="22">
        <v>14</v>
      </c>
      <c r="C92" s="14">
        <v>15</v>
      </c>
      <c r="D92" s="18">
        <v>29</v>
      </c>
    </row>
    <row r="93" spans="1:4" ht="18" customHeight="1" x14ac:dyDescent="0.15">
      <c r="A93" s="5">
        <v>72</v>
      </c>
      <c r="B93" s="22">
        <v>18</v>
      </c>
      <c r="C93" s="14">
        <v>13</v>
      </c>
      <c r="D93" s="18">
        <v>31</v>
      </c>
    </row>
    <row r="94" spans="1:4" ht="18" customHeight="1" x14ac:dyDescent="0.15">
      <c r="A94" s="5">
        <v>73</v>
      </c>
      <c r="B94" s="22">
        <v>14</v>
      </c>
      <c r="C94" s="14">
        <v>14</v>
      </c>
      <c r="D94" s="18">
        <v>28</v>
      </c>
    </row>
    <row r="95" spans="1:4" ht="18" customHeight="1" x14ac:dyDescent="0.15">
      <c r="A95" s="5">
        <v>74</v>
      </c>
      <c r="B95" s="22">
        <v>12</v>
      </c>
      <c r="C95" s="14">
        <v>11</v>
      </c>
      <c r="D95" s="18">
        <v>23</v>
      </c>
    </row>
    <row r="96" spans="1:4" ht="18" customHeight="1" x14ac:dyDescent="0.15">
      <c r="A96" s="5" t="s">
        <v>33</v>
      </c>
      <c r="B96" s="22">
        <v>68</v>
      </c>
      <c r="C96" s="14">
        <v>61</v>
      </c>
      <c r="D96" s="18">
        <v>129</v>
      </c>
    </row>
    <row r="97" spans="1:4" ht="18" customHeight="1" x14ac:dyDescent="0.15">
      <c r="A97" s="5">
        <v>75</v>
      </c>
      <c r="B97" s="22">
        <v>9</v>
      </c>
      <c r="C97" s="14">
        <v>15</v>
      </c>
      <c r="D97" s="18">
        <v>24</v>
      </c>
    </row>
    <row r="98" spans="1:4" ht="18" customHeight="1" x14ac:dyDescent="0.15">
      <c r="A98" s="5">
        <v>76</v>
      </c>
      <c r="B98" s="22">
        <v>17</v>
      </c>
      <c r="C98" s="14">
        <v>15</v>
      </c>
      <c r="D98" s="18">
        <v>32</v>
      </c>
    </row>
    <row r="99" spans="1:4" ht="18" customHeight="1" x14ac:dyDescent="0.15">
      <c r="A99" s="5">
        <v>77</v>
      </c>
      <c r="B99" s="22">
        <v>13</v>
      </c>
      <c r="C99" s="14">
        <v>15</v>
      </c>
      <c r="D99" s="18">
        <v>28</v>
      </c>
    </row>
    <row r="100" spans="1:4" ht="18" customHeight="1" x14ac:dyDescent="0.15">
      <c r="A100" s="5">
        <v>78</v>
      </c>
      <c r="B100" s="22">
        <v>10</v>
      </c>
      <c r="C100" s="14">
        <v>10</v>
      </c>
      <c r="D100" s="18">
        <v>20</v>
      </c>
    </row>
    <row r="101" spans="1:4" ht="18" customHeight="1" x14ac:dyDescent="0.15">
      <c r="A101" s="5">
        <v>79</v>
      </c>
      <c r="B101" s="22">
        <v>10</v>
      </c>
      <c r="C101" s="14">
        <v>10</v>
      </c>
      <c r="D101" s="18">
        <v>20</v>
      </c>
    </row>
    <row r="102" spans="1:4" ht="18" customHeight="1" x14ac:dyDescent="0.15">
      <c r="A102" s="5" t="s">
        <v>0</v>
      </c>
      <c r="B102" s="22">
        <v>59</v>
      </c>
      <c r="C102" s="14">
        <v>65</v>
      </c>
      <c r="D102" s="18">
        <v>124</v>
      </c>
    </row>
    <row r="103" spans="1:4" ht="18" customHeight="1" x14ac:dyDescent="0.15">
      <c r="A103" s="5">
        <v>80</v>
      </c>
      <c r="B103" s="22">
        <v>4</v>
      </c>
      <c r="C103" s="14">
        <v>3</v>
      </c>
      <c r="D103" s="18">
        <v>7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6</v>
      </c>
      <c r="C105" s="14">
        <v>7</v>
      </c>
      <c r="D105" s="18">
        <v>13</v>
      </c>
    </row>
    <row r="106" spans="1:4" ht="18" customHeight="1" x14ac:dyDescent="0.15">
      <c r="A106" s="5">
        <v>83</v>
      </c>
      <c r="B106" s="22">
        <v>8</v>
      </c>
      <c r="C106" s="14">
        <v>8</v>
      </c>
      <c r="D106" s="18">
        <v>16</v>
      </c>
    </row>
    <row r="107" spans="1:4" ht="18" customHeight="1" x14ac:dyDescent="0.15">
      <c r="A107" s="5">
        <v>84</v>
      </c>
      <c r="B107" s="22">
        <v>5</v>
      </c>
      <c r="C107" s="14">
        <v>14</v>
      </c>
      <c r="D107" s="18">
        <v>19</v>
      </c>
    </row>
    <row r="108" spans="1:4" ht="18" customHeight="1" x14ac:dyDescent="0.15">
      <c r="A108" s="5" t="s">
        <v>35</v>
      </c>
      <c r="B108" s="22">
        <v>30</v>
      </c>
      <c r="C108" s="14">
        <v>39</v>
      </c>
      <c r="D108" s="18">
        <v>69</v>
      </c>
    </row>
    <row r="109" spans="1:4" ht="18" customHeight="1" x14ac:dyDescent="0.15">
      <c r="A109" s="5">
        <v>85</v>
      </c>
      <c r="B109" s="22">
        <v>3</v>
      </c>
      <c r="C109" s="14">
        <v>6</v>
      </c>
      <c r="D109" s="18">
        <v>9</v>
      </c>
    </row>
    <row r="110" spans="1:4" ht="18" customHeight="1" x14ac:dyDescent="0.15">
      <c r="A110" s="5">
        <v>86</v>
      </c>
      <c r="B110" s="22">
        <v>5</v>
      </c>
      <c r="C110" s="14">
        <v>6</v>
      </c>
      <c r="D110" s="18">
        <v>11</v>
      </c>
    </row>
    <row r="111" spans="1:4" ht="18" customHeight="1" x14ac:dyDescent="0.15">
      <c r="A111" s="5">
        <v>87</v>
      </c>
      <c r="B111" s="22">
        <v>5</v>
      </c>
      <c r="C111" s="14">
        <v>3</v>
      </c>
      <c r="D111" s="18">
        <v>8</v>
      </c>
    </row>
    <row r="112" spans="1:4" ht="18" customHeight="1" x14ac:dyDescent="0.15">
      <c r="A112" s="5">
        <v>88</v>
      </c>
      <c r="B112" s="22">
        <v>3</v>
      </c>
      <c r="C112" s="14">
        <v>4</v>
      </c>
      <c r="D112" s="18">
        <v>7</v>
      </c>
    </row>
    <row r="113" spans="1:4" ht="18" customHeight="1" x14ac:dyDescent="0.15">
      <c r="A113" s="5">
        <v>89</v>
      </c>
      <c r="B113" s="22">
        <v>4</v>
      </c>
      <c r="C113" s="14">
        <v>6</v>
      </c>
      <c r="D113" s="18">
        <v>10</v>
      </c>
    </row>
    <row r="114" spans="1:4" ht="18" customHeight="1" x14ac:dyDescent="0.15">
      <c r="A114" s="5" t="s">
        <v>37</v>
      </c>
      <c r="B114" s="22">
        <v>20</v>
      </c>
      <c r="C114" s="14">
        <v>25</v>
      </c>
      <c r="D114" s="18">
        <v>45</v>
      </c>
    </row>
    <row r="115" spans="1:4" ht="18" customHeight="1" x14ac:dyDescent="0.15">
      <c r="A115" s="5">
        <v>90</v>
      </c>
      <c r="B115" s="22">
        <v>4</v>
      </c>
      <c r="C115" s="14">
        <v>8</v>
      </c>
      <c r="D115" s="18">
        <v>12</v>
      </c>
    </row>
    <row r="116" spans="1:4" ht="18" customHeight="1" x14ac:dyDescent="0.15">
      <c r="A116" s="5">
        <v>91</v>
      </c>
      <c r="B116" s="22">
        <v>0</v>
      </c>
      <c r="C116" s="14">
        <v>7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0</v>
      </c>
      <c r="C118" s="14">
        <v>7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1</v>
      </c>
      <c r="D119" s="18">
        <v>2</v>
      </c>
    </row>
    <row r="120" spans="1:4" ht="18" customHeight="1" x14ac:dyDescent="0.15">
      <c r="A120" s="5" t="s">
        <v>39</v>
      </c>
      <c r="B120" s="22">
        <v>8</v>
      </c>
      <c r="C120" s="14">
        <v>31</v>
      </c>
      <c r="D120" s="18">
        <v>39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2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230</v>
      </c>
      <c r="C130" s="14">
        <v>283</v>
      </c>
      <c r="D130" s="18">
        <v>513</v>
      </c>
    </row>
    <row r="131" spans="1:4" ht="18" customHeight="1" x14ac:dyDescent="0.15">
      <c r="A131" s="7" t="s">
        <v>45</v>
      </c>
      <c r="B131" s="23">
        <v>573</v>
      </c>
      <c r="C131" s="15">
        <v>586</v>
      </c>
      <c r="D131" s="19">
        <v>11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3</v>
      </c>
      <c r="C6" s="14">
        <v>1</v>
      </c>
      <c r="D6" s="18">
        <v>4</v>
      </c>
    </row>
    <row r="7" spans="1:4" ht="18" customHeight="1" x14ac:dyDescent="0.15">
      <c r="A7" s="5">
        <v>2</v>
      </c>
      <c r="B7" s="27">
        <v>0</v>
      </c>
      <c r="C7" s="14">
        <v>4</v>
      </c>
      <c r="D7" s="18">
        <v>4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1</v>
      </c>
      <c r="D9" s="32">
        <v>2</v>
      </c>
    </row>
    <row r="10" spans="1:4" ht="18" customHeight="1" x14ac:dyDescent="0.15">
      <c r="A10" s="5" t="s">
        <v>7</v>
      </c>
      <c r="B10" s="22">
        <v>4</v>
      </c>
      <c r="C10" s="14">
        <v>7</v>
      </c>
      <c r="D10" s="18">
        <v>11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2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7">
        <v>2</v>
      </c>
      <c r="C14" s="14">
        <v>1</v>
      </c>
      <c r="D14" s="18">
        <v>3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6</v>
      </c>
      <c r="C16" s="14">
        <v>10</v>
      </c>
      <c r="D16" s="18">
        <v>16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2</v>
      </c>
      <c r="C18" s="14">
        <v>3</v>
      </c>
      <c r="D18" s="18">
        <v>5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3</v>
      </c>
      <c r="C22" s="14">
        <v>8</v>
      </c>
      <c r="D22" s="18">
        <v>21</v>
      </c>
    </row>
    <row r="23" spans="1:4" ht="18" customHeight="1" x14ac:dyDescent="0.15">
      <c r="A23" s="5" t="s">
        <v>6</v>
      </c>
      <c r="B23" s="22">
        <v>23</v>
      </c>
      <c r="C23" s="14">
        <v>25</v>
      </c>
      <c r="D23" s="18">
        <v>48</v>
      </c>
    </row>
    <row r="24" spans="1:4" ht="18" customHeight="1" x14ac:dyDescent="0.15">
      <c r="A24" s="5">
        <v>15</v>
      </c>
      <c r="B24" s="22">
        <v>9</v>
      </c>
      <c r="C24" s="14">
        <v>1</v>
      </c>
      <c r="D24" s="18">
        <v>10</v>
      </c>
    </row>
    <row r="25" spans="1:4" ht="18" customHeight="1" x14ac:dyDescent="0.15">
      <c r="A25" s="5">
        <v>16</v>
      </c>
      <c r="B25" s="22">
        <v>6</v>
      </c>
      <c r="C25" s="14">
        <v>0</v>
      </c>
      <c r="D25" s="18">
        <v>6</v>
      </c>
    </row>
    <row r="26" spans="1:4" ht="18" customHeight="1" x14ac:dyDescent="0.15">
      <c r="A26" s="5">
        <v>17</v>
      </c>
      <c r="B26" s="22">
        <v>4</v>
      </c>
      <c r="C26" s="14">
        <v>4</v>
      </c>
      <c r="D26" s="18">
        <v>8</v>
      </c>
    </row>
    <row r="27" spans="1:4" ht="18" customHeight="1" x14ac:dyDescent="0.15">
      <c r="A27" s="5">
        <v>18</v>
      </c>
      <c r="B27" s="22">
        <v>2</v>
      </c>
      <c r="C27" s="14">
        <v>1</v>
      </c>
      <c r="D27" s="18">
        <v>3</v>
      </c>
    </row>
    <row r="28" spans="1:4" ht="18" customHeight="1" x14ac:dyDescent="0.15">
      <c r="A28" s="5">
        <v>19</v>
      </c>
      <c r="B28" s="22">
        <v>12</v>
      </c>
      <c r="C28" s="14">
        <v>5</v>
      </c>
      <c r="D28" s="18">
        <v>17</v>
      </c>
    </row>
    <row r="29" spans="1:4" ht="18" customHeight="1" x14ac:dyDescent="0.15">
      <c r="A29" s="5" t="s">
        <v>14</v>
      </c>
      <c r="B29" s="22">
        <v>33</v>
      </c>
      <c r="C29" s="14">
        <v>11</v>
      </c>
      <c r="D29" s="18">
        <v>44</v>
      </c>
    </row>
    <row r="30" spans="1:4" ht="18" customHeight="1" x14ac:dyDescent="0.15">
      <c r="A30" s="5">
        <v>20</v>
      </c>
      <c r="B30" s="22">
        <v>5</v>
      </c>
      <c r="C30" s="14">
        <v>2</v>
      </c>
      <c r="D30" s="18">
        <v>7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6</v>
      </c>
      <c r="C32" s="14">
        <v>8</v>
      </c>
      <c r="D32" s="18">
        <v>14</v>
      </c>
    </row>
    <row r="33" spans="1:4" ht="18" customHeight="1" x14ac:dyDescent="0.15">
      <c r="A33" s="5">
        <v>23</v>
      </c>
      <c r="B33" s="22">
        <v>2</v>
      </c>
      <c r="C33" s="14">
        <v>3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19</v>
      </c>
      <c r="C35" s="14">
        <v>20</v>
      </c>
      <c r="D35" s="18">
        <v>39</v>
      </c>
    </row>
    <row r="36" spans="1:4" ht="18" customHeight="1" x14ac:dyDescent="0.15">
      <c r="A36" s="5">
        <v>25</v>
      </c>
      <c r="B36" s="22">
        <v>3</v>
      </c>
      <c r="C36" s="14">
        <v>3</v>
      </c>
      <c r="D36" s="18">
        <v>6</v>
      </c>
    </row>
    <row r="37" spans="1:4" ht="18" customHeight="1" x14ac:dyDescent="0.15">
      <c r="A37" s="5">
        <v>26</v>
      </c>
      <c r="B37" s="22">
        <v>2</v>
      </c>
      <c r="C37" s="14">
        <v>2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1</v>
      </c>
      <c r="D38" s="18">
        <v>6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2</v>
      </c>
      <c r="C40" s="14">
        <v>2</v>
      </c>
      <c r="D40" s="18">
        <v>4</v>
      </c>
    </row>
    <row r="41" spans="1:4" ht="18" customHeight="1" x14ac:dyDescent="0.15">
      <c r="A41" s="5" t="s">
        <v>2</v>
      </c>
      <c r="B41" s="22">
        <v>14</v>
      </c>
      <c r="C41" s="14">
        <v>10</v>
      </c>
      <c r="D41" s="18">
        <v>24</v>
      </c>
    </row>
    <row r="42" spans="1:4" ht="18" customHeight="1" x14ac:dyDescent="0.15">
      <c r="A42" s="5">
        <v>30</v>
      </c>
      <c r="B42" s="22">
        <v>4</v>
      </c>
      <c r="C42" s="14">
        <v>6</v>
      </c>
      <c r="D42" s="18">
        <v>10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1</v>
      </c>
      <c r="C44" s="14">
        <v>5</v>
      </c>
      <c r="D44" s="18">
        <v>6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6</v>
      </c>
      <c r="C46" s="14">
        <v>2</v>
      </c>
      <c r="D46" s="18">
        <v>8</v>
      </c>
    </row>
    <row r="47" spans="1:4" ht="18" customHeight="1" x14ac:dyDescent="0.15">
      <c r="A47" s="5" t="s">
        <v>15</v>
      </c>
      <c r="B47" s="22">
        <v>14</v>
      </c>
      <c r="C47" s="14">
        <v>15</v>
      </c>
      <c r="D47" s="18">
        <v>29</v>
      </c>
    </row>
    <row r="48" spans="1:4" ht="18" customHeight="1" x14ac:dyDescent="0.15">
      <c r="A48" s="5">
        <v>35</v>
      </c>
      <c r="B48" s="22">
        <v>2</v>
      </c>
      <c r="C48" s="14">
        <v>1</v>
      </c>
      <c r="D48" s="18">
        <v>3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4</v>
      </c>
      <c r="C52" s="14">
        <v>3</v>
      </c>
      <c r="D52" s="18">
        <v>7</v>
      </c>
    </row>
    <row r="53" spans="1:4" ht="18" customHeight="1" x14ac:dyDescent="0.15">
      <c r="A53" s="5" t="s">
        <v>18</v>
      </c>
      <c r="B53" s="22">
        <v>12</v>
      </c>
      <c r="C53" s="14">
        <v>9</v>
      </c>
      <c r="D53" s="18">
        <v>21</v>
      </c>
    </row>
    <row r="54" spans="1:4" ht="18" customHeight="1" x14ac:dyDescent="0.15">
      <c r="A54" s="5">
        <v>40</v>
      </c>
      <c r="B54" s="22">
        <v>4</v>
      </c>
      <c r="C54" s="14">
        <v>5</v>
      </c>
      <c r="D54" s="18">
        <v>9</v>
      </c>
    </row>
    <row r="55" spans="1:4" ht="18" customHeight="1" x14ac:dyDescent="0.15">
      <c r="A55" s="5">
        <v>41</v>
      </c>
      <c r="B55" s="22">
        <v>1</v>
      </c>
      <c r="C55" s="14">
        <v>5</v>
      </c>
      <c r="D55" s="18">
        <v>6</v>
      </c>
    </row>
    <row r="56" spans="1:4" ht="18" customHeight="1" x14ac:dyDescent="0.15">
      <c r="A56" s="5">
        <v>42</v>
      </c>
      <c r="B56" s="22">
        <v>8</v>
      </c>
      <c r="C56" s="14">
        <v>1</v>
      </c>
      <c r="D56" s="18">
        <v>9</v>
      </c>
    </row>
    <row r="57" spans="1:4" ht="18" customHeight="1" x14ac:dyDescent="0.15">
      <c r="A57" s="5">
        <v>43</v>
      </c>
      <c r="B57" s="22">
        <v>5</v>
      </c>
      <c r="C57" s="14">
        <v>0</v>
      </c>
      <c r="D57" s="18">
        <v>5</v>
      </c>
    </row>
    <row r="58" spans="1:4" ht="18" customHeight="1" x14ac:dyDescent="0.15">
      <c r="A58" s="5">
        <v>44</v>
      </c>
      <c r="B58" s="22">
        <v>5</v>
      </c>
      <c r="C58" s="14">
        <v>3</v>
      </c>
      <c r="D58" s="18">
        <v>8</v>
      </c>
    </row>
    <row r="59" spans="1:4" ht="18" customHeight="1" x14ac:dyDescent="0.15">
      <c r="A59" s="5" t="s">
        <v>21</v>
      </c>
      <c r="B59" s="22">
        <v>23</v>
      </c>
      <c r="C59" s="14">
        <v>14</v>
      </c>
      <c r="D59" s="18">
        <v>37</v>
      </c>
    </row>
    <row r="60" spans="1:4" ht="18" customHeight="1" x14ac:dyDescent="0.15">
      <c r="A60" s="5">
        <v>45</v>
      </c>
      <c r="B60" s="22">
        <v>2</v>
      </c>
      <c r="C60" s="14">
        <v>6</v>
      </c>
      <c r="D60" s="18">
        <v>8</v>
      </c>
    </row>
    <row r="61" spans="1:4" ht="18" customHeight="1" x14ac:dyDescent="0.15">
      <c r="A61" s="5">
        <v>46</v>
      </c>
      <c r="B61" s="22">
        <v>7</v>
      </c>
      <c r="C61" s="14">
        <v>5</v>
      </c>
      <c r="D61" s="18">
        <v>12</v>
      </c>
    </row>
    <row r="62" spans="1:4" ht="18" customHeight="1" x14ac:dyDescent="0.15">
      <c r="A62" s="5">
        <v>47</v>
      </c>
      <c r="B62" s="22">
        <v>7</v>
      </c>
      <c r="C62" s="14">
        <v>3</v>
      </c>
      <c r="D62" s="18">
        <v>10</v>
      </c>
    </row>
    <row r="63" spans="1:4" ht="18" customHeight="1" x14ac:dyDescent="0.15">
      <c r="A63" s="5">
        <v>48</v>
      </c>
      <c r="B63" s="22">
        <v>3</v>
      </c>
      <c r="C63" s="14">
        <v>2</v>
      </c>
      <c r="D63" s="18">
        <v>5</v>
      </c>
    </row>
    <row r="64" spans="1:4" ht="18" customHeight="1" x14ac:dyDescent="0.15">
      <c r="A64" s="5">
        <v>49</v>
      </c>
      <c r="B64" s="22">
        <v>13</v>
      </c>
      <c r="C64" s="14">
        <v>5</v>
      </c>
      <c r="D64" s="18">
        <v>18</v>
      </c>
    </row>
    <row r="65" spans="1:4" ht="18" customHeight="1" x14ac:dyDescent="0.15">
      <c r="A65" s="5" t="s">
        <v>17</v>
      </c>
      <c r="B65" s="22">
        <v>32</v>
      </c>
      <c r="C65" s="14">
        <v>21</v>
      </c>
      <c r="D65" s="18">
        <v>53</v>
      </c>
    </row>
    <row r="66" spans="1:4" ht="18" customHeight="1" x14ac:dyDescent="0.15">
      <c r="A66" s="5">
        <v>50</v>
      </c>
      <c r="B66" s="22">
        <v>4</v>
      </c>
      <c r="C66" s="14">
        <v>7</v>
      </c>
      <c r="D66" s="18">
        <v>11</v>
      </c>
    </row>
    <row r="67" spans="1:4" ht="18" customHeight="1" x14ac:dyDescent="0.15">
      <c r="A67" s="5">
        <v>51</v>
      </c>
      <c r="B67" s="22">
        <v>10</v>
      </c>
      <c r="C67" s="14">
        <v>7</v>
      </c>
      <c r="D67" s="18">
        <v>17</v>
      </c>
    </row>
    <row r="68" spans="1:4" ht="18" customHeight="1" x14ac:dyDescent="0.15">
      <c r="A68" s="5">
        <v>52</v>
      </c>
      <c r="B68" s="22">
        <v>7</v>
      </c>
      <c r="C68" s="14">
        <v>7</v>
      </c>
      <c r="D68" s="18">
        <v>14</v>
      </c>
    </row>
    <row r="69" spans="1:4" ht="18" customHeight="1" x14ac:dyDescent="0.15">
      <c r="A69" s="5">
        <v>53</v>
      </c>
      <c r="B69" s="22">
        <v>7</v>
      </c>
      <c r="C69" s="14">
        <v>6</v>
      </c>
      <c r="D69" s="18">
        <v>13</v>
      </c>
    </row>
    <row r="70" spans="1:4" ht="18" customHeight="1" x14ac:dyDescent="0.15">
      <c r="A70" s="5">
        <v>54</v>
      </c>
      <c r="B70" s="22">
        <v>4</v>
      </c>
      <c r="C70" s="14">
        <v>6</v>
      </c>
      <c r="D70" s="18">
        <v>10</v>
      </c>
    </row>
    <row r="71" spans="1:4" ht="18" customHeight="1" x14ac:dyDescent="0.15">
      <c r="A71" s="5" t="s">
        <v>22</v>
      </c>
      <c r="B71" s="22">
        <v>32</v>
      </c>
      <c r="C71" s="14">
        <v>33</v>
      </c>
      <c r="D71" s="18">
        <v>65</v>
      </c>
    </row>
    <row r="72" spans="1:4" ht="18" customHeight="1" x14ac:dyDescent="0.15">
      <c r="A72" s="5">
        <v>55</v>
      </c>
      <c r="B72" s="22">
        <v>6</v>
      </c>
      <c r="C72" s="14">
        <v>10</v>
      </c>
      <c r="D72" s="18">
        <v>16</v>
      </c>
    </row>
    <row r="73" spans="1:4" ht="18" customHeight="1" x14ac:dyDescent="0.15">
      <c r="A73" s="5">
        <v>56</v>
      </c>
      <c r="B73" s="22">
        <v>6</v>
      </c>
      <c r="C73" s="14">
        <v>6</v>
      </c>
      <c r="D73" s="18">
        <v>12</v>
      </c>
    </row>
    <row r="74" spans="1:4" ht="18" customHeight="1" x14ac:dyDescent="0.15">
      <c r="A74" s="5">
        <v>57</v>
      </c>
      <c r="B74" s="22">
        <v>3</v>
      </c>
      <c r="C74" s="14">
        <v>7</v>
      </c>
      <c r="D74" s="18">
        <v>10</v>
      </c>
    </row>
    <row r="75" spans="1:4" ht="18" customHeight="1" x14ac:dyDescent="0.15">
      <c r="A75" s="5">
        <v>58</v>
      </c>
      <c r="B75" s="22">
        <v>6</v>
      </c>
      <c r="C75" s="14">
        <v>5</v>
      </c>
      <c r="D75" s="18">
        <v>11</v>
      </c>
    </row>
    <row r="76" spans="1:4" ht="18" customHeight="1" x14ac:dyDescent="0.15">
      <c r="A76" s="5">
        <v>59</v>
      </c>
      <c r="B76" s="22">
        <v>6</v>
      </c>
      <c r="C76" s="14">
        <v>4</v>
      </c>
      <c r="D76" s="18">
        <v>10</v>
      </c>
    </row>
    <row r="77" spans="1:4" ht="18" customHeight="1" x14ac:dyDescent="0.15">
      <c r="A77" s="5" t="s">
        <v>27</v>
      </c>
      <c r="B77" s="22">
        <v>27</v>
      </c>
      <c r="C77" s="14">
        <v>32</v>
      </c>
      <c r="D77" s="18">
        <v>59</v>
      </c>
    </row>
    <row r="78" spans="1:4" ht="18" customHeight="1" x14ac:dyDescent="0.15">
      <c r="A78" s="5">
        <v>60</v>
      </c>
      <c r="B78" s="22">
        <v>3</v>
      </c>
      <c r="C78" s="14">
        <v>4</v>
      </c>
      <c r="D78" s="18">
        <v>7</v>
      </c>
    </row>
    <row r="79" spans="1:4" ht="18" customHeight="1" x14ac:dyDescent="0.15">
      <c r="A79" s="5">
        <v>61</v>
      </c>
      <c r="B79" s="22">
        <v>3</v>
      </c>
      <c r="C79" s="14">
        <v>6</v>
      </c>
      <c r="D79" s="18">
        <v>9</v>
      </c>
    </row>
    <row r="80" spans="1:4" ht="18" customHeight="1" x14ac:dyDescent="0.15">
      <c r="A80" s="5">
        <v>62</v>
      </c>
      <c r="B80" s="22">
        <v>8</v>
      </c>
      <c r="C80" s="14">
        <v>7</v>
      </c>
      <c r="D80" s="18">
        <v>15</v>
      </c>
    </row>
    <row r="81" spans="1:4" ht="18" customHeight="1" x14ac:dyDescent="0.15">
      <c r="A81" s="5">
        <v>63</v>
      </c>
      <c r="B81" s="22">
        <v>6</v>
      </c>
      <c r="C81" s="14">
        <v>4</v>
      </c>
      <c r="D81" s="18">
        <v>10</v>
      </c>
    </row>
    <row r="82" spans="1:4" ht="18" customHeight="1" x14ac:dyDescent="0.15">
      <c r="A82" s="5">
        <v>64</v>
      </c>
      <c r="B82" s="22">
        <v>3</v>
      </c>
      <c r="C82" s="14">
        <v>4</v>
      </c>
      <c r="D82" s="18">
        <v>7</v>
      </c>
    </row>
    <row r="83" spans="1:4" ht="18" customHeight="1" x14ac:dyDescent="0.15">
      <c r="A83" s="5" t="s">
        <v>28</v>
      </c>
      <c r="B83" s="22">
        <v>23</v>
      </c>
      <c r="C83" s="14">
        <v>25</v>
      </c>
      <c r="D83" s="18">
        <v>48</v>
      </c>
    </row>
    <row r="84" spans="1:4" ht="18" customHeight="1" x14ac:dyDescent="0.15">
      <c r="A84" s="5" t="s">
        <v>31</v>
      </c>
      <c r="B84" s="22">
        <v>229</v>
      </c>
      <c r="C84" s="14">
        <v>190</v>
      </c>
      <c r="D84" s="18">
        <v>419</v>
      </c>
    </row>
    <row r="85" spans="1:4" ht="18" customHeight="1" x14ac:dyDescent="0.15">
      <c r="A85" s="5">
        <v>65</v>
      </c>
      <c r="B85" s="22">
        <v>7</v>
      </c>
      <c r="C85" s="14">
        <v>6</v>
      </c>
      <c r="D85" s="18">
        <v>13</v>
      </c>
    </row>
    <row r="86" spans="1:4" ht="18" customHeight="1" x14ac:dyDescent="0.15">
      <c r="A86" s="5">
        <v>66</v>
      </c>
      <c r="B86" s="22">
        <v>4</v>
      </c>
      <c r="C86" s="14">
        <v>7</v>
      </c>
      <c r="D86" s="18">
        <v>11</v>
      </c>
    </row>
    <row r="87" spans="1:4" ht="18" customHeight="1" x14ac:dyDescent="0.15">
      <c r="A87" s="5">
        <v>67</v>
      </c>
      <c r="B87" s="22">
        <v>8</v>
      </c>
      <c r="C87" s="14">
        <v>8</v>
      </c>
      <c r="D87" s="18">
        <v>16</v>
      </c>
    </row>
    <row r="88" spans="1:4" ht="18" customHeight="1" x14ac:dyDescent="0.15">
      <c r="A88" s="5">
        <v>68</v>
      </c>
      <c r="B88" s="22">
        <v>4</v>
      </c>
      <c r="C88" s="14">
        <v>4</v>
      </c>
      <c r="D88" s="18">
        <v>8</v>
      </c>
    </row>
    <row r="89" spans="1:4" ht="18" customHeight="1" x14ac:dyDescent="0.15">
      <c r="A89" s="5">
        <v>69</v>
      </c>
      <c r="B89" s="22">
        <v>5</v>
      </c>
      <c r="C89" s="14">
        <v>4</v>
      </c>
      <c r="D89" s="18">
        <v>9</v>
      </c>
    </row>
    <row r="90" spans="1:4" ht="18" customHeight="1" x14ac:dyDescent="0.15">
      <c r="A90" s="5" t="s">
        <v>20</v>
      </c>
      <c r="B90" s="22">
        <v>28</v>
      </c>
      <c r="C90" s="14">
        <v>29</v>
      </c>
      <c r="D90" s="18">
        <v>57</v>
      </c>
    </row>
    <row r="91" spans="1:4" ht="18" customHeight="1" x14ac:dyDescent="0.15">
      <c r="A91" s="5">
        <v>70</v>
      </c>
      <c r="B91" s="22">
        <v>3</v>
      </c>
      <c r="C91" s="14">
        <v>8</v>
      </c>
      <c r="D91" s="18">
        <v>11</v>
      </c>
    </row>
    <row r="92" spans="1:4" ht="18" customHeight="1" x14ac:dyDescent="0.15">
      <c r="A92" s="5">
        <v>71</v>
      </c>
      <c r="B92" s="22">
        <v>11</v>
      </c>
      <c r="C92" s="14">
        <v>11</v>
      </c>
      <c r="D92" s="18">
        <v>22</v>
      </c>
    </row>
    <row r="93" spans="1:4" ht="18" customHeight="1" x14ac:dyDescent="0.15">
      <c r="A93" s="5">
        <v>72</v>
      </c>
      <c r="B93" s="22">
        <v>10</v>
      </c>
      <c r="C93" s="14">
        <v>5</v>
      </c>
      <c r="D93" s="18">
        <v>15</v>
      </c>
    </row>
    <row r="94" spans="1:4" ht="18" customHeight="1" x14ac:dyDescent="0.15">
      <c r="A94" s="5">
        <v>73</v>
      </c>
      <c r="B94" s="22">
        <v>11</v>
      </c>
      <c r="C94" s="14">
        <v>4</v>
      </c>
      <c r="D94" s="18">
        <v>15</v>
      </c>
    </row>
    <row r="95" spans="1:4" ht="18" customHeight="1" x14ac:dyDescent="0.15">
      <c r="A95" s="5">
        <v>74</v>
      </c>
      <c r="B95" s="22">
        <v>8</v>
      </c>
      <c r="C95" s="14">
        <v>10</v>
      </c>
      <c r="D95" s="18">
        <v>18</v>
      </c>
    </row>
    <row r="96" spans="1:4" ht="18" customHeight="1" x14ac:dyDescent="0.15">
      <c r="A96" s="5" t="s">
        <v>33</v>
      </c>
      <c r="B96" s="22">
        <v>43</v>
      </c>
      <c r="C96" s="14">
        <v>38</v>
      </c>
      <c r="D96" s="18">
        <v>81</v>
      </c>
    </row>
    <row r="97" spans="1:4" ht="18" customHeight="1" x14ac:dyDescent="0.15">
      <c r="A97" s="5">
        <v>75</v>
      </c>
      <c r="B97" s="22">
        <v>4</v>
      </c>
      <c r="C97" s="14">
        <v>11</v>
      </c>
      <c r="D97" s="18">
        <v>15</v>
      </c>
    </row>
    <row r="98" spans="1:4" ht="18" customHeight="1" x14ac:dyDescent="0.15">
      <c r="A98" s="5">
        <v>76</v>
      </c>
      <c r="B98" s="22">
        <v>8</v>
      </c>
      <c r="C98" s="14">
        <v>11</v>
      </c>
      <c r="D98" s="18">
        <v>19</v>
      </c>
    </row>
    <row r="99" spans="1:4" ht="18" customHeight="1" x14ac:dyDescent="0.15">
      <c r="A99" s="5">
        <v>77</v>
      </c>
      <c r="B99" s="22">
        <v>10</v>
      </c>
      <c r="C99" s="14">
        <v>15</v>
      </c>
      <c r="D99" s="18">
        <v>25</v>
      </c>
    </row>
    <row r="100" spans="1:4" ht="18" customHeight="1" x14ac:dyDescent="0.15">
      <c r="A100" s="5">
        <v>78</v>
      </c>
      <c r="B100" s="22">
        <v>7</v>
      </c>
      <c r="C100" s="14">
        <v>16</v>
      </c>
      <c r="D100" s="18">
        <v>23</v>
      </c>
    </row>
    <row r="101" spans="1:4" ht="18" customHeight="1" x14ac:dyDescent="0.15">
      <c r="A101" s="5">
        <v>79</v>
      </c>
      <c r="B101" s="22">
        <v>9</v>
      </c>
      <c r="C101" s="14">
        <v>10</v>
      </c>
      <c r="D101" s="18">
        <v>19</v>
      </c>
    </row>
    <row r="102" spans="1:4" ht="18" customHeight="1" x14ac:dyDescent="0.15">
      <c r="A102" s="5" t="s">
        <v>0</v>
      </c>
      <c r="B102" s="22">
        <v>38</v>
      </c>
      <c r="C102" s="14">
        <v>63</v>
      </c>
      <c r="D102" s="18">
        <v>101</v>
      </c>
    </row>
    <row r="103" spans="1:4" ht="18" customHeight="1" x14ac:dyDescent="0.15">
      <c r="A103" s="5">
        <v>80</v>
      </c>
      <c r="B103" s="22">
        <v>7</v>
      </c>
      <c r="C103" s="14">
        <v>5</v>
      </c>
      <c r="D103" s="18">
        <v>12</v>
      </c>
    </row>
    <row r="104" spans="1:4" ht="18" customHeight="1" x14ac:dyDescent="0.15">
      <c r="A104" s="5">
        <v>81</v>
      </c>
      <c r="B104" s="22">
        <v>10</v>
      </c>
      <c r="C104" s="14">
        <v>3</v>
      </c>
      <c r="D104" s="18">
        <v>13</v>
      </c>
    </row>
    <row r="105" spans="1:4" ht="18" customHeight="1" x14ac:dyDescent="0.15">
      <c r="A105" s="5">
        <v>82</v>
      </c>
      <c r="B105" s="22">
        <v>4</v>
      </c>
      <c r="C105" s="14">
        <v>13</v>
      </c>
      <c r="D105" s="18">
        <v>17</v>
      </c>
    </row>
    <row r="106" spans="1:4" ht="18" customHeight="1" x14ac:dyDescent="0.15">
      <c r="A106" s="5">
        <v>83</v>
      </c>
      <c r="B106" s="22">
        <v>4</v>
      </c>
      <c r="C106" s="14">
        <v>8</v>
      </c>
      <c r="D106" s="18">
        <v>12</v>
      </c>
    </row>
    <row r="107" spans="1:4" ht="18" customHeight="1" x14ac:dyDescent="0.15">
      <c r="A107" s="5">
        <v>84</v>
      </c>
      <c r="B107" s="22">
        <v>5</v>
      </c>
      <c r="C107" s="14">
        <v>6</v>
      </c>
      <c r="D107" s="18">
        <v>11</v>
      </c>
    </row>
    <row r="108" spans="1:4" ht="18" customHeight="1" x14ac:dyDescent="0.15">
      <c r="A108" s="5" t="s">
        <v>35</v>
      </c>
      <c r="B108" s="22">
        <v>30</v>
      </c>
      <c r="C108" s="14">
        <v>35</v>
      </c>
      <c r="D108" s="18">
        <v>6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2</v>
      </c>
      <c r="C110" s="14">
        <v>6</v>
      </c>
      <c r="D110" s="18">
        <v>8</v>
      </c>
    </row>
    <row r="111" spans="1:4" ht="18" customHeight="1" x14ac:dyDescent="0.15">
      <c r="A111" s="5">
        <v>87</v>
      </c>
      <c r="B111" s="22">
        <v>3</v>
      </c>
      <c r="C111" s="14">
        <v>9</v>
      </c>
      <c r="D111" s="18">
        <v>12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9</v>
      </c>
      <c r="C114" s="14">
        <v>21</v>
      </c>
      <c r="D114" s="18">
        <v>30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3</v>
      </c>
      <c r="D116" s="18">
        <v>6</v>
      </c>
    </row>
    <row r="117" spans="1:4" ht="18" customHeight="1" x14ac:dyDescent="0.15">
      <c r="A117" s="5">
        <v>92</v>
      </c>
      <c r="B117" s="22">
        <v>2</v>
      </c>
      <c r="C117" s="14">
        <v>2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1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10</v>
      </c>
      <c r="C120" s="14">
        <v>20</v>
      </c>
      <c r="D120" s="18">
        <v>30</v>
      </c>
    </row>
    <row r="121" spans="1:4" ht="18" customHeight="1" x14ac:dyDescent="0.15">
      <c r="A121" s="5">
        <v>95</v>
      </c>
      <c r="B121" s="22">
        <v>2</v>
      </c>
      <c r="C121" s="14">
        <v>2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6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61</v>
      </c>
      <c r="C130" s="14">
        <v>214</v>
      </c>
      <c r="D130" s="18">
        <v>375</v>
      </c>
    </row>
    <row r="131" spans="1:4" ht="18" customHeight="1" x14ac:dyDescent="0.15">
      <c r="A131" s="7" t="s">
        <v>45</v>
      </c>
      <c r="B131" s="23">
        <v>413</v>
      </c>
      <c r="C131" s="15">
        <v>429</v>
      </c>
      <c r="D131" s="19">
        <v>8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30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2</v>
      </c>
      <c r="C10" s="14">
        <v>1</v>
      </c>
      <c r="D10" s="18">
        <v>3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1</v>
      </c>
      <c r="C16" s="14">
        <v>1</v>
      </c>
      <c r="D16" s="18">
        <v>2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1</v>
      </c>
      <c r="C22" s="14">
        <v>2</v>
      </c>
      <c r="D22" s="18">
        <v>3</v>
      </c>
    </row>
    <row r="23" spans="1:4" ht="18" customHeight="1" x14ac:dyDescent="0.15">
      <c r="A23" s="5" t="s">
        <v>6</v>
      </c>
      <c r="B23" s="22">
        <v>4</v>
      </c>
      <c r="C23" s="14">
        <v>4</v>
      </c>
      <c r="D23" s="18">
        <v>8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2</v>
      </c>
      <c r="C29" s="14">
        <v>3</v>
      </c>
      <c r="D29" s="18">
        <v>5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1</v>
      </c>
      <c r="D35" s="18">
        <v>2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1</v>
      </c>
      <c r="C42" s="14">
        <v>0</v>
      </c>
      <c r="D42" s="18">
        <v>1</v>
      </c>
    </row>
    <row r="43" spans="1:4" ht="18" customHeight="1" x14ac:dyDescent="0.15">
      <c r="A43" s="5">
        <v>31</v>
      </c>
      <c r="B43" s="22">
        <v>1</v>
      </c>
      <c r="C43" s="14">
        <v>2</v>
      </c>
      <c r="D43" s="18">
        <v>3</v>
      </c>
    </row>
    <row r="44" spans="1:4" ht="18" customHeight="1" x14ac:dyDescent="0.15">
      <c r="A44" s="5">
        <v>32</v>
      </c>
      <c r="B44" s="22">
        <v>0</v>
      </c>
      <c r="C44" s="14">
        <v>1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2</v>
      </c>
      <c r="D45" s="18">
        <v>2</v>
      </c>
    </row>
    <row r="46" spans="1:4" ht="18" customHeight="1" x14ac:dyDescent="0.15">
      <c r="A46" s="5">
        <v>34</v>
      </c>
      <c r="B46" s="22">
        <v>3</v>
      </c>
      <c r="C46" s="14">
        <v>0</v>
      </c>
      <c r="D46" s="18">
        <v>3</v>
      </c>
    </row>
    <row r="47" spans="1:4" ht="18" customHeight="1" x14ac:dyDescent="0.15">
      <c r="A47" s="5" t="s">
        <v>15</v>
      </c>
      <c r="B47" s="22">
        <v>5</v>
      </c>
      <c r="C47" s="14">
        <v>5</v>
      </c>
      <c r="D47" s="18">
        <v>10</v>
      </c>
    </row>
    <row r="48" spans="1:4" ht="18" customHeight="1" x14ac:dyDescent="0.15">
      <c r="A48" s="5">
        <v>35</v>
      </c>
      <c r="B48" s="22">
        <v>0</v>
      </c>
      <c r="C48" s="14">
        <v>1</v>
      </c>
      <c r="D48" s="18">
        <v>1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4</v>
      </c>
      <c r="C53" s="14">
        <v>2</v>
      </c>
      <c r="D53" s="18">
        <v>6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1</v>
      </c>
      <c r="D59" s="18">
        <v>6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1</v>
      </c>
      <c r="C61" s="14">
        <v>2</v>
      </c>
      <c r="D61" s="18">
        <v>3</v>
      </c>
    </row>
    <row r="62" spans="1:4" ht="18" customHeight="1" x14ac:dyDescent="0.15">
      <c r="A62" s="5">
        <v>47</v>
      </c>
      <c r="B62" s="22">
        <v>0</v>
      </c>
      <c r="C62" s="14">
        <v>1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1</v>
      </c>
      <c r="C64" s="14">
        <v>0</v>
      </c>
      <c r="D64" s="18">
        <v>1</v>
      </c>
    </row>
    <row r="65" spans="1:4" ht="18" customHeight="1" x14ac:dyDescent="0.15">
      <c r="A65" s="5" t="s">
        <v>17</v>
      </c>
      <c r="B65" s="22">
        <v>2</v>
      </c>
      <c r="C65" s="14">
        <v>4</v>
      </c>
      <c r="D65" s="18">
        <v>6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1</v>
      </c>
      <c r="C68" s="14">
        <v>2</v>
      </c>
      <c r="D68" s="18">
        <v>3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2</v>
      </c>
      <c r="C70" s="14">
        <v>4</v>
      </c>
      <c r="D70" s="18">
        <v>6</v>
      </c>
    </row>
    <row r="71" spans="1:4" ht="18" customHeight="1" x14ac:dyDescent="0.15">
      <c r="A71" s="5" t="s">
        <v>22</v>
      </c>
      <c r="B71" s="22">
        <v>6</v>
      </c>
      <c r="C71" s="14">
        <v>9</v>
      </c>
      <c r="D71" s="18">
        <v>15</v>
      </c>
    </row>
    <row r="72" spans="1:4" ht="18" customHeight="1" x14ac:dyDescent="0.15">
      <c r="A72" s="5">
        <v>55</v>
      </c>
      <c r="B72" s="22">
        <v>0</v>
      </c>
      <c r="C72" s="14">
        <v>0</v>
      </c>
      <c r="D72" s="18">
        <v>0</v>
      </c>
    </row>
    <row r="73" spans="1:4" ht="18" customHeight="1" x14ac:dyDescent="0.15">
      <c r="A73" s="5">
        <v>56</v>
      </c>
      <c r="B73" s="22">
        <v>3</v>
      </c>
      <c r="C73" s="14">
        <v>3</v>
      </c>
      <c r="D73" s="18">
        <v>6</v>
      </c>
    </row>
    <row r="74" spans="1:4" ht="18" customHeight="1" x14ac:dyDescent="0.15">
      <c r="A74" s="5">
        <v>57</v>
      </c>
      <c r="B74" s="22">
        <v>2</v>
      </c>
      <c r="C74" s="14">
        <v>0</v>
      </c>
      <c r="D74" s="18">
        <v>2</v>
      </c>
    </row>
    <row r="75" spans="1:4" ht="18" customHeight="1" x14ac:dyDescent="0.15">
      <c r="A75" s="5">
        <v>58</v>
      </c>
      <c r="B75" s="22">
        <v>1</v>
      </c>
      <c r="C75" s="14">
        <v>3</v>
      </c>
      <c r="D75" s="18">
        <v>4</v>
      </c>
    </row>
    <row r="76" spans="1:4" ht="18" customHeight="1" x14ac:dyDescent="0.15">
      <c r="A76" s="5">
        <v>59</v>
      </c>
      <c r="B76" s="22">
        <v>0</v>
      </c>
      <c r="C76" s="14">
        <v>4</v>
      </c>
      <c r="D76" s="18">
        <v>4</v>
      </c>
    </row>
    <row r="77" spans="1:4" ht="18" customHeight="1" x14ac:dyDescent="0.15">
      <c r="A77" s="5" t="s">
        <v>27</v>
      </c>
      <c r="B77" s="22">
        <v>6</v>
      </c>
      <c r="C77" s="14">
        <v>10</v>
      </c>
      <c r="D77" s="18">
        <v>16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1</v>
      </c>
      <c r="C79" s="14">
        <v>2</v>
      </c>
      <c r="D79" s="18">
        <v>3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1</v>
      </c>
      <c r="C81" s="14">
        <v>1</v>
      </c>
      <c r="D81" s="18">
        <v>2</v>
      </c>
    </row>
    <row r="82" spans="1:4" ht="18" customHeight="1" x14ac:dyDescent="0.15">
      <c r="A82" s="5">
        <v>64</v>
      </c>
      <c r="B82" s="22">
        <v>3</v>
      </c>
      <c r="C82" s="14">
        <v>1</v>
      </c>
      <c r="D82" s="18">
        <v>4</v>
      </c>
    </row>
    <row r="83" spans="1:4" ht="18" customHeight="1" x14ac:dyDescent="0.15">
      <c r="A83" s="5" t="s">
        <v>28</v>
      </c>
      <c r="B83" s="22">
        <v>7</v>
      </c>
      <c r="C83" s="14">
        <v>6</v>
      </c>
      <c r="D83" s="18">
        <v>13</v>
      </c>
    </row>
    <row r="84" spans="1:4" ht="18" customHeight="1" x14ac:dyDescent="0.15">
      <c r="A84" s="5" t="s">
        <v>31</v>
      </c>
      <c r="B84" s="22">
        <v>41</v>
      </c>
      <c r="C84" s="14">
        <v>41</v>
      </c>
      <c r="D84" s="18">
        <v>82</v>
      </c>
    </row>
    <row r="85" spans="1:4" ht="18" customHeight="1" x14ac:dyDescent="0.15">
      <c r="A85" s="5">
        <v>65</v>
      </c>
      <c r="B85" s="22">
        <v>1</v>
      </c>
      <c r="C85" s="14">
        <v>2</v>
      </c>
      <c r="D85" s="18">
        <v>3</v>
      </c>
    </row>
    <row r="86" spans="1:4" ht="18" customHeight="1" x14ac:dyDescent="0.15">
      <c r="A86" s="5">
        <v>66</v>
      </c>
      <c r="B86" s="22">
        <v>1</v>
      </c>
      <c r="C86" s="14">
        <v>1</v>
      </c>
      <c r="D86" s="18">
        <v>2</v>
      </c>
    </row>
    <row r="87" spans="1:4" ht="18" customHeight="1" x14ac:dyDescent="0.15">
      <c r="A87" s="5">
        <v>67</v>
      </c>
      <c r="B87" s="22">
        <v>1</v>
      </c>
      <c r="C87" s="14">
        <v>4</v>
      </c>
      <c r="D87" s="18">
        <v>5</v>
      </c>
    </row>
    <row r="88" spans="1:4" ht="18" customHeight="1" x14ac:dyDescent="0.15">
      <c r="A88" s="5">
        <v>68</v>
      </c>
      <c r="B88" s="22">
        <v>4</v>
      </c>
      <c r="C88" s="14">
        <v>2</v>
      </c>
      <c r="D88" s="18">
        <v>6</v>
      </c>
    </row>
    <row r="89" spans="1:4" ht="18" customHeight="1" x14ac:dyDescent="0.15">
      <c r="A89" s="5">
        <v>69</v>
      </c>
      <c r="B89" s="22">
        <v>1</v>
      </c>
      <c r="C89" s="14">
        <v>3</v>
      </c>
      <c r="D89" s="18">
        <v>4</v>
      </c>
    </row>
    <row r="90" spans="1:4" ht="18" customHeight="1" x14ac:dyDescent="0.15">
      <c r="A90" s="5" t="s">
        <v>20</v>
      </c>
      <c r="B90" s="22">
        <v>8</v>
      </c>
      <c r="C90" s="14">
        <v>12</v>
      </c>
      <c r="D90" s="18">
        <v>20</v>
      </c>
    </row>
    <row r="91" spans="1:4" ht="18" customHeight="1" x14ac:dyDescent="0.15">
      <c r="A91" s="5">
        <v>70</v>
      </c>
      <c r="B91" s="22">
        <v>2</v>
      </c>
      <c r="C91" s="14">
        <v>3</v>
      </c>
      <c r="D91" s="18">
        <v>5</v>
      </c>
    </row>
    <row r="92" spans="1:4" ht="18" customHeight="1" x14ac:dyDescent="0.15">
      <c r="A92" s="5">
        <v>71</v>
      </c>
      <c r="B92" s="22">
        <v>2</v>
      </c>
      <c r="C92" s="14">
        <v>3</v>
      </c>
      <c r="D92" s="18">
        <v>5</v>
      </c>
    </row>
    <row r="93" spans="1:4" ht="18" customHeight="1" x14ac:dyDescent="0.15">
      <c r="A93" s="5">
        <v>72</v>
      </c>
      <c r="B93" s="22">
        <v>5</v>
      </c>
      <c r="C93" s="14">
        <v>3</v>
      </c>
      <c r="D93" s="18">
        <v>8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3</v>
      </c>
      <c r="C95" s="14">
        <v>3</v>
      </c>
      <c r="D95" s="18">
        <v>6</v>
      </c>
    </row>
    <row r="96" spans="1:4" ht="18" customHeight="1" x14ac:dyDescent="0.15">
      <c r="A96" s="5" t="s">
        <v>33</v>
      </c>
      <c r="B96" s="22">
        <v>13</v>
      </c>
      <c r="C96" s="14">
        <v>12</v>
      </c>
      <c r="D96" s="18">
        <v>25</v>
      </c>
    </row>
    <row r="97" spans="1:4" ht="18" customHeight="1" x14ac:dyDescent="0.15">
      <c r="A97" s="5">
        <v>75</v>
      </c>
      <c r="B97" s="22">
        <v>3</v>
      </c>
      <c r="C97" s="14">
        <v>2</v>
      </c>
      <c r="D97" s="18">
        <v>5</v>
      </c>
    </row>
    <row r="98" spans="1:4" ht="18" customHeight="1" x14ac:dyDescent="0.15">
      <c r="A98" s="5">
        <v>76</v>
      </c>
      <c r="B98" s="22">
        <v>4</v>
      </c>
      <c r="C98" s="14">
        <v>2</v>
      </c>
      <c r="D98" s="18">
        <v>6</v>
      </c>
    </row>
    <row r="99" spans="1:4" ht="18" customHeight="1" x14ac:dyDescent="0.15">
      <c r="A99" s="5">
        <v>77</v>
      </c>
      <c r="B99" s="22">
        <v>4</v>
      </c>
      <c r="C99" s="14">
        <v>3</v>
      </c>
      <c r="D99" s="18">
        <v>7</v>
      </c>
    </row>
    <row r="100" spans="1:4" ht="18" customHeight="1" x14ac:dyDescent="0.15">
      <c r="A100" s="5">
        <v>78</v>
      </c>
      <c r="B100" s="22">
        <v>5</v>
      </c>
      <c r="C100" s="14">
        <v>3</v>
      </c>
      <c r="D100" s="18">
        <v>8</v>
      </c>
    </row>
    <row r="101" spans="1:4" ht="18" customHeight="1" x14ac:dyDescent="0.15">
      <c r="A101" s="5">
        <v>79</v>
      </c>
      <c r="B101" s="22">
        <v>0</v>
      </c>
      <c r="C101" s="14">
        <v>1</v>
      </c>
      <c r="D101" s="18">
        <v>1</v>
      </c>
    </row>
    <row r="102" spans="1:4" ht="18" customHeight="1" x14ac:dyDescent="0.15">
      <c r="A102" s="5" t="s">
        <v>0</v>
      </c>
      <c r="B102" s="22">
        <v>16</v>
      </c>
      <c r="C102" s="14">
        <v>11</v>
      </c>
      <c r="D102" s="18">
        <v>27</v>
      </c>
    </row>
    <row r="103" spans="1:4" ht="18" customHeight="1" x14ac:dyDescent="0.15">
      <c r="A103" s="5">
        <v>80</v>
      </c>
      <c r="B103" s="22">
        <v>2</v>
      </c>
      <c r="C103" s="14">
        <v>1</v>
      </c>
      <c r="D103" s="18">
        <v>3</v>
      </c>
    </row>
    <row r="104" spans="1:4" ht="18" customHeight="1" x14ac:dyDescent="0.15">
      <c r="A104" s="5">
        <v>81</v>
      </c>
      <c r="B104" s="22">
        <v>3</v>
      </c>
      <c r="C104" s="14">
        <v>3</v>
      </c>
      <c r="D104" s="18">
        <v>6</v>
      </c>
    </row>
    <row r="105" spans="1:4" ht="18" customHeight="1" x14ac:dyDescent="0.15">
      <c r="A105" s="5">
        <v>82</v>
      </c>
      <c r="B105" s="22">
        <v>1</v>
      </c>
      <c r="C105" s="14">
        <v>3</v>
      </c>
      <c r="D105" s="18">
        <v>4</v>
      </c>
    </row>
    <row r="106" spans="1:4" ht="18" customHeight="1" x14ac:dyDescent="0.15">
      <c r="A106" s="5">
        <v>83</v>
      </c>
      <c r="B106" s="22">
        <v>3</v>
      </c>
      <c r="C106" s="14">
        <v>2</v>
      </c>
      <c r="D106" s="18">
        <v>5</v>
      </c>
    </row>
    <row r="107" spans="1:4" ht="18" customHeight="1" x14ac:dyDescent="0.15">
      <c r="A107" s="5">
        <v>84</v>
      </c>
      <c r="B107" s="22">
        <v>2</v>
      </c>
      <c r="C107" s="14">
        <v>2</v>
      </c>
      <c r="D107" s="18">
        <v>4</v>
      </c>
    </row>
    <row r="108" spans="1:4" ht="18" customHeight="1" x14ac:dyDescent="0.15">
      <c r="A108" s="5" t="s">
        <v>35</v>
      </c>
      <c r="B108" s="22">
        <v>11</v>
      </c>
      <c r="C108" s="14">
        <v>11</v>
      </c>
      <c r="D108" s="18">
        <v>22</v>
      </c>
    </row>
    <row r="109" spans="1:4" ht="18" customHeight="1" x14ac:dyDescent="0.15">
      <c r="A109" s="5">
        <v>85</v>
      </c>
      <c r="B109" s="22">
        <v>1</v>
      </c>
      <c r="C109" s="14">
        <v>2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4</v>
      </c>
      <c r="D110" s="18">
        <v>5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4</v>
      </c>
      <c r="C112" s="14">
        <v>3</v>
      </c>
      <c r="D112" s="18">
        <v>7</v>
      </c>
    </row>
    <row r="113" spans="1:4" ht="18" customHeight="1" x14ac:dyDescent="0.15">
      <c r="A113" s="5">
        <v>89</v>
      </c>
      <c r="B113" s="22">
        <v>0</v>
      </c>
      <c r="C113" s="14">
        <v>0</v>
      </c>
      <c r="D113" s="18">
        <v>0</v>
      </c>
    </row>
    <row r="114" spans="1:4" ht="18" customHeight="1" x14ac:dyDescent="0.15">
      <c r="A114" s="5" t="s">
        <v>37</v>
      </c>
      <c r="B114" s="22">
        <v>6</v>
      </c>
      <c r="C114" s="14">
        <v>10</v>
      </c>
      <c r="D114" s="18">
        <v>16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</v>
      </c>
      <c r="C120" s="14">
        <v>11</v>
      </c>
      <c r="D120" s="18">
        <v>12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2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56</v>
      </c>
      <c r="C130" s="14">
        <v>70</v>
      </c>
      <c r="D130" s="18">
        <v>126</v>
      </c>
    </row>
    <row r="131" spans="1:4" ht="18" customHeight="1" x14ac:dyDescent="0.15">
      <c r="A131" s="7" t="s">
        <v>45</v>
      </c>
      <c r="B131" s="23">
        <v>101</v>
      </c>
      <c r="C131" s="15">
        <v>115</v>
      </c>
      <c r="D131" s="19">
        <v>2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57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6</v>
      </c>
      <c r="D5" s="17">
        <v>17</v>
      </c>
    </row>
    <row r="6" spans="1:4" ht="18" customHeight="1" x14ac:dyDescent="0.15">
      <c r="A6" s="5">
        <v>1</v>
      </c>
      <c r="B6" s="22">
        <v>6</v>
      </c>
      <c r="C6" s="14">
        <v>5</v>
      </c>
      <c r="D6" s="18">
        <v>11</v>
      </c>
    </row>
    <row r="7" spans="1:4" ht="18" customHeight="1" x14ac:dyDescent="0.15">
      <c r="A7" s="5">
        <v>2</v>
      </c>
      <c r="B7" s="22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22">
        <v>6</v>
      </c>
      <c r="C8" s="14">
        <v>9</v>
      </c>
      <c r="D8" s="18">
        <v>15</v>
      </c>
    </row>
    <row r="9" spans="1:4" ht="18" customHeight="1" x14ac:dyDescent="0.15">
      <c r="A9" s="5">
        <v>4</v>
      </c>
      <c r="B9" s="22">
        <v>5</v>
      </c>
      <c r="C9" s="14">
        <v>8</v>
      </c>
      <c r="D9" s="18">
        <v>13</v>
      </c>
    </row>
    <row r="10" spans="1:4" ht="18" customHeight="1" x14ac:dyDescent="0.15">
      <c r="A10" s="5" t="s">
        <v>7</v>
      </c>
      <c r="B10" s="22">
        <v>36</v>
      </c>
      <c r="C10" s="14">
        <v>35</v>
      </c>
      <c r="D10" s="18">
        <v>71</v>
      </c>
    </row>
    <row r="11" spans="1:4" ht="18" customHeight="1" x14ac:dyDescent="0.15">
      <c r="A11" s="5">
        <v>5</v>
      </c>
      <c r="B11" s="22">
        <v>10</v>
      </c>
      <c r="C11" s="14">
        <v>6</v>
      </c>
      <c r="D11" s="18">
        <v>16</v>
      </c>
    </row>
    <row r="12" spans="1:4" ht="18" customHeight="1" x14ac:dyDescent="0.15">
      <c r="A12" s="5">
        <v>6</v>
      </c>
      <c r="B12" s="22">
        <v>8</v>
      </c>
      <c r="C12" s="14">
        <v>6</v>
      </c>
      <c r="D12" s="18">
        <v>14</v>
      </c>
    </row>
    <row r="13" spans="1:4" ht="18" customHeight="1" x14ac:dyDescent="0.15">
      <c r="A13" s="5">
        <v>7</v>
      </c>
      <c r="B13" s="22">
        <v>13</v>
      </c>
      <c r="C13" s="14">
        <v>6</v>
      </c>
      <c r="D13" s="18">
        <v>19</v>
      </c>
    </row>
    <row r="14" spans="1:4" ht="18" customHeight="1" x14ac:dyDescent="0.15">
      <c r="A14" s="5">
        <v>8</v>
      </c>
      <c r="B14" s="22">
        <v>6</v>
      </c>
      <c r="C14" s="14">
        <v>7</v>
      </c>
      <c r="D14" s="18">
        <v>13</v>
      </c>
    </row>
    <row r="15" spans="1:4" ht="18" customHeight="1" x14ac:dyDescent="0.15">
      <c r="A15" s="5">
        <v>9</v>
      </c>
      <c r="B15" s="22">
        <v>14</v>
      </c>
      <c r="C15" s="14">
        <v>12</v>
      </c>
      <c r="D15" s="18">
        <v>26</v>
      </c>
    </row>
    <row r="16" spans="1:4" ht="18" customHeight="1" x14ac:dyDescent="0.15">
      <c r="A16" s="5" t="s">
        <v>11</v>
      </c>
      <c r="B16" s="22">
        <v>51</v>
      </c>
      <c r="C16" s="14">
        <v>37</v>
      </c>
      <c r="D16" s="18">
        <v>88</v>
      </c>
    </row>
    <row r="17" spans="1:4" ht="18" customHeight="1" x14ac:dyDescent="0.15">
      <c r="A17" s="5">
        <v>10</v>
      </c>
      <c r="B17" s="22">
        <v>7</v>
      </c>
      <c r="C17" s="14">
        <v>9</v>
      </c>
      <c r="D17" s="18">
        <v>16</v>
      </c>
    </row>
    <row r="18" spans="1:4" ht="18" customHeight="1" x14ac:dyDescent="0.15">
      <c r="A18" s="5">
        <v>11</v>
      </c>
      <c r="B18" s="22">
        <v>8</v>
      </c>
      <c r="C18" s="14">
        <v>9</v>
      </c>
      <c r="D18" s="18">
        <v>17</v>
      </c>
    </row>
    <row r="19" spans="1:4" ht="18" customHeight="1" x14ac:dyDescent="0.15">
      <c r="A19" s="5">
        <v>12</v>
      </c>
      <c r="B19" s="22">
        <v>4</v>
      </c>
      <c r="C19" s="14">
        <v>15</v>
      </c>
      <c r="D19" s="18">
        <v>19</v>
      </c>
    </row>
    <row r="20" spans="1:4" ht="18" customHeight="1" x14ac:dyDescent="0.15">
      <c r="A20" s="5">
        <v>13</v>
      </c>
      <c r="B20" s="22">
        <v>7</v>
      </c>
      <c r="C20" s="14">
        <v>5</v>
      </c>
      <c r="D20" s="18">
        <v>12</v>
      </c>
    </row>
    <row r="21" spans="1:4" ht="18" customHeight="1" x14ac:dyDescent="0.15">
      <c r="A21" s="5">
        <v>14</v>
      </c>
      <c r="B21" s="22">
        <v>8</v>
      </c>
      <c r="C21" s="14">
        <v>5</v>
      </c>
      <c r="D21" s="18">
        <v>13</v>
      </c>
    </row>
    <row r="22" spans="1:4" ht="18" customHeight="1" x14ac:dyDescent="0.15">
      <c r="A22" s="5" t="s">
        <v>12</v>
      </c>
      <c r="B22" s="22">
        <v>34</v>
      </c>
      <c r="C22" s="14">
        <v>43</v>
      </c>
      <c r="D22" s="18">
        <v>77</v>
      </c>
    </row>
    <row r="23" spans="1:4" ht="18" customHeight="1" x14ac:dyDescent="0.15">
      <c r="A23" s="5" t="s">
        <v>6</v>
      </c>
      <c r="B23" s="22">
        <v>121</v>
      </c>
      <c r="C23" s="14">
        <v>115</v>
      </c>
      <c r="D23" s="18">
        <v>236</v>
      </c>
    </row>
    <row r="24" spans="1:4" ht="18" customHeight="1" x14ac:dyDescent="0.15">
      <c r="A24" s="5">
        <v>15</v>
      </c>
      <c r="B24" s="22">
        <v>11</v>
      </c>
      <c r="C24" s="14">
        <v>10</v>
      </c>
      <c r="D24" s="18">
        <v>21</v>
      </c>
    </row>
    <row r="25" spans="1:4" ht="18" customHeight="1" x14ac:dyDescent="0.15">
      <c r="A25" s="5">
        <v>16</v>
      </c>
      <c r="B25" s="22">
        <v>10</v>
      </c>
      <c r="C25" s="14">
        <v>12</v>
      </c>
      <c r="D25" s="18">
        <v>22</v>
      </c>
    </row>
    <row r="26" spans="1:4" ht="18" customHeight="1" x14ac:dyDescent="0.15">
      <c r="A26" s="5">
        <v>17</v>
      </c>
      <c r="B26" s="22">
        <v>11</v>
      </c>
      <c r="C26" s="14">
        <v>5</v>
      </c>
      <c r="D26" s="18">
        <v>16</v>
      </c>
    </row>
    <row r="27" spans="1:4" ht="18" customHeight="1" x14ac:dyDescent="0.15">
      <c r="A27" s="5">
        <v>18</v>
      </c>
      <c r="B27" s="22">
        <v>10</v>
      </c>
      <c r="C27" s="14">
        <v>10</v>
      </c>
      <c r="D27" s="18">
        <v>20</v>
      </c>
    </row>
    <row r="28" spans="1:4" ht="18" customHeight="1" x14ac:dyDescent="0.15">
      <c r="A28" s="5">
        <v>19</v>
      </c>
      <c r="B28" s="22">
        <v>7</v>
      </c>
      <c r="C28" s="14">
        <v>6</v>
      </c>
      <c r="D28" s="18">
        <v>13</v>
      </c>
    </row>
    <row r="29" spans="1:4" ht="18" customHeight="1" x14ac:dyDescent="0.15">
      <c r="A29" s="5" t="s">
        <v>14</v>
      </c>
      <c r="B29" s="22">
        <v>49</v>
      </c>
      <c r="C29" s="14">
        <v>43</v>
      </c>
      <c r="D29" s="18">
        <v>92</v>
      </c>
    </row>
    <row r="30" spans="1:4" ht="18" customHeight="1" x14ac:dyDescent="0.15">
      <c r="A30" s="5">
        <v>20</v>
      </c>
      <c r="B30" s="22">
        <v>8</v>
      </c>
      <c r="C30" s="14">
        <v>10</v>
      </c>
      <c r="D30" s="18">
        <v>18</v>
      </c>
    </row>
    <row r="31" spans="1:4" ht="18" customHeight="1" x14ac:dyDescent="0.15">
      <c r="A31" s="5">
        <v>21</v>
      </c>
      <c r="B31" s="22">
        <v>6</v>
      </c>
      <c r="C31" s="14">
        <v>10</v>
      </c>
      <c r="D31" s="18">
        <v>16</v>
      </c>
    </row>
    <row r="32" spans="1:4" ht="18" customHeight="1" x14ac:dyDescent="0.15">
      <c r="A32" s="5">
        <v>22</v>
      </c>
      <c r="B32" s="22">
        <v>6</v>
      </c>
      <c r="C32" s="14">
        <v>13</v>
      </c>
      <c r="D32" s="18">
        <v>19</v>
      </c>
    </row>
    <row r="33" spans="1:4" ht="18" customHeight="1" x14ac:dyDescent="0.15">
      <c r="A33" s="5">
        <v>23</v>
      </c>
      <c r="B33" s="22">
        <v>12</v>
      </c>
      <c r="C33" s="14">
        <v>6</v>
      </c>
      <c r="D33" s="18">
        <v>18</v>
      </c>
    </row>
    <row r="34" spans="1:4" ht="18" customHeight="1" x14ac:dyDescent="0.15">
      <c r="A34" s="5">
        <v>24</v>
      </c>
      <c r="B34" s="22">
        <v>11</v>
      </c>
      <c r="C34" s="14">
        <v>3</v>
      </c>
      <c r="D34" s="18">
        <v>14</v>
      </c>
    </row>
    <row r="35" spans="1:4" ht="18" customHeight="1" x14ac:dyDescent="0.15">
      <c r="A35" s="5" t="s">
        <v>9</v>
      </c>
      <c r="B35" s="22">
        <v>43</v>
      </c>
      <c r="C35" s="14">
        <v>42</v>
      </c>
      <c r="D35" s="18">
        <v>85</v>
      </c>
    </row>
    <row r="36" spans="1:4" ht="18" customHeight="1" x14ac:dyDescent="0.15">
      <c r="A36" s="5">
        <v>25</v>
      </c>
      <c r="B36" s="22">
        <v>17</v>
      </c>
      <c r="C36" s="14">
        <v>8</v>
      </c>
      <c r="D36" s="18">
        <v>25</v>
      </c>
    </row>
    <row r="37" spans="1:4" ht="18" customHeight="1" x14ac:dyDescent="0.15">
      <c r="A37" s="5">
        <v>26</v>
      </c>
      <c r="B37" s="22">
        <v>10</v>
      </c>
      <c r="C37" s="14">
        <v>11</v>
      </c>
      <c r="D37" s="18">
        <v>21</v>
      </c>
    </row>
    <row r="38" spans="1:4" ht="18" customHeight="1" x14ac:dyDescent="0.15">
      <c r="A38" s="5">
        <v>27</v>
      </c>
      <c r="B38" s="22">
        <v>6</v>
      </c>
      <c r="C38" s="14">
        <v>6</v>
      </c>
      <c r="D38" s="18">
        <v>12</v>
      </c>
    </row>
    <row r="39" spans="1:4" ht="18" customHeight="1" x14ac:dyDescent="0.15">
      <c r="A39" s="5">
        <v>28</v>
      </c>
      <c r="B39" s="22">
        <v>9</v>
      </c>
      <c r="C39" s="14">
        <v>7</v>
      </c>
      <c r="D39" s="18">
        <v>16</v>
      </c>
    </row>
    <row r="40" spans="1:4" ht="18" customHeight="1" x14ac:dyDescent="0.15">
      <c r="A40" s="5">
        <v>29</v>
      </c>
      <c r="B40" s="22">
        <v>6</v>
      </c>
      <c r="C40" s="14">
        <v>9</v>
      </c>
      <c r="D40" s="18">
        <v>15</v>
      </c>
    </row>
    <row r="41" spans="1:4" ht="18" customHeight="1" x14ac:dyDescent="0.15">
      <c r="A41" s="5" t="s">
        <v>2</v>
      </c>
      <c r="B41" s="22">
        <v>48</v>
      </c>
      <c r="C41" s="14">
        <v>41</v>
      </c>
      <c r="D41" s="18">
        <v>89</v>
      </c>
    </row>
    <row r="42" spans="1:4" ht="18" customHeight="1" x14ac:dyDescent="0.15">
      <c r="A42" s="5">
        <v>30</v>
      </c>
      <c r="B42" s="22">
        <v>11</v>
      </c>
      <c r="C42" s="14">
        <v>9</v>
      </c>
      <c r="D42" s="18">
        <v>20</v>
      </c>
    </row>
    <row r="43" spans="1:4" ht="18" customHeight="1" x14ac:dyDescent="0.15">
      <c r="A43" s="5">
        <v>31</v>
      </c>
      <c r="B43" s="22">
        <v>11</v>
      </c>
      <c r="C43" s="14">
        <v>5</v>
      </c>
      <c r="D43" s="18">
        <v>16</v>
      </c>
    </row>
    <row r="44" spans="1:4" ht="18" customHeight="1" x14ac:dyDescent="0.15">
      <c r="A44" s="5">
        <v>32</v>
      </c>
      <c r="B44" s="22">
        <v>9</v>
      </c>
      <c r="C44" s="14">
        <v>8</v>
      </c>
      <c r="D44" s="18">
        <v>17</v>
      </c>
    </row>
    <row r="45" spans="1:4" ht="18" customHeight="1" x14ac:dyDescent="0.15">
      <c r="A45" s="5">
        <v>33</v>
      </c>
      <c r="B45" s="22">
        <v>13</v>
      </c>
      <c r="C45" s="14">
        <v>15</v>
      </c>
      <c r="D45" s="18">
        <v>28</v>
      </c>
    </row>
    <row r="46" spans="1:4" ht="18" customHeight="1" x14ac:dyDescent="0.15">
      <c r="A46" s="5">
        <v>34</v>
      </c>
      <c r="B46" s="22">
        <v>7</v>
      </c>
      <c r="C46" s="14">
        <v>14</v>
      </c>
      <c r="D46" s="18">
        <v>21</v>
      </c>
    </row>
    <row r="47" spans="1:4" ht="18" customHeight="1" x14ac:dyDescent="0.15">
      <c r="A47" s="5" t="s">
        <v>15</v>
      </c>
      <c r="B47" s="22">
        <v>51</v>
      </c>
      <c r="C47" s="14">
        <v>51</v>
      </c>
      <c r="D47" s="18">
        <v>102</v>
      </c>
    </row>
    <row r="48" spans="1:4" ht="18" customHeight="1" x14ac:dyDescent="0.15">
      <c r="A48" s="5">
        <v>35</v>
      </c>
      <c r="B48" s="22">
        <v>11</v>
      </c>
      <c r="C48" s="14">
        <v>6</v>
      </c>
      <c r="D48" s="18">
        <v>17</v>
      </c>
    </row>
    <row r="49" spans="1:4" ht="18" customHeight="1" x14ac:dyDescent="0.15">
      <c r="A49" s="5">
        <v>36</v>
      </c>
      <c r="B49" s="22">
        <v>14</v>
      </c>
      <c r="C49" s="14">
        <v>8</v>
      </c>
      <c r="D49" s="18">
        <v>22</v>
      </c>
    </row>
    <row r="50" spans="1:4" ht="18" customHeight="1" x14ac:dyDescent="0.15">
      <c r="A50" s="5">
        <v>37</v>
      </c>
      <c r="B50" s="22">
        <v>10</v>
      </c>
      <c r="C50" s="14">
        <v>9</v>
      </c>
      <c r="D50" s="18">
        <v>19</v>
      </c>
    </row>
    <row r="51" spans="1:4" ht="18" customHeight="1" x14ac:dyDescent="0.15">
      <c r="A51" s="5">
        <v>38</v>
      </c>
      <c r="B51" s="22">
        <v>10</v>
      </c>
      <c r="C51" s="14">
        <v>20</v>
      </c>
      <c r="D51" s="18">
        <v>30</v>
      </c>
    </row>
    <row r="52" spans="1:4" ht="18" customHeight="1" x14ac:dyDescent="0.15">
      <c r="A52" s="5">
        <v>39</v>
      </c>
      <c r="B52" s="22">
        <v>25</v>
      </c>
      <c r="C52" s="14">
        <v>15</v>
      </c>
      <c r="D52" s="18">
        <v>40</v>
      </c>
    </row>
    <row r="53" spans="1:4" ht="18" customHeight="1" x14ac:dyDescent="0.15">
      <c r="A53" s="5" t="s">
        <v>18</v>
      </c>
      <c r="B53" s="22">
        <v>70</v>
      </c>
      <c r="C53" s="14">
        <v>58</v>
      </c>
      <c r="D53" s="18">
        <v>128</v>
      </c>
    </row>
    <row r="54" spans="1:4" ht="18" customHeight="1" x14ac:dyDescent="0.15">
      <c r="A54" s="5">
        <v>40</v>
      </c>
      <c r="B54" s="22">
        <v>14</v>
      </c>
      <c r="C54" s="14">
        <v>18</v>
      </c>
      <c r="D54" s="18">
        <v>32</v>
      </c>
    </row>
    <row r="55" spans="1:4" ht="18" customHeight="1" x14ac:dyDescent="0.15">
      <c r="A55" s="5">
        <v>41</v>
      </c>
      <c r="B55" s="22">
        <v>11</v>
      </c>
      <c r="C55" s="14">
        <v>13</v>
      </c>
      <c r="D55" s="18">
        <v>24</v>
      </c>
    </row>
    <row r="56" spans="1:4" ht="18" customHeight="1" x14ac:dyDescent="0.15">
      <c r="A56" s="5">
        <v>42</v>
      </c>
      <c r="B56" s="22">
        <v>10</v>
      </c>
      <c r="C56" s="14">
        <v>18</v>
      </c>
      <c r="D56" s="18">
        <v>28</v>
      </c>
    </row>
    <row r="57" spans="1:4" ht="18" customHeight="1" x14ac:dyDescent="0.15">
      <c r="A57" s="5">
        <v>43</v>
      </c>
      <c r="B57" s="22">
        <v>14</v>
      </c>
      <c r="C57" s="14">
        <v>21</v>
      </c>
      <c r="D57" s="18">
        <v>35</v>
      </c>
    </row>
    <row r="58" spans="1:4" ht="18" customHeight="1" x14ac:dyDescent="0.15">
      <c r="A58" s="5">
        <v>44</v>
      </c>
      <c r="B58" s="22">
        <v>18</v>
      </c>
      <c r="C58" s="14">
        <v>14</v>
      </c>
      <c r="D58" s="18">
        <v>32</v>
      </c>
    </row>
    <row r="59" spans="1:4" ht="18" customHeight="1" x14ac:dyDescent="0.15">
      <c r="A59" s="5" t="s">
        <v>21</v>
      </c>
      <c r="B59" s="22">
        <v>67</v>
      </c>
      <c r="C59" s="14">
        <v>84</v>
      </c>
      <c r="D59" s="18">
        <v>151</v>
      </c>
    </row>
    <row r="60" spans="1:4" ht="18" customHeight="1" x14ac:dyDescent="0.15">
      <c r="A60" s="5">
        <v>45</v>
      </c>
      <c r="B60" s="22">
        <v>11</v>
      </c>
      <c r="C60" s="14">
        <v>14</v>
      </c>
      <c r="D60" s="18">
        <v>25</v>
      </c>
    </row>
    <row r="61" spans="1:4" ht="18" customHeight="1" x14ac:dyDescent="0.15">
      <c r="A61" s="5">
        <v>46</v>
      </c>
      <c r="B61" s="22">
        <v>18</v>
      </c>
      <c r="C61" s="14">
        <v>12</v>
      </c>
      <c r="D61" s="18">
        <v>30</v>
      </c>
    </row>
    <row r="62" spans="1:4" ht="18" customHeight="1" x14ac:dyDescent="0.15">
      <c r="A62" s="5">
        <v>47</v>
      </c>
      <c r="B62" s="22">
        <v>11</v>
      </c>
      <c r="C62" s="14">
        <v>13</v>
      </c>
      <c r="D62" s="18">
        <v>24</v>
      </c>
    </row>
    <row r="63" spans="1:4" ht="18" customHeight="1" x14ac:dyDescent="0.15">
      <c r="A63" s="5">
        <v>48</v>
      </c>
      <c r="B63" s="22">
        <v>17</v>
      </c>
      <c r="C63" s="14">
        <v>12</v>
      </c>
      <c r="D63" s="18">
        <v>29</v>
      </c>
    </row>
    <row r="64" spans="1:4" ht="18" customHeight="1" x14ac:dyDescent="0.15">
      <c r="A64" s="5">
        <v>49</v>
      </c>
      <c r="B64" s="22">
        <v>16</v>
      </c>
      <c r="C64" s="14">
        <v>17</v>
      </c>
      <c r="D64" s="18">
        <v>33</v>
      </c>
    </row>
    <row r="65" spans="1:4" ht="18" customHeight="1" x14ac:dyDescent="0.15">
      <c r="A65" s="5" t="s">
        <v>17</v>
      </c>
      <c r="B65" s="22">
        <v>73</v>
      </c>
      <c r="C65" s="14">
        <v>68</v>
      </c>
      <c r="D65" s="18">
        <v>141</v>
      </c>
    </row>
    <row r="66" spans="1:4" ht="18" customHeight="1" x14ac:dyDescent="0.15">
      <c r="A66" s="5">
        <v>50</v>
      </c>
      <c r="B66" s="22">
        <v>17</v>
      </c>
      <c r="C66" s="14">
        <v>16</v>
      </c>
      <c r="D66" s="18">
        <v>33</v>
      </c>
    </row>
    <row r="67" spans="1:4" ht="18" customHeight="1" x14ac:dyDescent="0.15">
      <c r="A67" s="5">
        <v>51</v>
      </c>
      <c r="B67" s="22">
        <v>18</v>
      </c>
      <c r="C67" s="14">
        <v>24</v>
      </c>
      <c r="D67" s="18">
        <v>42</v>
      </c>
    </row>
    <row r="68" spans="1:4" ht="18" customHeight="1" x14ac:dyDescent="0.15">
      <c r="A68" s="5">
        <v>52</v>
      </c>
      <c r="B68" s="22">
        <v>31</v>
      </c>
      <c r="C68" s="14">
        <v>25</v>
      </c>
      <c r="D68" s="18">
        <v>56</v>
      </c>
    </row>
    <row r="69" spans="1:4" ht="18" customHeight="1" x14ac:dyDescent="0.15">
      <c r="A69" s="5">
        <v>53</v>
      </c>
      <c r="B69" s="22">
        <v>20</v>
      </c>
      <c r="C69" s="14">
        <v>16</v>
      </c>
      <c r="D69" s="18">
        <v>36</v>
      </c>
    </row>
    <row r="70" spans="1:4" ht="18" customHeight="1" x14ac:dyDescent="0.15">
      <c r="A70" s="5">
        <v>54</v>
      </c>
      <c r="B70" s="22">
        <v>26</v>
      </c>
      <c r="C70" s="14">
        <v>20</v>
      </c>
      <c r="D70" s="18">
        <v>46</v>
      </c>
    </row>
    <row r="71" spans="1:4" ht="18" customHeight="1" x14ac:dyDescent="0.15">
      <c r="A71" s="5" t="s">
        <v>22</v>
      </c>
      <c r="B71" s="22">
        <v>112</v>
      </c>
      <c r="C71" s="14">
        <v>101</v>
      </c>
      <c r="D71" s="18">
        <v>213</v>
      </c>
    </row>
    <row r="72" spans="1:4" ht="18" customHeight="1" x14ac:dyDescent="0.15">
      <c r="A72" s="5">
        <v>55</v>
      </c>
      <c r="B72" s="22">
        <v>27</v>
      </c>
      <c r="C72" s="14">
        <v>21</v>
      </c>
      <c r="D72" s="18">
        <v>48</v>
      </c>
    </row>
    <row r="73" spans="1:4" ht="18" customHeight="1" x14ac:dyDescent="0.15">
      <c r="A73" s="5">
        <v>56</v>
      </c>
      <c r="B73" s="22">
        <v>18</v>
      </c>
      <c r="C73" s="14">
        <v>22</v>
      </c>
      <c r="D73" s="18">
        <v>40</v>
      </c>
    </row>
    <row r="74" spans="1:4" ht="18" customHeight="1" x14ac:dyDescent="0.15">
      <c r="A74" s="5">
        <v>57</v>
      </c>
      <c r="B74" s="22">
        <v>23</v>
      </c>
      <c r="C74" s="14">
        <v>14</v>
      </c>
      <c r="D74" s="18">
        <v>37</v>
      </c>
    </row>
    <row r="75" spans="1:4" ht="18" customHeight="1" x14ac:dyDescent="0.15">
      <c r="A75" s="5">
        <v>58</v>
      </c>
      <c r="B75" s="22">
        <v>24</v>
      </c>
      <c r="C75" s="14">
        <v>16</v>
      </c>
      <c r="D75" s="18">
        <v>40</v>
      </c>
    </row>
    <row r="76" spans="1:4" ht="18" customHeight="1" x14ac:dyDescent="0.15">
      <c r="A76" s="5">
        <v>59</v>
      </c>
      <c r="B76" s="22">
        <v>12</v>
      </c>
      <c r="C76" s="14">
        <v>15</v>
      </c>
      <c r="D76" s="18">
        <v>27</v>
      </c>
    </row>
    <row r="77" spans="1:4" ht="18" customHeight="1" x14ac:dyDescent="0.15">
      <c r="A77" s="5" t="s">
        <v>27</v>
      </c>
      <c r="B77" s="22">
        <v>104</v>
      </c>
      <c r="C77" s="14">
        <v>88</v>
      </c>
      <c r="D77" s="18">
        <v>192</v>
      </c>
    </row>
    <row r="78" spans="1:4" ht="18" customHeight="1" x14ac:dyDescent="0.15">
      <c r="A78" s="5">
        <v>60</v>
      </c>
      <c r="B78" s="22">
        <v>22</v>
      </c>
      <c r="C78" s="14">
        <v>26</v>
      </c>
      <c r="D78" s="18">
        <v>48</v>
      </c>
    </row>
    <row r="79" spans="1:4" ht="18" customHeight="1" x14ac:dyDescent="0.15">
      <c r="A79" s="5">
        <v>61</v>
      </c>
      <c r="B79" s="22">
        <v>12</v>
      </c>
      <c r="C79" s="14">
        <v>23</v>
      </c>
      <c r="D79" s="18">
        <v>35</v>
      </c>
    </row>
    <row r="80" spans="1:4" ht="18" customHeight="1" x14ac:dyDescent="0.15">
      <c r="A80" s="5">
        <v>62</v>
      </c>
      <c r="B80" s="22">
        <v>17</v>
      </c>
      <c r="C80" s="14">
        <v>11</v>
      </c>
      <c r="D80" s="18">
        <v>28</v>
      </c>
    </row>
    <row r="81" spans="1:4" ht="18" customHeight="1" x14ac:dyDescent="0.15">
      <c r="A81" s="5">
        <v>63</v>
      </c>
      <c r="B81" s="22">
        <v>22</v>
      </c>
      <c r="C81" s="14">
        <v>13</v>
      </c>
      <c r="D81" s="18">
        <v>35</v>
      </c>
    </row>
    <row r="82" spans="1:4" ht="18" customHeight="1" x14ac:dyDescent="0.15">
      <c r="A82" s="5">
        <v>64</v>
      </c>
      <c r="B82" s="22">
        <v>17</v>
      </c>
      <c r="C82" s="14">
        <v>16</v>
      </c>
      <c r="D82" s="18">
        <v>33</v>
      </c>
    </row>
    <row r="83" spans="1:4" ht="18" customHeight="1" x14ac:dyDescent="0.15">
      <c r="A83" s="5" t="s">
        <v>28</v>
      </c>
      <c r="B83" s="22">
        <v>90</v>
      </c>
      <c r="C83" s="14">
        <v>89</v>
      </c>
      <c r="D83" s="18">
        <v>179</v>
      </c>
    </row>
    <row r="84" spans="1:4" ht="18" customHeight="1" x14ac:dyDescent="0.15">
      <c r="A84" s="5" t="s">
        <v>31</v>
      </c>
      <c r="B84" s="22">
        <v>707</v>
      </c>
      <c r="C84" s="14">
        <v>665</v>
      </c>
      <c r="D84" s="18">
        <v>1372</v>
      </c>
    </row>
    <row r="85" spans="1:4" ht="18" customHeight="1" x14ac:dyDescent="0.15">
      <c r="A85" s="5">
        <v>65</v>
      </c>
      <c r="B85" s="22">
        <v>18</v>
      </c>
      <c r="C85" s="14">
        <v>17</v>
      </c>
      <c r="D85" s="18">
        <v>35</v>
      </c>
    </row>
    <row r="86" spans="1:4" ht="18" customHeight="1" x14ac:dyDescent="0.15">
      <c r="A86" s="5">
        <v>66</v>
      </c>
      <c r="B86" s="22">
        <v>18</v>
      </c>
      <c r="C86" s="14">
        <v>18</v>
      </c>
      <c r="D86" s="18">
        <v>36</v>
      </c>
    </row>
    <row r="87" spans="1:4" ht="18" customHeight="1" x14ac:dyDescent="0.15">
      <c r="A87" s="5">
        <v>67</v>
      </c>
      <c r="B87" s="22">
        <v>10</v>
      </c>
      <c r="C87" s="14">
        <v>25</v>
      </c>
      <c r="D87" s="18">
        <v>35</v>
      </c>
    </row>
    <row r="88" spans="1:4" ht="18" customHeight="1" x14ac:dyDescent="0.15">
      <c r="A88" s="5">
        <v>68</v>
      </c>
      <c r="B88" s="22">
        <v>15</v>
      </c>
      <c r="C88" s="14">
        <v>16</v>
      </c>
      <c r="D88" s="18">
        <v>31</v>
      </c>
    </row>
    <row r="89" spans="1:4" ht="18" customHeight="1" x14ac:dyDescent="0.15">
      <c r="A89" s="5">
        <v>69</v>
      </c>
      <c r="B89" s="22">
        <v>17</v>
      </c>
      <c r="C89" s="14">
        <v>13</v>
      </c>
      <c r="D89" s="18">
        <v>30</v>
      </c>
    </row>
    <row r="90" spans="1:4" ht="18" customHeight="1" x14ac:dyDescent="0.15">
      <c r="A90" s="5" t="s">
        <v>20</v>
      </c>
      <c r="B90" s="22">
        <v>78</v>
      </c>
      <c r="C90" s="14">
        <v>89</v>
      </c>
      <c r="D90" s="18">
        <v>167</v>
      </c>
    </row>
    <row r="91" spans="1:4" ht="18" customHeight="1" x14ac:dyDescent="0.15">
      <c r="A91" s="5">
        <v>70</v>
      </c>
      <c r="B91" s="22">
        <v>19</v>
      </c>
      <c r="C91" s="14">
        <v>21</v>
      </c>
      <c r="D91" s="18">
        <v>40</v>
      </c>
    </row>
    <row r="92" spans="1:4" ht="18" customHeight="1" x14ac:dyDescent="0.15">
      <c r="A92" s="5">
        <v>71</v>
      </c>
      <c r="B92" s="22">
        <v>18</v>
      </c>
      <c r="C92" s="14">
        <v>16</v>
      </c>
      <c r="D92" s="18">
        <v>34</v>
      </c>
    </row>
    <row r="93" spans="1:4" ht="18" customHeight="1" x14ac:dyDescent="0.15">
      <c r="A93" s="5">
        <v>72</v>
      </c>
      <c r="B93" s="22">
        <v>11</v>
      </c>
      <c r="C93" s="14">
        <v>20</v>
      </c>
      <c r="D93" s="18">
        <v>31</v>
      </c>
    </row>
    <row r="94" spans="1:4" ht="18" customHeight="1" x14ac:dyDescent="0.15">
      <c r="A94" s="5">
        <v>73</v>
      </c>
      <c r="B94" s="22">
        <v>17</v>
      </c>
      <c r="C94" s="14">
        <v>16</v>
      </c>
      <c r="D94" s="18">
        <v>33</v>
      </c>
    </row>
    <row r="95" spans="1:4" ht="18" customHeight="1" x14ac:dyDescent="0.15">
      <c r="A95" s="5">
        <v>74</v>
      </c>
      <c r="B95" s="22">
        <v>17</v>
      </c>
      <c r="C95" s="14">
        <v>15</v>
      </c>
      <c r="D95" s="18">
        <v>32</v>
      </c>
    </row>
    <row r="96" spans="1:4" ht="18" customHeight="1" x14ac:dyDescent="0.15">
      <c r="A96" s="5" t="s">
        <v>33</v>
      </c>
      <c r="B96" s="22">
        <v>82</v>
      </c>
      <c r="C96" s="14">
        <v>88</v>
      </c>
      <c r="D96" s="18">
        <v>170</v>
      </c>
    </row>
    <row r="97" spans="1:4" ht="18" customHeight="1" x14ac:dyDescent="0.15">
      <c r="A97" s="5">
        <v>75</v>
      </c>
      <c r="B97" s="22">
        <v>18</v>
      </c>
      <c r="C97" s="14">
        <v>21</v>
      </c>
      <c r="D97" s="18">
        <v>39</v>
      </c>
    </row>
    <row r="98" spans="1:4" ht="18" customHeight="1" x14ac:dyDescent="0.15">
      <c r="A98" s="5">
        <v>76</v>
      </c>
      <c r="B98" s="22">
        <v>19</v>
      </c>
      <c r="C98" s="14">
        <v>24</v>
      </c>
      <c r="D98" s="18">
        <v>43</v>
      </c>
    </row>
    <row r="99" spans="1:4" ht="18" customHeight="1" x14ac:dyDescent="0.15">
      <c r="A99" s="5">
        <v>77</v>
      </c>
      <c r="B99" s="22">
        <v>19</v>
      </c>
      <c r="C99" s="14">
        <v>27</v>
      </c>
      <c r="D99" s="18">
        <v>46</v>
      </c>
    </row>
    <row r="100" spans="1:4" ht="18" customHeight="1" x14ac:dyDescent="0.15">
      <c r="A100" s="5">
        <v>78</v>
      </c>
      <c r="B100" s="22">
        <v>25</v>
      </c>
      <c r="C100" s="14">
        <v>31</v>
      </c>
      <c r="D100" s="18">
        <v>56</v>
      </c>
    </row>
    <row r="101" spans="1:4" ht="18" customHeight="1" x14ac:dyDescent="0.15">
      <c r="A101" s="5">
        <v>79</v>
      </c>
      <c r="B101" s="22">
        <v>13</v>
      </c>
      <c r="C101" s="14">
        <v>23</v>
      </c>
      <c r="D101" s="18">
        <v>36</v>
      </c>
    </row>
    <row r="102" spans="1:4" ht="18" customHeight="1" x14ac:dyDescent="0.15">
      <c r="A102" s="5" t="s">
        <v>0</v>
      </c>
      <c r="B102" s="22">
        <v>94</v>
      </c>
      <c r="C102" s="14">
        <v>126</v>
      </c>
      <c r="D102" s="18">
        <v>220</v>
      </c>
    </row>
    <row r="103" spans="1:4" ht="18" customHeight="1" x14ac:dyDescent="0.15">
      <c r="A103" s="5">
        <v>80</v>
      </c>
      <c r="B103" s="22">
        <v>14</v>
      </c>
      <c r="C103" s="14">
        <v>11</v>
      </c>
      <c r="D103" s="18">
        <v>25</v>
      </c>
    </row>
    <row r="104" spans="1:4" ht="18" customHeight="1" x14ac:dyDescent="0.15">
      <c r="A104" s="5">
        <v>81</v>
      </c>
      <c r="B104" s="22">
        <v>13</v>
      </c>
      <c r="C104" s="14">
        <v>25</v>
      </c>
      <c r="D104" s="18">
        <v>38</v>
      </c>
    </row>
    <row r="105" spans="1:4" ht="18" customHeight="1" x14ac:dyDescent="0.15">
      <c r="A105" s="5">
        <v>82</v>
      </c>
      <c r="B105" s="22">
        <v>14</v>
      </c>
      <c r="C105" s="14">
        <v>19</v>
      </c>
      <c r="D105" s="18">
        <v>33</v>
      </c>
    </row>
    <row r="106" spans="1:4" ht="18" customHeight="1" x14ac:dyDescent="0.15">
      <c r="A106" s="5">
        <v>83</v>
      </c>
      <c r="B106" s="22">
        <v>12</v>
      </c>
      <c r="C106" s="14">
        <v>18</v>
      </c>
      <c r="D106" s="18">
        <v>30</v>
      </c>
    </row>
    <row r="107" spans="1:4" ht="18" customHeight="1" x14ac:dyDescent="0.15">
      <c r="A107" s="5">
        <v>84</v>
      </c>
      <c r="B107" s="22">
        <v>13</v>
      </c>
      <c r="C107" s="14">
        <v>15</v>
      </c>
      <c r="D107" s="18">
        <v>28</v>
      </c>
    </row>
    <row r="108" spans="1:4" ht="18" customHeight="1" x14ac:dyDescent="0.15">
      <c r="A108" s="5" t="s">
        <v>35</v>
      </c>
      <c r="B108" s="22">
        <v>66</v>
      </c>
      <c r="C108" s="14">
        <v>88</v>
      </c>
      <c r="D108" s="18">
        <v>154</v>
      </c>
    </row>
    <row r="109" spans="1:4" ht="18" customHeight="1" x14ac:dyDescent="0.15">
      <c r="A109" s="5">
        <v>85</v>
      </c>
      <c r="B109" s="22">
        <v>12</v>
      </c>
      <c r="C109" s="14">
        <v>15</v>
      </c>
      <c r="D109" s="18">
        <v>27</v>
      </c>
    </row>
    <row r="110" spans="1:4" ht="18" customHeight="1" x14ac:dyDescent="0.15">
      <c r="A110" s="5">
        <v>86</v>
      </c>
      <c r="B110" s="22">
        <v>11</v>
      </c>
      <c r="C110" s="14">
        <v>11</v>
      </c>
      <c r="D110" s="18">
        <v>22</v>
      </c>
    </row>
    <row r="111" spans="1:4" ht="18" customHeight="1" x14ac:dyDescent="0.15">
      <c r="A111" s="5">
        <v>87</v>
      </c>
      <c r="B111" s="22">
        <v>9</v>
      </c>
      <c r="C111" s="14">
        <v>12</v>
      </c>
      <c r="D111" s="18">
        <v>21</v>
      </c>
    </row>
    <row r="112" spans="1:4" ht="18" customHeight="1" x14ac:dyDescent="0.15">
      <c r="A112" s="5">
        <v>88</v>
      </c>
      <c r="B112" s="22">
        <v>6</v>
      </c>
      <c r="C112" s="14">
        <v>15</v>
      </c>
      <c r="D112" s="18">
        <v>21</v>
      </c>
    </row>
    <row r="113" spans="1:4" ht="18" customHeight="1" x14ac:dyDescent="0.15">
      <c r="A113" s="5">
        <v>89</v>
      </c>
      <c r="B113" s="22">
        <v>9</v>
      </c>
      <c r="C113" s="14">
        <v>15</v>
      </c>
      <c r="D113" s="18">
        <v>24</v>
      </c>
    </row>
    <row r="114" spans="1:4" ht="18" customHeight="1" x14ac:dyDescent="0.15">
      <c r="A114" s="5" t="s">
        <v>37</v>
      </c>
      <c r="B114" s="22">
        <v>47</v>
      </c>
      <c r="C114" s="14">
        <v>68</v>
      </c>
      <c r="D114" s="18">
        <v>115</v>
      </c>
    </row>
    <row r="115" spans="1:4" ht="18" customHeight="1" x14ac:dyDescent="0.15">
      <c r="A115" s="5">
        <v>90</v>
      </c>
      <c r="B115" s="22">
        <v>5</v>
      </c>
      <c r="C115" s="14">
        <v>14</v>
      </c>
      <c r="D115" s="18">
        <v>19</v>
      </c>
    </row>
    <row r="116" spans="1:4" ht="18" customHeight="1" x14ac:dyDescent="0.15">
      <c r="A116" s="5">
        <v>91</v>
      </c>
      <c r="B116" s="22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22">
        <v>6</v>
      </c>
      <c r="C117" s="14">
        <v>13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12</v>
      </c>
      <c r="D118" s="18">
        <v>13</v>
      </c>
    </row>
    <row r="119" spans="1:4" ht="18" customHeight="1" x14ac:dyDescent="0.15">
      <c r="A119" s="5">
        <v>94</v>
      </c>
      <c r="B119" s="22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22">
        <v>18</v>
      </c>
      <c r="C120" s="14">
        <v>50</v>
      </c>
      <c r="D120" s="18">
        <v>68</v>
      </c>
    </row>
    <row r="121" spans="1:4" ht="18" customHeight="1" x14ac:dyDescent="0.15">
      <c r="A121" s="5">
        <v>95</v>
      </c>
      <c r="B121" s="22">
        <v>3</v>
      </c>
      <c r="C121" s="14">
        <v>6</v>
      </c>
      <c r="D121" s="18">
        <v>9</v>
      </c>
    </row>
    <row r="122" spans="1:4" ht="18" customHeight="1" x14ac:dyDescent="0.15">
      <c r="A122" s="5">
        <v>96</v>
      </c>
      <c r="B122" s="22">
        <v>3</v>
      </c>
      <c r="C122" s="14">
        <v>3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18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93</v>
      </c>
      <c r="C130" s="14">
        <v>529</v>
      </c>
      <c r="D130" s="18">
        <v>922</v>
      </c>
    </row>
    <row r="131" spans="1:4" ht="18" customHeight="1" x14ac:dyDescent="0.15">
      <c r="A131" s="7" t="s">
        <v>45</v>
      </c>
      <c r="B131" s="23">
        <v>1221</v>
      </c>
      <c r="C131" s="15">
        <v>1309</v>
      </c>
      <c r="D131" s="19">
        <v>253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33" t="s">
        <v>118</v>
      </c>
      <c r="B1" s="35"/>
      <c r="C1" s="35"/>
      <c r="D1" s="35"/>
    </row>
    <row r="2" spans="1:4" ht="14.25" customHeight="1" x14ac:dyDescent="0.15">
      <c r="A2" s="1"/>
    </row>
    <row r="3" spans="1:4" ht="20.25" customHeight="1" x14ac:dyDescent="0.15">
      <c r="A3" s="2"/>
      <c r="B3" s="34" t="s">
        <v>119</v>
      </c>
      <c r="C3" s="34"/>
      <c r="D3" s="34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3</v>
      </c>
      <c r="C6" s="14">
        <v>1</v>
      </c>
      <c r="D6" s="18">
        <v>4</v>
      </c>
    </row>
    <row r="7" spans="1:4" ht="18" customHeight="1" x14ac:dyDescent="0.15">
      <c r="A7" s="5">
        <v>2</v>
      </c>
      <c r="B7" s="27">
        <v>0</v>
      </c>
      <c r="C7" s="14">
        <v>4</v>
      </c>
      <c r="D7" s="18">
        <v>4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6</v>
      </c>
      <c r="C10" s="14">
        <v>8</v>
      </c>
      <c r="D10" s="18">
        <v>14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2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7">
        <v>2</v>
      </c>
      <c r="C14" s="14">
        <v>2</v>
      </c>
      <c r="D14" s="18">
        <v>4</v>
      </c>
    </row>
    <row r="15" spans="1:4" ht="18" customHeight="1" x14ac:dyDescent="0.15">
      <c r="A15" s="5">
        <v>9</v>
      </c>
      <c r="B15" s="27">
        <v>2</v>
      </c>
      <c r="C15" s="14">
        <v>1</v>
      </c>
      <c r="D15" s="18">
        <v>3</v>
      </c>
    </row>
    <row r="16" spans="1:4" ht="18" customHeight="1" x14ac:dyDescent="0.15">
      <c r="A16" s="5" t="s">
        <v>11</v>
      </c>
      <c r="B16" s="22">
        <v>7</v>
      </c>
      <c r="C16" s="14">
        <v>11</v>
      </c>
      <c r="D16" s="18">
        <v>18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3</v>
      </c>
      <c r="C18" s="14">
        <v>4</v>
      </c>
      <c r="D18" s="18">
        <v>7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4</v>
      </c>
      <c r="C22" s="14">
        <v>10</v>
      </c>
      <c r="D22" s="18">
        <v>24</v>
      </c>
    </row>
    <row r="23" spans="1:4" ht="18" customHeight="1" x14ac:dyDescent="0.15">
      <c r="A23" s="5" t="s">
        <v>6</v>
      </c>
      <c r="B23" s="22">
        <v>27</v>
      </c>
      <c r="C23" s="14">
        <v>29</v>
      </c>
      <c r="D23" s="18">
        <v>56</v>
      </c>
    </row>
    <row r="24" spans="1:4" ht="18" customHeight="1" x14ac:dyDescent="0.15">
      <c r="A24" s="5">
        <v>15</v>
      </c>
      <c r="B24" s="22">
        <v>10</v>
      </c>
      <c r="C24" s="14">
        <v>1</v>
      </c>
      <c r="D24" s="18">
        <v>11</v>
      </c>
    </row>
    <row r="25" spans="1:4" ht="18" customHeight="1" x14ac:dyDescent="0.15">
      <c r="A25" s="5">
        <v>16</v>
      </c>
      <c r="B25" s="22">
        <v>6</v>
      </c>
      <c r="C25" s="14">
        <v>0</v>
      </c>
      <c r="D25" s="18">
        <v>6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12</v>
      </c>
      <c r="C28" s="14">
        <v>6</v>
      </c>
      <c r="D28" s="18">
        <v>18</v>
      </c>
    </row>
    <row r="29" spans="1:4" ht="18" customHeight="1" x14ac:dyDescent="0.15">
      <c r="A29" s="5" t="s">
        <v>14</v>
      </c>
      <c r="B29" s="22">
        <v>35</v>
      </c>
      <c r="C29" s="14">
        <v>14</v>
      </c>
      <c r="D29" s="18">
        <v>49</v>
      </c>
    </row>
    <row r="30" spans="1:4" ht="18" customHeight="1" x14ac:dyDescent="0.15">
      <c r="A30" s="5">
        <v>20</v>
      </c>
      <c r="B30" s="22">
        <v>6</v>
      </c>
      <c r="C30" s="14">
        <v>2</v>
      </c>
      <c r="D30" s="18">
        <v>8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6</v>
      </c>
      <c r="C32" s="14">
        <v>9</v>
      </c>
      <c r="D32" s="18">
        <v>15</v>
      </c>
    </row>
    <row r="33" spans="1:4" ht="18" customHeight="1" x14ac:dyDescent="0.15">
      <c r="A33" s="5">
        <v>23</v>
      </c>
      <c r="B33" s="22">
        <v>2</v>
      </c>
      <c r="C33" s="14">
        <v>3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20</v>
      </c>
      <c r="C35" s="14">
        <v>21</v>
      </c>
      <c r="D35" s="18">
        <v>41</v>
      </c>
    </row>
    <row r="36" spans="1:4" ht="18" customHeight="1" x14ac:dyDescent="0.15">
      <c r="A36" s="5">
        <v>25</v>
      </c>
      <c r="B36" s="22">
        <v>3</v>
      </c>
      <c r="C36" s="14">
        <v>3</v>
      </c>
      <c r="D36" s="18">
        <v>6</v>
      </c>
    </row>
    <row r="37" spans="1:4" ht="18" customHeight="1" x14ac:dyDescent="0.15">
      <c r="A37" s="5">
        <v>26</v>
      </c>
      <c r="B37" s="22">
        <v>2</v>
      </c>
      <c r="C37" s="14">
        <v>2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1</v>
      </c>
      <c r="D38" s="18">
        <v>6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2</v>
      </c>
      <c r="D40" s="18">
        <v>5</v>
      </c>
    </row>
    <row r="41" spans="1:4" ht="18" customHeight="1" x14ac:dyDescent="0.15">
      <c r="A41" s="5" t="s">
        <v>2</v>
      </c>
      <c r="B41" s="22">
        <v>17</v>
      </c>
      <c r="C41" s="14">
        <v>10</v>
      </c>
      <c r="D41" s="18">
        <v>27</v>
      </c>
    </row>
    <row r="42" spans="1:4" ht="18" customHeight="1" x14ac:dyDescent="0.15">
      <c r="A42" s="5">
        <v>30</v>
      </c>
      <c r="B42" s="22">
        <v>5</v>
      </c>
      <c r="C42" s="14">
        <v>6</v>
      </c>
      <c r="D42" s="18">
        <v>11</v>
      </c>
    </row>
    <row r="43" spans="1:4" ht="18" customHeight="1" x14ac:dyDescent="0.15">
      <c r="A43" s="5">
        <v>31</v>
      </c>
      <c r="B43" s="22">
        <v>2</v>
      </c>
      <c r="C43" s="14">
        <v>3</v>
      </c>
      <c r="D43" s="18">
        <v>5</v>
      </c>
    </row>
    <row r="44" spans="1:4" ht="18" customHeight="1" x14ac:dyDescent="0.15">
      <c r="A44" s="5">
        <v>32</v>
      </c>
      <c r="B44" s="22">
        <v>1</v>
      </c>
      <c r="C44" s="14">
        <v>6</v>
      </c>
      <c r="D44" s="18">
        <v>7</v>
      </c>
    </row>
    <row r="45" spans="1:4" ht="18" customHeight="1" x14ac:dyDescent="0.15">
      <c r="A45" s="5">
        <v>33</v>
      </c>
      <c r="B45" s="22">
        <v>2</v>
      </c>
      <c r="C45" s="14">
        <v>3</v>
      </c>
      <c r="D45" s="18">
        <v>5</v>
      </c>
    </row>
    <row r="46" spans="1:4" ht="18" customHeight="1" x14ac:dyDescent="0.15">
      <c r="A46" s="5">
        <v>34</v>
      </c>
      <c r="B46" s="22">
        <v>9</v>
      </c>
      <c r="C46" s="14">
        <v>2</v>
      </c>
      <c r="D46" s="18">
        <v>11</v>
      </c>
    </row>
    <row r="47" spans="1:4" ht="18" customHeight="1" x14ac:dyDescent="0.15">
      <c r="A47" s="5" t="s">
        <v>15</v>
      </c>
      <c r="B47" s="22">
        <v>19</v>
      </c>
      <c r="C47" s="14">
        <v>20</v>
      </c>
      <c r="D47" s="18">
        <v>39</v>
      </c>
    </row>
    <row r="48" spans="1:4" ht="18" customHeight="1" x14ac:dyDescent="0.15">
      <c r="A48" s="5">
        <v>35</v>
      </c>
      <c r="B48" s="22">
        <v>2</v>
      </c>
      <c r="C48" s="14">
        <v>2</v>
      </c>
      <c r="D48" s="18">
        <v>4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4</v>
      </c>
      <c r="C51" s="14">
        <v>0</v>
      </c>
      <c r="D51" s="18">
        <v>4</v>
      </c>
    </row>
    <row r="52" spans="1:4" ht="18" customHeight="1" x14ac:dyDescent="0.15">
      <c r="A52" s="5">
        <v>39</v>
      </c>
      <c r="B52" s="22">
        <v>5</v>
      </c>
      <c r="C52" s="14">
        <v>4</v>
      </c>
      <c r="D52" s="18">
        <v>9</v>
      </c>
    </row>
    <row r="53" spans="1:4" ht="18" customHeight="1" x14ac:dyDescent="0.15">
      <c r="A53" s="5" t="s">
        <v>18</v>
      </c>
      <c r="B53" s="22">
        <v>16</v>
      </c>
      <c r="C53" s="14">
        <v>11</v>
      </c>
      <c r="D53" s="18">
        <v>27</v>
      </c>
    </row>
    <row r="54" spans="1:4" ht="18" customHeight="1" x14ac:dyDescent="0.15">
      <c r="A54" s="5">
        <v>40</v>
      </c>
      <c r="B54" s="22">
        <v>7</v>
      </c>
      <c r="C54" s="14">
        <v>6</v>
      </c>
      <c r="D54" s="18">
        <v>13</v>
      </c>
    </row>
    <row r="55" spans="1:4" ht="18" customHeight="1" x14ac:dyDescent="0.15">
      <c r="A55" s="5">
        <v>41</v>
      </c>
      <c r="B55" s="22">
        <v>1</v>
      </c>
      <c r="C55" s="14">
        <v>5</v>
      </c>
      <c r="D55" s="18">
        <v>6</v>
      </c>
    </row>
    <row r="56" spans="1:4" ht="18" customHeight="1" x14ac:dyDescent="0.15">
      <c r="A56" s="5">
        <v>42</v>
      </c>
      <c r="B56" s="22">
        <v>9</v>
      </c>
      <c r="C56" s="14">
        <v>1</v>
      </c>
      <c r="D56" s="18">
        <v>10</v>
      </c>
    </row>
    <row r="57" spans="1:4" ht="18" customHeight="1" x14ac:dyDescent="0.15">
      <c r="A57" s="5">
        <v>43</v>
      </c>
      <c r="B57" s="22">
        <v>5</v>
      </c>
      <c r="C57" s="14">
        <v>0</v>
      </c>
      <c r="D57" s="18">
        <v>5</v>
      </c>
    </row>
    <row r="58" spans="1:4" ht="18" customHeight="1" x14ac:dyDescent="0.15">
      <c r="A58" s="5">
        <v>44</v>
      </c>
      <c r="B58" s="22">
        <v>6</v>
      </c>
      <c r="C58" s="14">
        <v>3</v>
      </c>
      <c r="D58" s="18">
        <v>9</v>
      </c>
    </row>
    <row r="59" spans="1:4" ht="18" customHeight="1" x14ac:dyDescent="0.15">
      <c r="A59" s="5" t="s">
        <v>21</v>
      </c>
      <c r="B59" s="22">
        <v>28</v>
      </c>
      <c r="C59" s="14">
        <v>15</v>
      </c>
      <c r="D59" s="18">
        <v>43</v>
      </c>
    </row>
    <row r="60" spans="1:4" ht="18" customHeight="1" x14ac:dyDescent="0.15">
      <c r="A60" s="5">
        <v>45</v>
      </c>
      <c r="B60" s="22">
        <v>2</v>
      </c>
      <c r="C60" s="14">
        <v>7</v>
      </c>
      <c r="D60" s="18">
        <v>9</v>
      </c>
    </row>
    <row r="61" spans="1:4" ht="18" customHeight="1" x14ac:dyDescent="0.15">
      <c r="A61" s="5">
        <v>46</v>
      </c>
      <c r="B61" s="22">
        <v>8</v>
      </c>
      <c r="C61" s="14">
        <v>7</v>
      </c>
      <c r="D61" s="18">
        <v>15</v>
      </c>
    </row>
    <row r="62" spans="1:4" ht="18" customHeight="1" x14ac:dyDescent="0.15">
      <c r="A62" s="5">
        <v>47</v>
      </c>
      <c r="B62" s="22">
        <v>7</v>
      </c>
      <c r="C62" s="14">
        <v>4</v>
      </c>
      <c r="D62" s="18">
        <v>11</v>
      </c>
    </row>
    <row r="63" spans="1:4" ht="18" customHeight="1" x14ac:dyDescent="0.15">
      <c r="A63" s="5">
        <v>48</v>
      </c>
      <c r="B63" s="22">
        <v>3</v>
      </c>
      <c r="C63" s="14">
        <v>2</v>
      </c>
      <c r="D63" s="18">
        <v>5</v>
      </c>
    </row>
    <row r="64" spans="1:4" ht="18" customHeight="1" x14ac:dyDescent="0.15">
      <c r="A64" s="5">
        <v>49</v>
      </c>
      <c r="B64" s="22">
        <v>14</v>
      </c>
      <c r="C64" s="14">
        <v>5</v>
      </c>
      <c r="D64" s="18">
        <v>19</v>
      </c>
    </row>
    <row r="65" spans="1:4" ht="18" customHeight="1" x14ac:dyDescent="0.15">
      <c r="A65" s="5" t="s">
        <v>17</v>
      </c>
      <c r="B65" s="22">
        <v>34</v>
      </c>
      <c r="C65" s="14">
        <v>25</v>
      </c>
      <c r="D65" s="18">
        <v>59</v>
      </c>
    </row>
    <row r="66" spans="1:4" ht="18" customHeight="1" x14ac:dyDescent="0.15">
      <c r="A66" s="5">
        <v>50</v>
      </c>
      <c r="B66" s="22">
        <v>5</v>
      </c>
      <c r="C66" s="14">
        <v>8</v>
      </c>
      <c r="D66" s="18">
        <v>13</v>
      </c>
    </row>
    <row r="67" spans="1:4" ht="18" customHeight="1" x14ac:dyDescent="0.15">
      <c r="A67" s="5">
        <v>51</v>
      </c>
      <c r="B67" s="22">
        <v>10</v>
      </c>
      <c r="C67" s="14">
        <v>7</v>
      </c>
      <c r="D67" s="18">
        <v>17</v>
      </c>
    </row>
    <row r="68" spans="1:4" ht="18" customHeight="1" x14ac:dyDescent="0.15">
      <c r="A68" s="5">
        <v>52</v>
      </c>
      <c r="B68" s="22">
        <v>8</v>
      </c>
      <c r="C68" s="14">
        <v>9</v>
      </c>
      <c r="D68" s="18">
        <v>17</v>
      </c>
    </row>
    <row r="69" spans="1:4" ht="18" customHeight="1" x14ac:dyDescent="0.15">
      <c r="A69" s="5">
        <v>53</v>
      </c>
      <c r="B69" s="22">
        <v>9</v>
      </c>
      <c r="C69" s="14">
        <v>8</v>
      </c>
      <c r="D69" s="18">
        <v>17</v>
      </c>
    </row>
    <row r="70" spans="1:4" ht="18" customHeight="1" x14ac:dyDescent="0.15">
      <c r="A70" s="5">
        <v>54</v>
      </c>
      <c r="B70" s="22">
        <v>6</v>
      </c>
      <c r="C70" s="14">
        <v>10</v>
      </c>
      <c r="D70" s="18">
        <v>16</v>
      </c>
    </row>
    <row r="71" spans="1:4" ht="18" customHeight="1" x14ac:dyDescent="0.15">
      <c r="A71" s="5" t="s">
        <v>22</v>
      </c>
      <c r="B71" s="22">
        <v>38</v>
      </c>
      <c r="C71" s="14">
        <v>42</v>
      </c>
      <c r="D71" s="18">
        <v>80</v>
      </c>
    </row>
    <row r="72" spans="1:4" ht="18" customHeight="1" x14ac:dyDescent="0.15">
      <c r="A72" s="5">
        <v>55</v>
      </c>
      <c r="B72" s="22">
        <v>6</v>
      </c>
      <c r="C72" s="14">
        <v>10</v>
      </c>
      <c r="D72" s="18">
        <v>16</v>
      </c>
    </row>
    <row r="73" spans="1:4" ht="18" customHeight="1" x14ac:dyDescent="0.15">
      <c r="A73" s="5">
        <v>56</v>
      </c>
      <c r="B73" s="22">
        <v>9</v>
      </c>
      <c r="C73" s="14">
        <v>9</v>
      </c>
      <c r="D73" s="18">
        <v>18</v>
      </c>
    </row>
    <row r="74" spans="1:4" ht="18" customHeight="1" x14ac:dyDescent="0.15">
      <c r="A74" s="5">
        <v>57</v>
      </c>
      <c r="B74" s="22">
        <v>5</v>
      </c>
      <c r="C74" s="14">
        <v>7</v>
      </c>
      <c r="D74" s="18">
        <v>12</v>
      </c>
    </row>
    <row r="75" spans="1:4" ht="18" customHeight="1" x14ac:dyDescent="0.15">
      <c r="A75" s="5">
        <v>58</v>
      </c>
      <c r="B75" s="22">
        <v>7</v>
      </c>
      <c r="C75" s="14">
        <v>8</v>
      </c>
      <c r="D75" s="18">
        <v>15</v>
      </c>
    </row>
    <row r="76" spans="1:4" ht="18" customHeight="1" x14ac:dyDescent="0.15">
      <c r="A76" s="5">
        <v>59</v>
      </c>
      <c r="B76" s="22">
        <v>6</v>
      </c>
      <c r="C76" s="14">
        <v>8</v>
      </c>
      <c r="D76" s="18">
        <v>14</v>
      </c>
    </row>
    <row r="77" spans="1:4" ht="18" customHeight="1" x14ac:dyDescent="0.15">
      <c r="A77" s="5" t="s">
        <v>27</v>
      </c>
      <c r="B77" s="22">
        <v>33</v>
      </c>
      <c r="C77" s="14">
        <v>42</v>
      </c>
      <c r="D77" s="18">
        <v>75</v>
      </c>
    </row>
    <row r="78" spans="1:4" ht="18" customHeight="1" x14ac:dyDescent="0.15">
      <c r="A78" s="5">
        <v>60</v>
      </c>
      <c r="B78" s="22">
        <v>3</v>
      </c>
      <c r="C78" s="14">
        <v>5</v>
      </c>
      <c r="D78" s="18">
        <v>8</v>
      </c>
    </row>
    <row r="79" spans="1:4" ht="18" customHeight="1" x14ac:dyDescent="0.15">
      <c r="A79" s="5">
        <v>61</v>
      </c>
      <c r="B79" s="22">
        <v>4</v>
      </c>
      <c r="C79" s="14">
        <v>8</v>
      </c>
      <c r="D79" s="18">
        <v>12</v>
      </c>
    </row>
    <row r="80" spans="1:4" ht="18" customHeight="1" x14ac:dyDescent="0.15">
      <c r="A80" s="5">
        <v>62</v>
      </c>
      <c r="B80" s="22">
        <v>10</v>
      </c>
      <c r="C80" s="14">
        <v>8</v>
      </c>
      <c r="D80" s="18">
        <v>18</v>
      </c>
    </row>
    <row r="81" spans="1:4" ht="18" customHeight="1" x14ac:dyDescent="0.15">
      <c r="A81" s="5">
        <v>63</v>
      </c>
      <c r="B81" s="22">
        <v>7</v>
      </c>
      <c r="C81" s="14">
        <v>5</v>
      </c>
      <c r="D81" s="18">
        <v>12</v>
      </c>
    </row>
    <row r="82" spans="1:4" ht="18" customHeight="1" x14ac:dyDescent="0.15">
      <c r="A82" s="5">
        <v>64</v>
      </c>
      <c r="B82" s="22">
        <v>6</v>
      </c>
      <c r="C82" s="14">
        <v>5</v>
      </c>
      <c r="D82" s="18">
        <v>11</v>
      </c>
    </row>
    <row r="83" spans="1:4" ht="18" customHeight="1" x14ac:dyDescent="0.15">
      <c r="A83" s="5" t="s">
        <v>28</v>
      </c>
      <c r="B83" s="22">
        <v>30</v>
      </c>
      <c r="C83" s="14">
        <v>31</v>
      </c>
      <c r="D83" s="18">
        <v>61</v>
      </c>
    </row>
    <row r="84" spans="1:4" ht="18" customHeight="1" x14ac:dyDescent="0.15">
      <c r="A84" s="5" t="s">
        <v>31</v>
      </c>
      <c r="B84" s="22">
        <v>270</v>
      </c>
      <c r="C84" s="14">
        <v>231</v>
      </c>
      <c r="D84" s="18">
        <v>501</v>
      </c>
    </row>
    <row r="85" spans="1:4" ht="18" customHeight="1" x14ac:dyDescent="0.15">
      <c r="A85" s="5">
        <v>65</v>
      </c>
      <c r="B85" s="22">
        <v>8</v>
      </c>
      <c r="C85" s="14">
        <v>8</v>
      </c>
      <c r="D85" s="18">
        <v>16</v>
      </c>
    </row>
    <row r="86" spans="1:4" ht="18" customHeight="1" x14ac:dyDescent="0.15">
      <c r="A86" s="5">
        <v>66</v>
      </c>
      <c r="B86" s="22">
        <v>5</v>
      </c>
      <c r="C86" s="14">
        <v>8</v>
      </c>
      <c r="D86" s="18">
        <v>13</v>
      </c>
    </row>
    <row r="87" spans="1:4" ht="18" customHeight="1" x14ac:dyDescent="0.15">
      <c r="A87" s="5">
        <v>67</v>
      </c>
      <c r="B87" s="22">
        <v>9</v>
      </c>
      <c r="C87" s="14">
        <v>12</v>
      </c>
      <c r="D87" s="18">
        <v>21</v>
      </c>
    </row>
    <row r="88" spans="1:4" ht="18" customHeight="1" x14ac:dyDescent="0.15">
      <c r="A88" s="5">
        <v>68</v>
      </c>
      <c r="B88" s="22">
        <v>8</v>
      </c>
      <c r="C88" s="14">
        <v>6</v>
      </c>
      <c r="D88" s="18">
        <v>14</v>
      </c>
    </row>
    <row r="89" spans="1:4" ht="18" customHeight="1" x14ac:dyDescent="0.15">
      <c r="A89" s="5">
        <v>69</v>
      </c>
      <c r="B89" s="22">
        <v>6</v>
      </c>
      <c r="C89" s="14">
        <v>7</v>
      </c>
      <c r="D89" s="18">
        <v>13</v>
      </c>
    </row>
    <row r="90" spans="1:4" ht="18" customHeight="1" x14ac:dyDescent="0.15">
      <c r="A90" s="5" t="s">
        <v>20</v>
      </c>
      <c r="B90" s="22">
        <v>36</v>
      </c>
      <c r="C90" s="14">
        <v>41</v>
      </c>
      <c r="D90" s="18">
        <v>77</v>
      </c>
    </row>
    <row r="91" spans="1:4" ht="18" customHeight="1" x14ac:dyDescent="0.15">
      <c r="A91" s="5">
        <v>70</v>
      </c>
      <c r="B91" s="22">
        <v>5</v>
      </c>
      <c r="C91" s="14">
        <v>11</v>
      </c>
      <c r="D91" s="18">
        <v>16</v>
      </c>
    </row>
    <row r="92" spans="1:4" ht="18" customHeight="1" x14ac:dyDescent="0.15">
      <c r="A92" s="5">
        <v>71</v>
      </c>
      <c r="B92" s="22">
        <v>13</v>
      </c>
      <c r="C92" s="14">
        <v>14</v>
      </c>
      <c r="D92" s="18">
        <v>27</v>
      </c>
    </row>
    <row r="93" spans="1:4" ht="18" customHeight="1" x14ac:dyDescent="0.15">
      <c r="A93" s="5">
        <v>72</v>
      </c>
      <c r="B93" s="22">
        <v>15</v>
      </c>
      <c r="C93" s="14">
        <v>8</v>
      </c>
      <c r="D93" s="18">
        <v>23</v>
      </c>
    </row>
    <row r="94" spans="1:4" ht="18" customHeight="1" x14ac:dyDescent="0.15">
      <c r="A94" s="5">
        <v>73</v>
      </c>
      <c r="B94" s="22">
        <v>12</v>
      </c>
      <c r="C94" s="14">
        <v>4</v>
      </c>
      <c r="D94" s="18">
        <v>16</v>
      </c>
    </row>
    <row r="95" spans="1:4" ht="18" customHeight="1" x14ac:dyDescent="0.15">
      <c r="A95" s="5">
        <v>74</v>
      </c>
      <c r="B95" s="22">
        <v>11</v>
      </c>
      <c r="C95" s="14">
        <v>13</v>
      </c>
      <c r="D95" s="18">
        <v>24</v>
      </c>
    </row>
    <row r="96" spans="1:4" ht="18" customHeight="1" x14ac:dyDescent="0.15">
      <c r="A96" s="5" t="s">
        <v>33</v>
      </c>
      <c r="B96" s="22">
        <v>56</v>
      </c>
      <c r="C96" s="14">
        <v>50</v>
      </c>
      <c r="D96" s="18">
        <v>106</v>
      </c>
    </row>
    <row r="97" spans="1:4" ht="18" customHeight="1" x14ac:dyDescent="0.15">
      <c r="A97" s="5">
        <v>75</v>
      </c>
      <c r="B97" s="22">
        <v>7</v>
      </c>
      <c r="C97" s="14">
        <v>13</v>
      </c>
      <c r="D97" s="18">
        <v>20</v>
      </c>
    </row>
    <row r="98" spans="1:4" ht="18" customHeight="1" x14ac:dyDescent="0.15">
      <c r="A98" s="5">
        <v>76</v>
      </c>
      <c r="B98" s="22">
        <v>12</v>
      </c>
      <c r="C98" s="14">
        <v>13</v>
      </c>
      <c r="D98" s="18">
        <v>25</v>
      </c>
    </row>
    <row r="99" spans="1:4" ht="18" customHeight="1" x14ac:dyDescent="0.15">
      <c r="A99" s="5">
        <v>77</v>
      </c>
      <c r="B99" s="22">
        <v>14</v>
      </c>
      <c r="C99" s="14">
        <v>18</v>
      </c>
      <c r="D99" s="18">
        <v>32</v>
      </c>
    </row>
    <row r="100" spans="1:4" ht="18" customHeight="1" x14ac:dyDescent="0.15">
      <c r="A100" s="5">
        <v>78</v>
      </c>
      <c r="B100" s="22">
        <v>12</v>
      </c>
      <c r="C100" s="14">
        <v>19</v>
      </c>
      <c r="D100" s="18">
        <v>31</v>
      </c>
    </row>
    <row r="101" spans="1:4" ht="18" customHeight="1" x14ac:dyDescent="0.15">
      <c r="A101" s="5">
        <v>79</v>
      </c>
      <c r="B101" s="22">
        <v>9</v>
      </c>
      <c r="C101" s="14">
        <v>11</v>
      </c>
      <c r="D101" s="18">
        <v>20</v>
      </c>
    </row>
    <row r="102" spans="1:4" ht="18" customHeight="1" x14ac:dyDescent="0.15">
      <c r="A102" s="5" t="s">
        <v>0</v>
      </c>
      <c r="B102" s="22">
        <v>54</v>
      </c>
      <c r="C102" s="14">
        <v>74</v>
      </c>
      <c r="D102" s="18">
        <v>128</v>
      </c>
    </row>
    <row r="103" spans="1:4" ht="18" customHeight="1" x14ac:dyDescent="0.15">
      <c r="A103" s="5">
        <v>80</v>
      </c>
      <c r="B103" s="22">
        <v>9</v>
      </c>
      <c r="C103" s="14">
        <v>6</v>
      </c>
      <c r="D103" s="18">
        <v>15</v>
      </c>
    </row>
    <row r="104" spans="1:4" ht="18" customHeight="1" x14ac:dyDescent="0.15">
      <c r="A104" s="5">
        <v>81</v>
      </c>
      <c r="B104" s="22">
        <v>13</v>
      </c>
      <c r="C104" s="14">
        <v>6</v>
      </c>
      <c r="D104" s="18">
        <v>19</v>
      </c>
    </row>
    <row r="105" spans="1:4" ht="18" customHeight="1" x14ac:dyDescent="0.15">
      <c r="A105" s="5">
        <v>82</v>
      </c>
      <c r="B105" s="22">
        <v>5</v>
      </c>
      <c r="C105" s="14">
        <v>16</v>
      </c>
      <c r="D105" s="18">
        <v>21</v>
      </c>
    </row>
    <row r="106" spans="1:4" ht="18" customHeight="1" x14ac:dyDescent="0.15">
      <c r="A106" s="5">
        <v>83</v>
      </c>
      <c r="B106" s="22">
        <v>7</v>
      </c>
      <c r="C106" s="14">
        <v>10</v>
      </c>
      <c r="D106" s="18">
        <v>17</v>
      </c>
    </row>
    <row r="107" spans="1:4" ht="18" customHeight="1" x14ac:dyDescent="0.15">
      <c r="A107" s="5">
        <v>84</v>
      </c>
      <c r="B107" s="22">
        <v>7</v>
      </c>
      <c r="C107" s="14">
        <v>8</v>
      </c>
      <c r="D107" s="18">
        <v>15</v>
      </c>
    </row>
    <row r="108" spans="1:4" ht="18" customHeight="1" x14ac:dyDescent="0.15">
      <c r="A108" s="5" t="s">
        <v>35</v>
      </c>
      <c r="B108" s="22">
        <v>41</v>
      </c>
      <c r="C108" s="14">
        <v>46</v>
      </c>
      <c r="D108" s="18">
        <v>87</v>
      </c>
    </row>
    <row r="109" spans="1:4" ht="18" customHeight="1" x14ac:dyDescent="0.15">
      <c r="A109" s="5">
        <v>85</v>
      </c>
      <c r="B109" s="22">
        <v>1</v>
      </c>
      <c r="C109" s="14">
        <v>3</v>
      </c>
      <c r="D109" s="18">
        <v>4</v>
      </c>
    </row>
    <row r="110" spans="1:4" ht="18" customHeight="1" x14ac:dyDescent="0.15">
      <c r="A110" s="5">
        <v>86</v>
      </c>
      <c r="B110" s="22">
        <v>3</v>
      </c>
      <c r="C110" s="14">
        <v>10</v>
      </c>
      <c r="D110" s="18">
        <v>13</v>
      </c>
    </row>
    <row r="111" spans="1:4" ht="18" customHeight="1" x14ac:dyDescent="0.15">
      <c r="A111" s="5">
        <v>87</v>
      </c>
      <c r="B111" s="22">
        <v>3</v>
      </c>
      <c r="C111" s="14">
        <v>10</v>
      </c>
      <c r="D111" s="18">
        <v>13</v>
      </c>
    </row>
    <row r="112" spans="1:4" ht="18" customHeight="1" x14ac:dyDescent="0.15">
      <c r="A112" s="5">
        <v>88</v>
      </c>
      <c r="B112" s="22">
        <v>6</v>
      </c>
      <c r="C112" s="14">
        <v>6</v>
      </c>
      <c r="D112" s="18">
        <v>12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5</v>
      </c>
      <c r="C114" s="14">
        <v>31</v>
      </c>
      <c r="D114" s="18">
        <v>46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2</v>
      </c>
      <c r="C117" s="14">
        <v>3</v>
      </c>
      <c r="D117" s="18">
        <v>5</v>
      </c>
    </row>
    <row r="118" spans="1:4" ht="18" customHeight="1" x14ac:dyDescent="0.15">
      <c r="A118" s="5">
        <v>93</v>
      </c>
      <c r="B118" s="22">
        <v>3</v>
      </c>
      <c r="C118" s="14">
        <v>5</v>
      </c>
      <c r="D118" s="18">
        <v>8</v>
      </c>
    </row>
    <row r="119" spans="1:4" ht="18" customHeight="1" x14ac:dyDescent="0.15">
      <c r="A119" s="5">
        <v>94</v>
      </c>
      <c r="B119" s="22">
        <v>0</v>
      </c>
      <c r="C119" s="14">
        <v>10</v>
      </c>
      <c r="D119" s="18">
        <v>10</v>
      </c>
    </row>
    <row r="120" spans="1:4" ht="18" customHeight="1" x14ac:dyDescent="0.15">
      <c r="A120" s="5" t="s">
        <v>39</v>
      </c>
      <c r="B120" s="22">
        <v>11</v>
      </c>
      <c r="C120" s="14">
        <v>31</v>
      </c>
      <c r="D120" s="18">
        <v>42</v>
      </c>
    </row>
    <row r="121" spans="1:4" ht="18" customHeight="1" x14ac:dyDescent="0.15">
      <c r="A121" s="5">
        <v>95</v>
      </c>
      <c r="B121" s="22">
        <v>2</v>
      </c>
      <c r="C121" s="14">
        <v>2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8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217</v>
      </c>
      <c r="C130" s="14">
        <v>284</v>
      </c>
      <c r="D130" s="18">
        <v>501</v>
      </c>
    </row>
    <row r="131" spans="1:4" ht="18" customHeight="1" x14ac:dyDescent="0.15">
      <c r="A131" s="7" t="s">
        <v>45</v>
      </c>
      <c r="B131" s="23">
        <v>514</v>
      </c>
      <c r="C131" s="15">
        <v>544</v>
      </c>
      <c r="D131" s="19">
        <v>10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03T05:04:18Z</dcterms:created>
  <dcterms:modified xsi:type="dcterms:W3CDTF">2026-02-03T06:26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2-03T05:04:18Z</vt:filetime>
  </property>
</Properties>
</file>